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介護保険事業状況報告\02_月報HP\R3年度\HP掲載済\"/>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L$41</definedName>
    <definedName name="_xlnm.Print_Area" localSheetId="2">'第２-2表'!$A$1:$KL$41</definedName>
    <definedName name="_xlnm.Print_Area" localSheetId="3">'第２-3表'!$A$1:$KL$41</definedName>
    <definedName name="_xlnm.Print_Area" localSheetId="8">'第3-3-1表'!$A$1:$CV$40</definedName>
    <definedName name="_xlnm.Print_Area" localSheetId="9">'第3-3-2表'!$A$1:$CV$40</definedName>
    <definedName name="_xlnm.Print_Area" localSheetId="10">'第3-3-3表 '!$A$1:$CV$40</definedName>
    <definedName name="_xlnm.Print_Titles" localSheetId="1">'第２-1表'!$A:$A,'第２-1表'!$1:$2</definedName>
    <definedName name="_xlnm.Print_Titles" localSheetId="2">'第２-2表'!$A:$A,'第２-2表'!$1:$2</definedName>
    <definedName name="_xlnm.Print_Titles" localSheetId="3">'第２-3表'!$A:$A,'第２-3表'!$1:$2</definedName>
    <definedName name="_xlnm.Print_Titles" localSheetId="4">'第３-1表'!$A:$A</definedName>
    <definedName name="_xlnm.Print_Titles" localSheetId="5">'第３-2-1表'!$A:$A,'第３-2-1表'!$1:$2</definedName>
    <definedName name="_xlnm.Print_Titles" localSheetId="6">'第３-2-2表'!$A:$A,'第３-2-2表'!$1:$2</definedName>
    <definedName name="_xlnm.Print_Titles" localSheetId="7">'第３-2-3表 '!$A:$A,'第３-2-3表 '!$1:$2</definedName>
    <definedName name="_xlnm.Print_Titles" localSheetId="11">'第４-1表'!$A:$A</definedName>
    <definedName name="_xlnm.Print_Titles" localSheetId="18">'第5-1表'!$A:$A</definedName>
    <definedName name="_xlnm.Print_Titles" localSheetId="19">'第5-2表'!$A:$A</definedName>
    <definedName name="_xlnm.Print_Titles" localSheetId="20">'第5-3表'!$A:$A</definedName>
    <definedName name="_xlnm.Print_Titles" localSheetId="21">'第６-1表'!$A:$A</definedName>
    <definedName name="_xlnm.Print_Titles" localSheetId="22">'第６-2表'!$A:$A</definedName>
    <definedName name="_xlnm.Print_Titles" localSheetId="23">'第６-3表 '!$A:$A</definedName>
    <definedName name="_xlnm.Print_Titles" localSheetId="24">第7表!$A:$A</definedName>
  </definedNames>
  <calcPr calcId="152511"/>
</workbook>
</file>

<file path=xl/calcChain.xml><?xml version="1.0" encoding="utf-8"?>
<calcChain xmlns="http://schemas.openxmlformats.org/spreadsheetml/2006/main">
  <c r="E1" i="33" l="1"/>
  <c r="F1" i="33" s="1"/>
  <c r="D1" i="33"/>
  <c r="E1" i="25" l="1"/>
  <c r="F1" i="25" s="1"/>
  <c r="D1" i="25"/>
  <c r="E1" i="34" l="1"/>
  <c r="F1" i="34" s="1"/>
  <c r="D1" i="34"/>
  <c r="I1" i="32" l="1"/>
  <c r="J1" i="32" s="1"/>
  <c r="G1" i="32"/>
  <c r="J1" i="31"/>
  <c r="K1" i="31" s="1"/>
  <c r="H1" i="31"/>
  <c r="K1" i="30"/>
  <c r="L1" i="30" s="1"/>
  <c r="I1" i="30"/>
  <c r="J1" i="29"/>
  <c r="K1" i="29" s="1"/>
  <c r="H1" i="29"/>
  <c r="G1" i="28"/>
  <c r="H1" i="28" s="1"/>
  <c r="E1" i="28"/>
  <c r="D1" i="18" l="1"/>
  <c r="D1" i="26"/>
  <c r="F1" i="6"/>
  <c r="D1" i="5"/>
  <c r="G1" i="24"/>
  <c r="G1" i="14"/>
  <c r="H1" i="23"/>
  <c r="H1" i="13"/>
  <c r="G1" i="4"/>
  <c r="I1" i="22"/>
  <c r="I1" i="11"/>
  <c r="H1" i="21"/>
  <c r="H1" i="10"/>
  <c r="F1" i="9"/>
  <c r="E1" i="19"/>
  <c r="E1" i="8"/>
  <c r="E1" i="18" l="1"/>
  <c r="E1" i="26"/>
  <c r="G1" i="6"/>
  <c r="E1" i="5"/>
  <c r="I1" i="24"/>
  <c r="I1" i="14"/>
  <c r="J1" i="23"/>
  <c r="J1" i="13"/>
  <c r="I1" i="4"/>
  <c r="K1" i="22"/>
  <c r="K1" i="11"/>
  <c r="J1" i="21"/>
  <c r="J1" i="10"/>
  <c r="H1" i="9"/>
  <c r="G1" i="19"/>
  <c r="G1" i="8"/>
  <c r="I1" i="9" l="1"/>
  <c r="F1" i="26"/>
  <c r="J1" i="24"/>
  <c r="K1" i="23"/>
  <c r="L1" i="22"/>
  <c r="K1" i="21"/>
  <c r="H1" i="19"/>
  <c r="F1" i="18"/>
  <c r="J1" i="14"/>
  <c r="K1" i="13"/>
  <c r="L1" i="11"/>
  <c r="K1" i="10"/>
  <c r="H1" i="6"/>
  <c r="F1" i="5"/>
  <c r="J1" i="4"/>
  <c r="H1" i="8"/>
  <c r="H4" i="1"/>
</calcChain>
</file>

<file path=xl/sharedStrings.xml><?xml version="1.0" encoding="utf-8"?>
<sst xmlns="http://schemas.openxmlformats.org/spreadsheetml/2006/main" count="5575" uniqueCount="162">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8">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 diagonalUp="1">
      <left style="medium">
        <color indexed="64"/>
      </left>
      <right style="medium">
        <color indexed="64"/>
      </right>
      <top style="medium">
        <color indexed="64"/>
      </top>
      <bottom style="thin">
        <color indexed="64"/>
      </bottom>
      <diagonal style="thin">
        <color indexed="64"/>
      </diagonal>
    </border>
    <border diagonalUp="1">
      <left style="medium">
        <color indexed="64"/>
      </left>
      <right style="medium">
        <color indexed="64"/>
      </right>
      <top style="thin">
        <color indexed="64"/>
      </top>
      <bottom style="thin">
        <color indexed="64"/>
      </bottom>
      <diagonal style="thin">
        <color indexed="64"/>
      </diagonal>
    </border>
    <border diagonalUp="1">
      <left style="medium">
        <color indexed="64"/>
      </left>
      <right style="medium">
        <color indexed="64"/>
      </right>
      <top style="thin">
        <color indexed="64"/>
      </top>
      <bottom style="medium">
        <color indexed="64"/>
      </bottom>
      <diagonal style="thin">
        <color indexed="64"/>
      </diagonal>
    </border>
    <border>
      <left style="thin">
        <color indexed="64"/>
      </left>
      <right style="medium">
        <color indexed="64"/>
      </right>
      <top style="thin">
        <color indexed="64"/>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839">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0" fontId="3" fillId="0" borderId="31"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3" fontId="8"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0" fontId="9" fillId="0" borderId="9" xfId="3"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38" fontId="3" fillId="0" borderId="38" xfId="1" applyFont="1" applyBorder="1" applyAlignment="1">
      <alignment horizontal="right" vertical="center"/>
    </xf>
    <xf numFmtId="38" fontId="3" fillId="0" borderId="6" xfId="1" applyFont="1" applyBorder="1" applyAlignment="1">
      <alignment horizontal="right" vertical="center"/>
    </xf>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31" xfId="0"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0" xfId="0" applyFont="1" applyAlignment="1">
      <alignment vertical="center" shrinkToFit="1"/>
    </xf>
    <xf numFmtId="186" fontId="8" fillId="0" borderId="0" xfId="0" applyNumberFormat="1" applyFont="1" applyAlignment="1">
      <alignment vertical="center" shrinkToFit="1"/>
    </xf>
    <xf numFmtId="183" fontId="8" fillId="0" borderId="0" xfId="0" applyNumberFormat="1" applyFont="1" applyAlignment="1">
      <alignment horizontal="left" vertical="center" shrinkToFit="1"/>
    </xf>
    <xf numFmtId="0" fontId="3" fillId="0" borderId="0" xfId="0" applyFont="1" applyFill="1" applyAlignment="1">
      <alignment vertical="center" shrinkToFit="1"/>
    </xf>
    <xf numFmtId="183" fontId="8" fillId="0" borderId="0" xfId="0" applyNumberFormat="1" applyFont="1" applyFill="1" applyAlignment="1">
      <alignment horizontal="left" vertical="center" shrinkToFit="1"/>
    </xf>
    <xf numFmtId="0" fontId="2" fillId="0" borderId="0" xfId="0" applyFont="1" applyAlignment="1">
      <alignment vertical="center" shrinkToFit="1"/>
    </xf>
    <xf numFmtId="181" fontId="8" fillId="0" borderId="0" xfId="0" applyNumberFormat="1" applyFont="1" applyAlignment="1">
      <alignment vertical="center" shrinkToFit="1"/>
    </xf>
    <xf numFmtId="0" fontId="2" fillId="0" borderId="0" xfId="0" applyFont="1" applyFill="1" applyAlignment="1">
      <alignment vertical="center" shrinkToFit="1"/>
    </xf>
    <xf numFmtId="181" fontId="8" fillId="0" borderId="0" xfId="0" applyNumberFormat="1" applyFont="1" applyFill="1" applyAlignment="1">
      <alignment vertical="center" shrinkToFit="1"/>
    </xf>
    <xf numFmtId="182" fontId="3" fillId="0" borderId="0" xfId="0" applyNumberFormat="1" applyFont="1" applyBorder="1" applyAlignment="1">
      <alignment horizontal="center" vertical="center" shrinkToFit="1"/>
    </xf>
    <xf numFmtId="0" fontId="3" fillId="0" borderId="33" xfId="0" applyFont="1" applyBorder="1" applyAlignment="1">
      <alignment horizontal="center" vertical="center" shrinkToFit="1"/>
    </xf>
    <xf numFmtId="0" fontId="3" fillId="0" borderId="12" xfId="0" applyFont="1" applyBorder="1" applyAlignment="1">
      <alignment horizontal="center" vertical="center" shrinkToFit="1"/>
    </xf>
    <xf numFmtId="0" fontId="3" fillId="0" borderId="25" xfId="0" applyFont="1" applyBorder="1" applyAlignment="1">
      <alignment horizontal="center" vertical="center" shrinkToFit="1"/>
    </xf>
    <xf numFmtId="0" fontId="3" fillId="0" borderId="13" xfId="0" applyFont="1" applyBorder="1" applyAlignment="1">
      <alignment horizontal="center" vertical="center" shrinkToFit="1"/>
    </xf>
    <xf numFmtId="0" fontId="3" fillId="0" borderId="9" xfId="0" applyFont="1" applyBorder="1" applyAlignment="1">
      <alignment horizontal="center" vertical="center" shrinkToFit="1"/>
    </xf>
    <xf numFmtId="0" fontId="3" fillId="0" borderId="20" xfId="0" applyFont="1" applyBorder="1" applyAlignment="1">
      <alignment horizontal="center" vertical="center" shrinkToFit="1"/>
    </xf>
    <xf numFmtId="0" fontId="3" fillId="0" borderId="23" xfId="0" applyFont="1" applyBorder="1" applyAlignment="1">
      <alignment horizontal="center" vertical="center" shrinkToFit="1"/>
    </xf>
    <xf numFmtId="0" fontId="3" fillId="0" borderId="24" xfId="0" applyFont="1" applyBorder="1" applyAlignment="1">
      <alignment horizontal="center" vertical="center" shrinkToFit="1"/>
    </xf>
    <xf numFmtId="0" fontId="3" fillId="0" borderId="22" xfId="0" applyFont="1" applyBorder="1" applyAlignment="1">
      <alignment horizontal="center" vertical="center" shrinkToFit="1"/>
    </xf>
    <xf numFmtId="0" fontId="3" fillId="0" borderId="2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180" fontId="2" fillId="0" borderId="53" xfId="2" applyNumberFormat="1" applyFont="1" applyBorder="1" applyAlignment="1">
      <alignment vertical="center" shrinkToFit="1"/>
    </xf>
    <xf numFmtId="180" fontId="2" fillId="0" borderId="54" xfId="2" applyNumberFormat="1" applyFont="1" applyBorder="1" applyAlignment="1">
      <alignment vertical="center" shrinkToFit="1"/>
    </xf>
    <xf numFmtId="180" fontId="2" fillId="0" borderId="46" xfId="2" applyNumberFormat="1" applyFont="1" applyBorder="1" applyAlignment="1">
      <alignment vertical="center" shrinkToFit="1"/>
    </xf>
    <xf numFmtId="180" fontId="2" fillId="0" borderId="42" xfId="2" applyNumberFormat="1" applyFont="1" applyBorder="1" applyAlignment="1">
      <alignment vertical="center" shrinkToFit="1"/>
    </xf>
    <xf numFmtId="180" fontId="2" fillId="0" borderId="0" xfId="2" applyNumberFormat="1" applyFont="1" applyAlignment="1">
      <alignment vertical="center" shrinkToFit="1"/>
    </xf>
    <xf numFmtId="179" fontId="2" fillId="0" borderId="47" xfId="0" applyNumberFormat="1" applyFont="1" applyBorder="1" applyAlignment="1">
      <alignment shrinkToFit="1"/>
    </xf>
    <xf numFmtId="179" fontId="2" fillId="0" borderId="67" xfId="0" applyNumberFormat="1" applyFont="1" applyBorder="1" applyAlignment="1">
      <alignment shrinkToFit="1"/>
    </xf>
    <xf numFmtId="179" fontId="2" fillId="0" borderId="0" xfId="0" applyNumberFormat="1" applyFont="1" applyAlignment="1">
      <alignment shrinkToFit="1"/>
    </xf>
    <xf numFmtId="179" fontId="2" fillId="0" borderId="65" xfId="0" applyNumberFormat="1" applyFont="1" applyBorder="1" applyAlignment="1">
      <alignment shrinkToFit="1"/>
    </xf>
    <xf numFmtId="179" fontId="2" fillId="0" borderId="0" xfId="0" applyNumberFormat="1" applyFont="1" applyBorder="1" applyAlignment="1">
      <alignment shrinkToFit="1"/>
    </xf>
    <xf numFmtId="179" fontId="2" fillId="0" borderId="33" xfId="0" applyNumberFormat="1" applyFont="1" applyBorder="1" applyAlignment="1">
      <alignment shrinkToFit="1"/>
    </xf>
    <xf numFmtId="179" fontId="2" fillId="0" borderId="12" xfId="0" applyNumberFormat="1" applyFont="1" applyBorder="1" applyAlignment="1">
      <alignment shrinkToFit="1"/>
    </xf>
    <xf numFmtId="179" fontId="2" fillId="0" borderId="13" xfId="0" applyNumberFormat="1" applyFont="1" applyBorder="1" applyAlignment="1">
      <alignment shrinkToFit="1"/>
    </xf>
    <xf numFmtId="179" fontId="2" fillId="0" borderId="71" xfId="0" applyNumberFormat="1" applyFont="1" applyBorder="1" applyAlignment="1">
      <alignment shrinkToFit="1"/>
    </xf>
    <xf numFmtId="179" fontId="2" fillId="0" borderId="40" xfId="0" applyNumberFormat="1" applyFont="1" applyBorder="1" applyAlignment="1">
      <alignment shrinkToFit="1"/>
    </xf>
    <xf numFmtId="179" fontId="2" fillId="0" borderId="25" xfId="0" applyNumberFormat="1" applyFont="1" applyBorder="1" applyAlignment="1">
      <alignment shrinkToFit="1"/>
    </xf>
    <xf numFmtId="179" fontId="2" fillId="0" borderId="26" xfId="0" applyNumberFormat="1" applyFont="1" applyBorder="1" applyAlignment="1">
      <alignment shrinkToFit="1"/>
    </xf>
    <xf numFmtId="179" fontId="2" fillId="0" borderId="77" xfId="0" applyNumberFormat="1" applyFont="1" applyBorder="1" applyAlignment="1">
      <alignment shrinkToFit="1"/>
    </xf>
    <xf numFmtId="179" fontId="2" fillId="0" borderId="9" xfId="0" applyNumberFormat="1" applyFont="1" applyBorder="1" applyAlignment="1">
      <alignment shrinkToFit="1"/>
    </xf>
    <xf numFmtId="179" fontId="2" fillId="0" borderId="30" xfId="0" applyNumberFormat="1" applyFont="1" applyBorder="1" applyAlignment="1">
      <alignment shrinkToFit="1"/>
    </xf>
    <xf numFmtId="180" fontId="2" fillId="0" borderId="14" xfId="2" applyNumberFormat="1" applyFont="1" applyBorder="1" applyAlignment="1">
      <alignment vertical="center" shrinkToFit="1"/>
    </xf>
    <xf numFmtId="180" fontId="2" fillId="0" borderId="12" xfId="2" applyNumberFormat="1" applyFont="1" applyBorder="1" applyAlignment="1">
      <alignment vertical="center" shrinkToFit="1"/>
    </xf>
    <xf numFmtId="180" fontId="2" fillId="0" borderId="71" xfId="2" applyNumberFormat="1" applyFont="1" applyBorder="1" applyAlignment="1">
      <alignment vertical="center" shrinkToFit="1"/>
    </xf>
    <xf numFmtId="180" fontId="2" fillId="0" borderId="72" xfId="2" applyNumberFormat="1" applyFont="1" applyBorder="1" applyAlignment="1">
      <alignment vertical="center" shrinkToFit="1"/>
    </xf>
    <xf numFmtId="180" fontId="2" fillId="0" borderId="73" xfId="2" applyNumberFormat="1" applyFont="1" applyBorder="1" applyAlignment="1">
      <alignment vertical="center" shrinkToFit="1"/>
    </xf>
    <xf numFmtId="180" fontId="2" fillId="0" borderId="74" xfId="2" applyNumberFormat="1" applyFont="1" applyBorder="1" applyAlignment="1">
      <alignment vertical="center" shrinkToFit="1"/>
    </xf>
    <xf numFmtId="180" fontId="2" fillId="0" borderId="75" xfId="2" applyNumberFormat="1" applyFont="1" applyBorder="1" applyAlignment="1">
      <alignment vertical="center" shrinkToFit="1"/>
    </xf>
    <xf numFmtId="180" fontId="2" fillId="0" borderId="76" xfId="2" applyNumberFormat="1" applyFont="1" applyBorder="1" applyAlignment="1">
      <alignment vertical="center" shrinkToFit="1"/>
    </xf>
    <xf numFmtId="180" fontId="2" fillId="0" borderId="30" xfId="2" applyNumberFormat="1" applyFont="1" applyBorder="1" applyAlignment="1">
      <alignment vertical="center" shrinkToFit="1"/>
    </xf>
    <xf numFmtId="180" fontId="2" fillId="0" borderId="9" xfId="1" applyNumberFormat="1" applyFont="1" applyFill="1" applyBorder="1" applyAlignment="1">
      <alignment vertical="center" shrinkToFit="1"/>
    </xf>
    <xf numFmtId="180" fontId="2" fillId="0" borderId="12" xfId="1" applyNumberFormat="1" applyFont="1" applyFill="1" applyBorder="1" applyAlignment="1">
      <alignment vertical="center" shrinkToFit="1"/>
    </xf>
    <xf numFmtId="180" fontId="2" fillId="0" borderId="13" xfId="1" applyNumberFormat="1" applyFont="1" applyFill="1" applyBorder="1" applyAlignment="1">
      <alignment vertical="center" shrinkToFit="1"/>
    </xf>
    <xf numFmtId="180" fontId="2" fillId="0" borderId="77" xfId="1" applyNumberFormat="1" applyFont="1" applyFill="1" applyBorder="1" applyAlignment="1">
      <alignment vertical="center" shrinkToFit="1"/>
    </xf>
    <xf numFmtId="180" fontId="2" fillId="0" borderId="12" xfId="0" applyNumberFormat="1" applyFont="1" applyBorder="1" applyAlignment="1">
      <alignment shrinkToFit="1"/>
    </xf>
    <xf numFmtId="180" fontId="2" fillId="0" borderId="25" xfId="0" applyNumberFormat="1" applyFont="1" applyBorder="1" applyAlignment="1">
      <alignment shrinkToFit="1"/>
    </xf>
    <xf numFmtId="180" fontId="2" fillId="0" borderId="40" xfId="0" applyNumberFormat="1" applyFont="1" applyBorder="1" applyAlignment="1">
      <alignment shrinkToFit="1"/>
    </xf>
    <xf numFmtId="180" fontId="2" fillId="0" borderId="9" xfId="0" applyNumberFormat="1" applyFont="1" applyBorder="1" applyAlignment="1">
      <alignment shrinkToFit="1"/>
    </xf>
    <xf numFmtId="180" fontId="2" fillId="0" borderId="13" xfId="0" applyNumberFormat="1" applyFont="1" applyBorder="1" applyAlignment="1">
      <alignment shrinkToFit="1"/>
    </xf>
    <xf numFmtId="180" fontId="2" fillId="0" borderId="77" xfId="0" applyNumberFormat="1" applyFont="1" applyBorder="1" applyAlignment="1">
      <alignment shrinkToFit="1"/>
    </xf>
    <xf numFmtId="180" fontId="2" fillId="0" borderId="71" xfId="0" applyNumberFormat="1" applyFont="1" applyBorder="1" applyAlignment="1">
      <alignment shrinkToFit="1"/>
    </xf>
    <xf numFmtId="180" fontId="2" fillId="0" borderId="26" xfId="0" applyNumberFormat="1" applyFont="1" applyBorder="1" applyAlignment="1">
      <alignment shrinkToFit="1"/>
    </xf>
    <xf numFmtId="180" fontId="2" fillId="0" borderId="9" xfId="1" applyNumberFormat="1" applyFont="1" applyFill="1" applyBorder="1" applyAlignment="1">
      <alignment shrinkToFit="1"/>
    </xf>
    <xf numFmtId="180" fontId="2" fillId="0" borderId="33" xfId="0" applyNumberFormat="1" applyFont="1" applyBorder="1" applyAlignment="1">
      <alignment shrinkToFit="1"/>
    </xf>
    <xf numFmtId="180" fontId="2" fillId="0" borderId="30" xfId="0" applyNumberFormat="1" applyFont="1" applyBorder="1" applyAlignment="1">
      <alignment shrinkToFit="1"/>
    </xf>
    <xf numFmtId="180" fontId="2" fillId="0" borderId="79" xfId="1" applyNumberFormat="1" applyFont="1" applyFill="1" applyBorder="1" applyAlignment="1">
      <alignment vertical="center" shrinkToFit="1"/>
    </xf>
    <xf numFmtId="182" fontId="2" fillId="0" borderId="0" xfId="0" applyNumberFormat="1" applyFont="1" applyBorder="1" applyAlignment="1">
      <alignment horizontal="center" vertical="center" shrinkToFit="1"/>
    </xf>
    <xf numFmtId="0" fontId="2" fillId="0" borderId="33" xfId="0" applyFont="1" applyBorder="1" applyAlignment="1">
      <alignment horizontal="center" vertical="center" shrinkToFit="1"/>
    </xf>
    <xf numFmtId="0" fontId="2" fillId="0" borderId="12" xfId="0" applyFont="1" applyBorder="1" applyAlignment="1">
      <alignment horizontal="center" vertical="center" shrinkToFit="1"/>
    </xf>
    <xf numFmtId="0" fontId="2" fillId="0" borderId="25" xfId="0" applyFont="1" applyBorder="1" applyAlignment="1">
      <alignment horizontal="center" vertical="center" shrinkToFit="1"/>
    </xf>
    <xf numFmtId="0" fontId="2" fillId="0" borderId="26" xfId="0" applyFont="1" applyBorder="1" applyAlignment="1">
      <alignment horizontal="center" vertical="center" shrinkToFit="1"/>
    </xf>
    <xf numFmtId="0" fontId="2" fillId="0" borderId="13" xfId="0" applyFont="1" applyBorder="1" applyAlignment="1">
      <alignment horizontal="center" vertical="center" shrinkToFit="1"/>
    </xf>
    <xf numFmtId="0" fontId="2" fillId="0" borderId="9" xfId="0" applyFont="1" applyBorder="1" applyAlignment="1">
      <alignment horizontal="center" vertical="center" shrinkToFit="1"/>
    </xf>
    <xf numFmtId="0" fontId="2" fillId="0" borderId="20"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179" fontId="2" fillId="0" borderId="110" xfId="0" applyNumberFormat="1" applyFont="1" applyBorder="1" applyAlignment="1">
      <alignment shrinkToFit="1"/>
    </xf>
    <xf numFmtId="179" fontId="2" fillId="0" borderId="111" xfId="0" applyNumberFormat="1" applyFont="1" applyBorder="1" applyAlignment="1">
      <alignment shrinkToFit="1"/>
    </xf>
    <xf numFmtId="179" fontId="2" fillId="0" borderId="112" xfId="0" applyNumberFormat="1" applyFont="1" applyBorder="1" applyAlignment="1">
      <alignment shrinkToFit="1"/>
    </xf>
    <xf numFmtId="179" fontId="2" fillId="0" borderId="79" xfId="0" applyNumberFormat="1" applyFont="1" applyBorder="1" applyAlignment="1">
      <alignment shrinkToFit="1"/>
    </xf>
    <xf numFmtId="179" fontId="2" fillId="0" borderId="113" xfId="0" applyNumberFormat="1" applyFont="1" applyBorder="1" applyAlignment="1">
      <alignment shrinkToFit="1"/>
    </xf>
    <xf numFmtId="179" fontId="2" fillId="0" borderId="114" xfId="0" applyNumberFormat="1" applyFont="1" applyBorder="1" applyAlignment="1">
      <alignment shrinkToFit="1"/>
    </xf>
    <xf numFmtId="179" fontId="2" fillId="0" borderId="124" xfId="0" applyNumberFormat="1" applyFont="1" applyBorder="1" applyAlignment="1">
      <alignment shrinkToFit="1"/>
    </xf>
    <xf numFmtId="179" fontId="2" fillId="0" borderId="125" xfId="0" applyNumberFormat="1" applyFont="1" applyBorder="1" applyAlignment="1">
      <alignment shrinkToFit="1"/>
    </xf>
    <xf numFmtId="179" fontId="2" fillId="0" borderId="126" xfId="0" applyNumberFormat="1" applyFont="1" applyBorder="1" applyAlignment="1">
      <alignment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0" fontId="0" fillId="0" borderId="9" xfId="1" applyNumberFormat="1" applyFont="1" applyBorder="1" applyAlignment="1">
      <alignment vertical="center" shrinkToFit="1"/>
    </xf>
    <xf numFmtId="180" fontId="0" fillId="0" borderId="12" xfId="1" applyNumberFormat="1" applyFont="1" applyBorder="1" applyAlignment="1">
      <alignment vertical="center" shrinkToFit="1"/>
    </xf>
    <xf numFmtId="180" fontId="0" fillId="0" borderId="25" xfId="1" applyNumberFormat="1" applyFont="1" applyBorder="1" applyAlignment="1">
      <alignment vertical="center" shrinkToFit="1"/>
    </xf>
    <xf numFmtId="180" fontId="0" fillId="0" borderId="26" xfId="1" applyNumberFormat="1" applyFont="1" applyBorder="1" applyAlignment="1">
      <alignment vertical="center" shrinkToFit="1"/>
    </xf>
    <xf numFmtId="180" fontId="0" fillId="0" borderId="13" xfId="1" applyNumberFormat="1" applyFont="1" applyBorder="1" applyAlignment="1">
      <alignment vertical="center" shrinkToFit="1"/>
    </xf>
    <xf numFmtId="180" fontId="0" fillId="0" borderId="30" xfId="1" applyNumberFormat="1" applyFont="1" applyBorder="1" applyAlignment="1">
      <alignment vertical="center" shrinkToFit="1"/>
    </xf>
    <xf numFmtId="180" fontId="0" fillId="0" borderId="77" xfId="1" applyNumberFormat="1" applyFont="1" applyBorder="1" applyAlignment="1">
      <alignment vertical="center" shrinkToFit="1"/>
    </xf>
    <xf numFmtId="180" fontId="0" fillId="0" borderId="71" xfId="1" applyNumberFormat="1" applyFont="1" applyBorder="1" applyAlignment="1">
      <alignment vertical="center" shrinkToFit="1"/>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3" xfId="0" applyBorder="1" applyAlignment="1">
      <alignment vertical="center"/>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6" fontId="8" fillId="0" borderId="0" xfId="0" applyNumberFormat="1" applyFont="1" applyBorder="1" applyAlignment="1">
      <alignment horizontal="right"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43"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6"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0" fillId="0" borderId="84" xfId="0" applyBorder="1" applyAlignment="1"/>
    <xf numFmtId="0" fontId="0" fillId="0" borderId="10" xfId="0" applyBorder="1" applyAlignment="1"/>
    <xf numFmtId="0" fontId="3" fillId="0" borderId="57" xfId="0" applyFont="1" applyBorder="1" applyAlignment="1">
      <alignment horizontal="center" vertical="center" wrapText="1"/>
    </xf>
    <xf numFmtId="0" fontId="3" fillId="0" borderId="96" xfId="0" applyFont="1" applyBorder="1" applyAlignment="1">
      <alignment horizontal="center" vertical="center" shrinkToFit="1"/>
    </xf>
    <xf numFmtId="0" fontId="3" fillId="0" borderId="90" xfId="0" applyFont="1" applyBorder="1" applyAlignment="1">
      <alignment horizontal="center" vertical="center" shrinkToFit="1"/>
    </xf>
    <xf numFmtId="0" fontId="3" fillId="0" borderId="8" xfId="0" applyFont="1" applyBorder="1" applyAlignment="1">
      <alignment horizontal="center" vertical="center" shrinkToFit="1"/>
    </xf>
    <xf numFmtId="0" fontId="3" fillId="0" borderId="5" xfId="0" applyFont="1" applyBorder="1" applyAlignment="1">
      <alignment horizontal="center" vertical="center" shrinkToFit="1"/>
    </xf>
    <xf numFmtId="0" fontId="3" fillId="0" borderId="38" xfId="0" applyFont="1" applyBorder="1" applyAlignment="1">
      <alignment horizontal="center" vertical="center" shrinkToFit="1"/>
    </xf>
    <xf numFmtId="0" fontId="3" fillId="0" borderId="53" xfId="0" applyFont="1" applyBorder="1" applyAlignment="1">
      <alignment horizontal="center" vertical="center" shrinkToFit="1"/>
    </xf>
    <xf numFmtId="0" fontId="3" fillId="0" borderId="46" xfId="0" applyFont="1" applyBorder="1" applyAlignment="1">
      <alignment horizontal="center" vertical="center" shrinkToFit="1"/>
    </xf>
    <xf numFmtId="0" fontId="3" fillId="0" borderId="39" xfId="0" applyFont="1" applyBorder="1" applyAlignment="1">
      <alignment horizontal="center" vertical="center" shrinkToFit="1"/>
    </xf>
    <xf numFmtId="0" fontId="3" fillId="0" borderId="49" xfId="0" applyFont="1" applyBorder="1" applyAlignment="1">
      <alignment horizontal="center" vertical="center" shrinkToFit="1"/>
    </xf>
    <xf numFmtId="0" fontId="3" fillId="0" borderId="42" xfId="0" applyFont="1" applyBorder="1" applyAlignment="1">
      <alignment horizontal="center" vertical="center" shrinkToFit="1"/>
    </xf>
    <xf numFmtId="0" fontId="3" fillId="0" borderId="4" xfId="0" applyFont="1" applyBorder="1" applyAlignment="1">
      <alignment horizontal="center" vertical="center" shrinkToFit="1"/>
    </xf>
    <xf numFmtId="0" fontId="3" fillId="0" borderId="97" xfId="0" applyFont="1" applyBorder="1" applyAlignment="1">
      <alignment horizontal="center" vertical="center" shrinkToFit="1"/>
    </xf>
    <xf numFmtId="0" fontId="3" fillId="0" borderId="80" xfId="0" applyFont="1" applyBorder="1" applyAlignment="1">
      <alignment horizontal="center" vertical="center" shrinkToFit="1"/>
    </xf>
    <xf numFmtId="0" fontId="3" fillId="0" borderId="1" xfId="0" applyFont="1" applyBorder="1" applyAlignment="1">
      <alignment horizontal="center" vertical="center" shrinkToFit="1"/>
    </xf>
    <xf numFmtId="0" fontId="3" fillId="0" borderId="84" xfId="0" applyFont="1" applyBorder="1" applyAlignment="1">
      <alignment horizontal="center" vertical="center" shrinkToFit="1"/>
    </xf>
    <xf numFmtId="0" fontId="3" fillId="0" borderId="10" xfId="0" applyFont="1" applyBorder="1" applyAlignment="1">
      <alignment horizontal="center" vertical="center" shrinkToFit="1"/>
    </xf>
    <xf numFmtId="0" fontId="3" fillId="0" borderId="28" xfId="0" applyFont="1" applyBorder="1" applyAlignment="1">
      <alignment horizontal="center" vertical="center" shrinkToFit="1"/>
    </xf>
    <xf numFmtId="0" fontId="3" fillId="0" borderId="0" xfId="0" applyFont="1" applyBorder="1" applyAlignment="1">
      <alignment horizontal="center" vertical="center" shrinkToFit="1"/>
    </xf>
    <xf numFmtId="0" fontId="3" fillId="0" borderId="123" xfId="0" applyFont="1" applyBorder="1" applyAlignment="1">
      <alignment horizontal="center" vertical="center" shrinkToFit="1"/>
    </xf>
    <xf numFmtId="0" fontId="3" fillId="0" borderId="3" xfId="0" applyFont="1" applyBorder="1" applyAlignment="1">
      <alignment horizontal="center" vertical="center" shrinkToFit="1"/>
    </xf>
    <xf numFmtId="0" fontId="3" fillId="0" borderId="57" xfId="0" applyFont="1" applyBorder="1" applyAlignment="1">
      <alignment horizontal="center" vertical="center" shrinkToFit="1"/>
    </xf>
    <xf numFmtId="0" fontId="3" fillId="0" borderId="59" xfId="0" applyFont="1" applyBorder="1" applyAlignment="1">
      <alignment horizontal="center" vertical="center" shrinkToFit="1"/>
    </xf>
    <xf numFmtId="0" fontId="3" fillId="0" borderId="28" xfId="0" applyFont="1" applyFill="1" applyBorder="1" applyAlignment="1">
      <alignment horizontal="center" vertical="center" shrinkToFit="1"/>
    </xf>
    <xf numFmtId="0" fontId="3" fillId="0" borderId="0" xfId="0" applyFont="1" applyFill="1" applyBorder="1" applyAlignment="1">
      <alignment horizontal="center" vertical="center" shrinkToFit="1"/>
    </xf>
    <xf numFmtId="0" fontId="3" fillId="0" borderId="123"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57" xfId="0" applyFont="1" applyFill="1" applyBorder="1" applyAlignment="1">
      <alignment horizontal="center" vertical="center" shrinkToFit="1"/>
    </xf>
    <xf numFmtId="0" fontId="3" fillId="0" borderId="59" xfId="0" applyFont="1" applyFill="1" applyBorder="1" applyAlignment="1">
      <alignment horizontal="center" vertical="center" shrinkToFit="1"/>
    </xf>
    <xf numFmtId="0" fontId="0" fillId="0" borderId="1" xfId="0" applyBorder="1" applyAlignment="1">
      <alignment horizontal="center" vertical="center" shrinkToFit="1"/>
    </xf>
    <xf numFmtId="0" fontId="0" fillId="0" borderId="84" xfId="0" applyBorder="1" applyAlignment="1">
      <alignment horizontal="center" vertical="center" shrinkToFit="1"/>
    </xf>
    <xf numFmtId="0" fontId="0" fillId="0" borderId="10" xfId="0" applyBorder="1" applyAlignment="1">
      <alignment horizontal="center" vertical="center" shrinkToFit="1"/>
    </xf>
    <xf numFmtId="0" fontId="0" fillId="0" borderId="3" xfId="0" applyBorder="1" applyAlignment="1">
      <alignment horizontal="center" vertical="center" shrinkToFit="1"/>
    </xf>
    <xf numFmtId="0" fontId="0" fillId="0" borderId="57" xfId="0" applyBorder="1" applyAlignment="1">
      <alignment horizontal="center" vertical="center" shrinkToFit="1"/>
    </xf>
    <xf numFmtId="0" fontId="0" fillId="0" borderId="59" xfId="0" applyBorder="1" applyAlignment="1">
      <alignment horizontal="center" vertical="center" shrinkToFit="1"/>
    </xf>
    <xf numFmtId="0" fontId="3" fillId="0" borderId="1" xfId="0" applyFont="1" applyFill="1" applyBorder="1" applyAlignment="1">
      <alignment horizontal="center" vertical="center" shrinkToFit="1"/>
    </xf>
    <xf numFmtId="0" fontId="3" fillId="0" borderId="84" xfId="0" applyFont="1" applyFill="1" applyBorder="1" applyAlignment="1">
      <alignment horizontal="center" vertical="center" shrinkToFit="1"/>
    </xf>
    <xf numFmtId="0" fontId="3" fillId="0" borderId="10" xfId="0" applyFont="1" applyFill="1" applyBorder="1" applyAlignment="1">
      <alignment horizontal="center" vertical="center" shrinkToFit="1"/>
    </xf>
    <xf numFmtId="0" fontId="0" fillId="0" borderId="1" xfId="0" applyFill="1" applyBorder="1" applyAlignment="1">
      <alignment horizontal="center" vertical="center" shrinkToFit="1"/>
    </xf>
    <xf numFmtId="0" fontId="0" fillId="0" borderId="84" xfId="0" applyFill="1" applyBorder="1" applyAlignment="1">
      <alignment horizontal="center" vertical="center" shrinkToFit="1"/>
    </xf>
    <xf numFmtId="0" fontId="0" fillId="0" borderId="10" xfId="0" applyFill="1" applyBorder="1" applyAlignment="1">
      <alignment horizontal="center" vertical="center" shrinkToFit="1"/>
    </xf>
    <xf numFmtId="0" fontId="0" fillId="0" borderId="3" xfId="0" applyFill="1" applyBorder="1" applyAlignment="1">
      <alignment horizontal="center" vertical="center" shrinkToFit="1"/>
    </xf>
    <xf numFmtId="0" fontId="0" fillId="0" borderId="57" xfId="0" applyFill="1" applyBorder="1" applyAlignment="1">
      <alignment horizontal="center" vertical="center" shrinkToFit="1"/>
    </xf>
    <xf numFmtId="0" fontId="0" fillId="0" borderId="59" xfId="0" applyFill="1" applyBorder="1" applyAlignment="1">
      <alignment horizontal="center" vertical="center" shrinkToFit="1"/>
    </xf>
    <xf numFmtId="0" fontId="3" fillId="0" borderId="1" xfId="0" applyFont="1" applyBorder="1" applyAlignment="1">
      <alignment horizontal="left" vertical="center" shrinkToFit="1"/>
    </xf>
    <xf numFmtId="0" fontId="3" fillId="0" borderId="84" xfId="0" applyFont="1" applyBorder="1" applyAlignment="1">
      <alignment horizontal="left" vertical="center" shrinkToFit="1"/>
    </xf>
    <xf numFmtId="0" fontId="3" fillId="0" borderId="10" xfId="0" applyFont="1" applyBorder="1" applyAlignment="1">
      <alignment horizontal="left" vertical="center" shrinkToFit="1"/>
    </xf>
    <xf numFmtId="182" fontId="3" fillId="0" borderId="0" xfId="0" applyNumberFormat="1" applyFont="1" applyBorder="1" applyAlignment="1">
      <alignment horizontal="center" vertical="center" shrinkToFit="1"/>
    </xf>
    <xf numFmtId="0" fontId="0" fillId="0" borderId="1" xfId="0" applyFont="1" applyBorder="1" applyAlignment="1">
      <alignment horizontal="center" vertical="center" shrinkToFit="1"/>
    </xf>
    <xf numFmtId="0" fontId="0" fillId="0" borderId="84" xfId="0" applyFont="1" applyBorder="1" applyAlignment="1">
      <alignment horizontal="center" vertical="center" shrinkToFit="1"/>
    </xf>
    <xf numFmtId="0" fontId="0" fillId="0" borderId="10" xfId="0" applyFont="1" applyBorder="1" applyAlignment="1">
      <alignment horizontal="center" vertical="center" shrinkToFit="1"/>
    </xf>
    <xf numFmtId="0" fontId="0" fillId="0" borderId="3" xfId="0" applyFont="1" applyBorder="1" applyAlignment="1">
      <alignment horizontal="center" vertical="center" shrinkToFit="1"/>
    </xf>
    <xf numFmtId="0" fontId="0" fillId="0" borderId="57" xfId="0" applyFont="1" applyBorder="1" applyAlignment="1">
      <alignment horizontal="center" vertical="center" shrinkToFit="1"/>
    </xf>
    <xf numFmtId="0" fontId="0" fillId="0" borderId="59" xfId="0" applyFont="1" applyBorder="1" applyAlignment="1">
      <alignment horizontal="center" vertical="center" shrinkToFit="1"/>
    </xf>
    <xf numFmtId="0" fontId="3" fillId="0" borderId="29" xfId="0" applyFont="1" applyBorder="1" applyAlignment="1">
      <alignment horizontal="center" vertical="center" shrinkToFit="1"/>
    </xf>
    <xf numFmtId="0" fontId="3" fillId="0" borderId="56" xfId="0" applyFont="1" applyBorder="1" applyAlignment="1">
      <alignment horizontal="center" vertical="center" shrinkToFit="1"/>
    </xf>
    <xf numFmtId="0" fontId="3" fillId="0" borderId="71" xfId="0" applyFont="1" applyBorder="1" applyAlignment="1">
      <alignment horizontal="center" vertical="center" shrinkToFit="1"/>
    </xf>
    <xf numFmtId="182" fontId="2" fillId="0" borderId="0" xfId="0" applyNumberFormat="1" applyFont="1" applyBorder="1" applyAlignment="1">
      <alignment horizontal="center" vertical="center" shrinkToFit="1"/>
    </xf>
    <xf numFmtId="0" fontId="3" fillId="0" borderId="30" xfId="0" applyFont="1" applyBorder="1" applyAlignment="1">
      <alignment horizontal="center" vertical="center" shrinkToFit="1"/>
    </xf>
    <xf numFmtId="0" fontId="3" fillId="0" borderId="40" xfId="0" applyFont="1" applyBorder="1" applyAlignment="1">
      <alignment horizontal="center" vertical="center" shrinkToFit="1"/>
    </xf>
    <xf numFmtId="0" fontId="3" fillId="0" borderId="82" xfId="0" applyFont="1" applyBorder="1" applyAlignment="1">
      <alignment horizontal="center" vertical="center" shrinkToFit="1"/>
    </xf>
    <xf numFmtId="0" fontId="3" fillId="0" borderId="81" xfId="0" applyFont="1" applyBorder="1" applyAlignment="1">
      <alignment horizontal="center" vertical="center" shrinkToFit="1"/>
    </xf>
    <xf numFmtId="0" fontId="3" fillId="0" borderId="116" xfId="0" applyFont="1" applyBorder="1" applyAlignment="1">
      <alignment horizontal="center" vertical="center" shrinkToFit="1"/>
    </xf>
    <xf numFmtId="0" fontId="3" fillId="0" borderId="91" xfId="0" applyFont="1" applyBorder="1" applyAlignment="1">
      <alignment horizontal="center" vertical="center" shrinkToFit="1"/>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shrinkToFit="1"/>
    </xf>
    <xf numFmtId="0" fontId="3" fillId="0" borderId="0" xfId="0" applyFont="1" applyBorder="1" applyAlignment="1">
      <alignment vertical="top" shrinkToFit="1"/>
    </xf>
    <xf numFmtId="0" fontId="3" fillId="0" borderId="57" xfId="0" applyFont="1" applyBorder="1" applyAlignment="1">
      <alignment vertical="top" shrinkToFit="1"/>
    </xf>
    <xf numFmtId="0" fontId="3" fillId="0" borderId="84" xfId="0" applyFont="1" applyBorder="1" applyAlignment="1">
      <alignment vertical="center" shrinkToFit="1"/>
    </xf>
    <xf numFmtId="0" fontId="3" fillId="0" borderId="10" xfId="0" applyFont="1" applyBorder="1" applyAlignment="1">
      <alignment vertical="center" shrinkToFit="1"/>
    </xf>
    <xf numFmtId="0" fontId="3" fillId="0" borderId="16" xfId="0" applyFont="1" applyBorder="1" applyAlignment="1">
      <alignment vertical="center" shrinkToFit="1"/>
    </xf>
    <xf numFmtId="0" fontId="3" fillId="0" borderId="2" xfId="0" applyFont="1" applyBorder="1" applyAlignment="1">
      <alignment vertical="center" shrinkToFit="1"/>
    </xf>
    <xf numFmtId="0" fontId="3" fillId="0" borderId="87" xfId="0" applyFont="1" applyBorder="1" applyAlignment="1">
      <alignment vertical="center" shrinkToFit="1"/>
    </xf>
    <xf numFmtId="0" fontId="3" fillId="0" borderId="34" xfId="0" applyFont="1" applyBorder="1" applyAlignment="1">
      <alignment horizontal="center" vertical="center" shrinkToFit="1"/>
    </xf>
    <xf numFmtId="0" fontId="3" fillId="0" borderId="35" xfId="0" applyFont="1" applyBorder="1" applyAlignment="1">
      <alignment horizontal="center" vertical="center" shrinkToFit="1"/>
    </xf>
    <xf numFmtId="0" fontId="3" fillId="0" borderId="86" xfId="0" applyFont="1" applyBorder="1" applyAlignment="1">
      <alignment horizontal="center" vertical="center" shrinkToFit="1"/>
    </xf>
    <xf numFmtId="0" fontId="3" fillId="0" borderId="9" xfId="0" applyFont="1" applyBorder="1" applyAlignment="1">
      <alignment horizontal="center" vertical="center" shrinkToFit="1"/>
    </xf>
    <xf numFmtId="0" fontId="3" fillId="0" borderId="12" xfId="0" applyFont="1" applyBorder="1" applyAlignment="1">
      <alignment horizontal="center" vertical="center" shrinkToFit="1"/>
    </xf>
    <xf numFmtId="0" fontId="3" fillId="0" borderId="41" xfId="0" applyFont="1" applyBorder="1" applyAlignment="1">
      <alignment horizontal="center" vertical="center" shrinkToFit="1"/>
    </xf>
    <xf numFmtId="0" fontId="3" fillId="0" borderId="99" xfId="0" applyFont="1" applyBorder="1" applyAlignment="1">
      <alignment horizontal="center" vertical="center" shrinkToFit="1"/>
    </xf>
    <xf numFmtId="0" fontId="3" fillId="0" borderId="94" xfId="0" applyFont="1" applyBorder="1" applyAlignment="1">
      <alignment horizontal="center" vertical="center" shrinkToFit="1"/>
    </xf>
    <xf numFmtId="0" fontId="3" fillId="0" borderId="95" xfId="0" applyFont="1" applyBorder="1" applyAlignment="1">
      <alignment horizontal="center" vertical="center" shrinkToFit="1"/>
    </xf>
    <xf numFmtId="0" fontId="3" fillId="0" borderId="69" xfId="0" applyFont="1" applyBorder="1" applyAlignment="1">
      <alignment horizontal="center" vertical="center" shrinkToFit="1"/>
    </xf>
    <xf numFmtId="0" fontId="3" fillId="0" borderId="47" xfId="0" applyFont="1" applyBorder="1" applyAlignment="1">
      <alignment horizontal="center" vertical="center" shrinkToFit="1"/>
    </xf>
    <xf numFmtId="0" fontId="3" fillId="0" borderId="78" xfId="0" applyFont="1" applyBorder="1" applyAlignment="1">
      <alignment horizontal="center" vertical="center" shrinkToFit="1"/>
    </xf>
    <xf numFmtId="0" fontId="3" fillId="0" borderId="7" xfId="0" applyFont="1" applyBorder="1" applyAlignment="1">
      <alignment horizontal="center" vertical="center" shrinkToFit="1"/>
    </xf>
    <xf numFmtId="0" fontId="3" fillId="0" borderId="48" xfId="0" applyFont="1" applyBorder="1" applyAlignment="1">
      <alignment horizontal="center" vertical="center" shrinkToFit="1"/>
    </xf>
    <xf numFmtId="0" fontId="3" fillId="0" borderId="119" xfId="0" applyFont="1" applyBorder="1" applyAlignment="1">
      <alignment horizontal="center" vertical="center" shrinkToFit="1"/>
    </xf>
    <xf numFmtId="0" fontId="3" fillId="0" borderId="120" xfId="0" applyFont="1" applyBorder="1" applyAlignment="1">
      <alignment horizontal="center" vertical="center" shrinkToFit="1"/>
    </xf>
    <xf numFmtId="0" fontId="3" fillId="0" borderId="121" xfId="0" applyFont="1" applyBorder="1" applyAlignment="1">
      <alignment horizontal="center" vertical="center" shrinkToFit="1"/>
    </xf>
    <xf numFmtId="0" fontId="0" fillId="0" borderId="119" xfId="0" applyFont="1" applyBorder="1" applyAlignment="1">
      <alignment horizontal="center" vertical="center" shrinkToFit="1"/>
    </xf>
    <xf numFmtId="0" fontId="2" fillId="0" borderId="1" xfId="0" applyFont="1" applyBorder="1" applyAlignment="1">
      <alignment horizontal="left" vertical="center" shrinkToFit="1"/>
    </xf>
    <xf numFmtId="0" fontId="2" fillId="0" borderId="84" xfId="0" applyFont="1" applyBorder="1" applyAlignment="1">
      <alignment horizontal="left" vertical="center" shrinkToFit="1"/>
    </xf>
    <xf numFmtId="0" fontId="2" fillId="0" borderId="10" xfId="0" applyFont="1" applyBorder="1" applyAlignment="1">
      <alignment horizontal="left" vertical="center" shrinkToFit="1"/>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shrinkToFit="1"/>
    </xf>
    <xf numFmtId="0" fontId="2" fillId="0" borderId="0" xfId="0" applyFont="1" applyBorder="1" applyAlignment="1">
      <alignment vertical="top" shrinkToFit="1"/>
    </xf>
    <xf numFmtId="0" fontId="2" fillId="0" borderId="57" xfId="0" applyFont="1" applyBorder="1" applyAlignment="1">
      <alignment vertical="top" shrinkToFit="1"/>
    </xf>
    <xf numFmtId="0" fontId="2" fillId="0" borderId="84" xfId="0" applyFont="1" applyBorder="1" applyAlignment="1">
      <alignment vertical="center" shrinkToFit="1"/>
    </xf>
    <xf numFmtId="0" fontId="2" fillId="0" borderId="10" xfId="0" applyFont="1" applyBorder="1" applyAlignment="1">
      <alignment vertical="center" shrinkToFit="1"/>
    </xf>
    <xf numFmtId="0" fontId="2" fillId="0" borderId="16" xfId="0" applyFont="1" applyBorder="1" applyAlignment="1">
      <alignment vertical="center" shrinkToFit="1"/>
    </xf>
    <xf numFmtId="0" fontId="2" fillId="0" borderId="2" xfId="0" applyFont="1" applyBorder="1" applyAlignment="1">
      <alignment vertical="center" shrinkToFit="1"/>
    </xf>
    <xf numFmtId="0" fontId="2" fillId="0" borderId="87" xfId="0" applyFont="1" applyBorder="1" applyAlignment="1">
      <alignment vertical="center" shrinkToFit="1"/>
    </xf>
    <xf numFmtId="0" fontId="2" fillId="0" borderId="34" xfId="0" applyFont="1" applyBorder="1" applyAlignment="1">
      <alignment horizontal="center" vertical="center" shrinkToFit="1"/>
    </xf>
    <xf numFmtId="0" fontId="2" fillId="0" borderId="35" xfId="0" applyFont="1" applyBorder="1" applyAlignment="1">
      <alignment horizontal="center" vertical="center" shrinkToFit="1"/>
    </xf>
    <xf numFmtId="0" fontId="2" fillId="0" borderId="86" xfId="0" applyFont="1" applyBorder="1" applyAlignment="1">
      <alignment horizontal="center" vertical="center" shrinkToFit="1"/>
    </xf>
    <xf numFmtId="0" fontId="2" fillId="0" borderId="9" xfId="0" applyFont="1" applyBorder="1" applyAlignment="1">
      <alignment horizontal="center" vertical="center" shrinkToFit="1"/>
    </xf>
    <xf numFmtId="0" fontId="2" fillId="0" borderId="12" xfId="0" applyFont="1" applyBorder="1" applyAlignment="1">
      <alignment horizontal="center" vertical="center" shrinkToFit="1"/>
    </xf>
    <xf numFmtId="0" fontId="2" fillId="0" borderId="41" xfId="0" applyFont="1" applyBorder="1" applyAlignment="1">
      <alignment horizontal="center" vertical="center" shrinkToFit="1"/>
    </xf>
    <xf numFmtId="0" fontId="2" fillId="0" borderId="119" xfId="0" applyFont="1" applyBorder="1" applyAlignment="1">
      <alignment horizontal="center" vertical="center" shrinkToFit="1"/>
    </xf>
    <xf numFmtId="0" fontId="2" fillId="0" borderId="120" xfId="0" applyFont="1" applyBorder="1" applyAlignment="1">
      <alignment horizontal="center" vertical="center" shrinkToFit="1"/>
    </xf>
    <xf numFmtId="0" fontId="2" fillId="0" borderId="121" xfId="0" applyFont="1" applyBorder="1" applyAlignment="1">
      <alignment horizontal="center" vertical="center" shrinkToFit="1"/>
    </xf>
    <xf numFmtId="0" fontId="2" fillId="0" borderId="3" xfId="0" applyFont="1" applyBorder="1" applyAlignment="1">
      <alignment horizontal="center" vertical="center" shrinkToFit="1"/>
    </xf>
    <xf numFmtId="0" fontId="2" fillId="0" borderId="57" xfId="0" applyFont="1" applyBorder="1" applyAlignment="1">
      <alignment horizontal="center" vertical="center" shrinkToFit="1"/>
    </xf>
    <xf numFmtId="0" fontId="2" fillId="0" borderId="59" xfId="0" applyFont="1" applyBorder="1" applyAlignment="1">
      <alignment horizontal="center" vertical="center" shrinkToFit="1"/>
    </xf>
    <xf numFmtId="0" fontId="2" fillId="0" borderId="99" xfId="0" applyFont="1" applyBorder="1" applyAlignment="1">
      <alignment horizontal="center" vertical="center" shrinkToFit="1"/>
    </xf>
    <xf numFmtId="0" fontId="2" fillId="0" borderId="94" xfId="0" applyFont="1" applyBorder="1" applyAlignment="1">
      <alignment horizontal="center" vertical="center" shrinkToFit="1"/>
    </xf>
    <xf numFmtId="0" fontId="2" fillId="0" borderId="95" xfId="0" applyFont="1" applyBorder="1" applyAlignment="1">
      <alignment horizontal="center" vertical="center" shrinkToFit="1"/>
    </xf>
    <xf numFmtId="0" fontId="2" fillId="0" borderId="3" xfId="0" applyFont="1" applyFill="1" applyBorder="1" applyAlignment="1">
      <alignment horizontal="center" vertical="center" shrinkToFit="1"/>
    </xf>
    <xf numFmtId="0" fontId="2" fillId="0" borderId="57" xfId="0" applyFont="1" applyFill="1" applyBorder="1" applyAlignment="1">
      <alignment horizontal="center" vertical="center" shrinkToFit="1"/>
    </xf>
    <xf numFmtId="0" fontId="2" fillId="0" borderId="59" xfId="0" applyFont="1" applyFill="1" applyBorder="1" applyAlignment="1">
      <alignment horizontal="center" vertical="center" shrinkToFit="1"/>
    </xf>
    <xf numFmtId="0" fontId="2" fillId="0" borderId="56" xfId="0" applyFont="1" applyBorder="1" applyAlignment="1">
      <alignment horizontal="center" vertical="center" shrinkToFit="1"/>
    </xf>
    <xf numFmtId="0" fontId="2" fillId="0" borderId="69" xfId="0" applyFont="1" applyBorder="1" applyAlignment="1">
      <alignment horizontal="center" vertical="center" shrinkToFit="1"/>
    </xf>
    <xf numFmtId="0" fontId="2" fillId="0" borderId="78" xfId="0" applyFont="1" applyBorder="1" applyAlignment="1">
      <alignment horizontal="center" vertical="center" shrinkToFit="1"/>
    </xf>
    <xf numFmtId="0" fontId="2" fillId="0" borderId="7" xfId="0" applyFont="1" applyBorder="1" applyAlignment="1">
      <alignment horizontal="center" vertical="center" shrinkToFit="1"/>
    </xf>
    <xf numFmtId="0" fontId="2" fillId="0" borderId="47" xfId="0" applyFont="1" applyBorder="1" applyAlignment="1">
      <alignment horizontal="center" vertical="center" shrinkToFit="1"/>
    </xf>
    <xf numFmtId="0" fontId="2" fillId="0" borderId="97" xfId="0" applyFont="1" applyBorder="1" applyAlignment="1">
      <alignment horizontal="center" vertical="center" shrinkToFit="1"/>
    </xf>
    <xf numFmtId="0" fontId="2" fillId="0" borderId="42" xfId="0" applyFont="1" applyBorder="1" applyAlignment="1">
      <alignment horizontal="center" vertical="center" shrinkToFit="1"/>
    </xf>
    <xf numFmtId="0" fontId="2" fillId="0" borderId="80" xfId="0" applyFont="1" applyBorder="1" applyAlignment="1">
      <alignment horizontal="center" vertical="center" shrinkToFit="1"/>
    </xf>
    <xf numFmtId="0" fontId="2" fillId="0" borderId="39" xfId="0" applyFont="1" applyBorder="1" applyAlignment="1">
      <alignment horizontal="center" vertical="center" shrinkToFit="1"/>
    </xf>
    <xf numFmtId="0" fontId="2" fillId="0" borderId="40" xfId="0" applyFont="1" applyBorder="1" applyAlignment="1">
      <alignment horizontal="center" vertical="center" shrinkToFit="1"/>
    </xf>
    <xf numFmtId="0" fontId="2" fillId="0" borderId="82" xfId="0" applyFont="1" applyBorder="1" applyAlignment="1">
      <alignment horizontal="center" vertical="center" shrinkToFit="1"/>
    </xf>
    <xf numFmtId="0" fontId="2" fillId="0" borderId="81" xfId="0" applyFont="1" applyBorder="1" applyAlignment="1">
      <alignment horizontal="center" vertical="center" shrinkToFit="1"/>
    </xf>
    <xf numFmtId="0" fontId="2" fillId="0" borderId="30" xfId="0" applyFont="1" applyBorder="1" applyAlignment="1">
      <alignment horizontal="center" vertical="center" shrinkToFit="1"/>
    </xf>
    <xf numFmtId="0" fontId="2" fillId="0" borderId="49" xfId="0" applyFont="1" applyBorder="1" applyAlignment="1">
      <alignment horizontal="center" vertical="center" shrinkToFit="1"/>
    </xf>
    <xf numFmtId="0" fontId="2" fillId="0" borderId="4" xfId="0" applyFont="1" applyBorder="1" applyAlignment="1">
      <alignment horizontal="center" vertical="center" shrinkToFit="1"/>
    </xf>
    <xf numFmtId="0" fontId="2" fillId="0" borderId="8" xfId="0" applyFont="1" applyBorder="1" applyAlignment="1">
      <alignment horizontal="center" vertical="center" shrinkToFit="1"/>
    </xf>
    <xf numFmtId="0" fontId="2" fillId="0" borderId="5" xfId="0" applyFont="1" applyBorder="1" applyAlignment="1">
      <alignment horizontal="center" vertical="center" shrinkToFit="1"/>
    </xf>
    <xf numFmtId="0" fontId="2" fillId="0" borderId="38" xfId="0" applyFont="1" applyBorder="1" applyAlignment="1">
      <alignment horizontal="center" vertical="center" shrinkToFit="1"/>
    </xf>
    <xf numFmtId="0" fontId="2" fillId="0" borderId="53" xfId="0" applyFont="1" applyBorder="1" applyAlignment="1">
      <alignment horizontal="center" vertical="center" shrinkToFit="1"/>
    </xf>
    <xf numFmtId="0" fontId="2" fillId="0" borderId="46" xfId="0" applyFont="1" applyBorder="1" applyAlignment="1">
      <alignment horizontal="center" vertical="center" shrinkToFit="1"/>
    </xf>
    <xf numFmtId="0" fontId="2" fillId="0" borderId="96" xfId="0" applyFont="1" applyBorder="1" applyAlignment="1">
      <alignment horizontal="center" vertical="center" shrinkToFit="1"/>
    </xf>
    <xf numFmtId="0" fontId="2" fillId="0" borderId="116" xfId="0" applyFont="1" applyBorder="1" applyAlignment="1">
      <alignment horizontal="center" vertical="center" shrinkToFit="1"/>
    </xf>
    <xf numFmtId="0" fontId="2" fillId="0" borderId="91" xfId="0" applyFont="1" applyBorder="1" applyAlignment="1">
      <alignment horizontal="center" vertical="center" shrinkToFit="1"/>
    </xf>
    <xf numFmtId="0" fontId="2" fillId="0" borderId="71" xfId="0" applyFont="1" applyBorder="1" applyAlignment="1">
      <alignment horizontal="center" vertical="center" shrinkToFit="1"/>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71" xfId="0" applyFont="1" applyBorder="1" applyAlignment="1">
      <alignment horizontal="center" vertical="center"/>
    </xf>
    <xf numFmtId="0" fontId="3" fillId="0" borderId="29"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30" xfId="0" applyFont="1" applyBorder="1" applyAlignment="1">
      <alignment horizontal="center" vertical="center"/>
    </xf>
    <xf numFmtId="0" fontId="2" fillId="0" borderId="82" xfId="0" applyFont="1" applyBorder="1" applyAlignment="1">
      <alignment horizontal="center" vertical="center"/>
    </xf>
    <xf numFmtId="0" fontId="2" fillId="0" borderId="81"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69" xfId="0" applyFont="1" applyBorder="1" applyAlignment="1">
      <alignment horizontal="center" vertical="center"/>
    </xf>
    <xf numFmtId="0" fontId="2" fillId="0" borderId="78"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99" xfId="0" applyFont="1" applyBorder="1" applyAlignment="1">
      <alignment horizontal="center" vertical="center"/>
    </xf>
    <xf numFmtId="0" fontId="0" fillId="0" borderId="1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xf numFmtId="182" fontId="3" fillId="0" borderId="0" xfId="0" applyNumberFormat="1" applyFont="1" applyBorder="1" applyAlignment="1">
      <alignment horizontal="left"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48"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22" xfId="0" applyBorder="1" applyAlignment="1">
      <alignment horizontal="center" vertical="center"/>
    </xf>
    <xf numFmtId="0" fontId="0" fillId="0" borderId="10" xfId="0" applyBorder="1" applyAlignment="1">
      <alignment horizontal="lef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38" fontId="3" fillId="0" borderId="21" xfId="1" applyFont="1" applyBorder="1" applyAlignment="1">
      <alignment horizontal="right" vertical="center"/>
    </xf>
    <xf numFmtId="38" fontId="3" fillId="0" borderId="127" xfId="1" applyFont="1" applyBorder="1" applyAlignment="1">
      <alignment horizontal="right" vertical="center"/>
    </xf>
    <xf numFmtId="0" fontId="3" fillId="0" borderId="12" xfId="0" applyFont="1" applyBorder="1" applyAlignment="1">
      <alignment vertical="center"/>
    </xf>
    <xf numFmtId="0" fontId="3" fillId="0" borderId="41" xfId="0" applyFont="1" applyBorder="1" applyAlignment="1">
      <alignment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x14ac:dyDescent="0.2">
      <c r="B1" s="2"/>
      <c r="C1" s="2"/>
      <c r="D1" s="2"/>
      <c r="E1" s="460" t="s">
        <v>0</v>
      </c>
      <c r="F1" s="460"/>
      <c r="G1" s="460"/>
      <c r="H1" s="460"/>
      <c r="I1" s="2"/>
      <c r="J1" s="2"/>
      <c r="K1" s="2"/>
      <c r="L1" s="2"/>
    </row>
    <row r="2" spans="1:13" ht="13.5" customHeight="1" x14ac:dyDescent="0.2">
      <c r="A2" s="2"/>
      <c r="B2" s="2"/>
      <c r="C2" s="2"/>
      <c r="D2" s="2"/>
      <c r="E2" s="2"/>
      <c r="F2" s="250">
        <v>4</v>
      </c>
      <c r="G2" s="161">
        <v>1</v>
      </c>
      <c r="H2" s="2"/>
      <c r="I2" s="2"/>
      <c r="J2" s="2"/>
      <c r="K2" s="2"/>
      <c r="L2" s="2"/>
      <c r="M2" s="2"/>
    </row>
    <row r="3" spans="1:13" ht="26.25" customHeight="1" x14ac:dyDescent="0.2"/>
    <row r="4" spans="1:13" ht="20.25" customHeight="1" x14ac:dyDescent="0.2">
      <c r="D4" s="3"/>
      <c r="E4" s="4" t="s">
        <v>1</v>
      </c>
      <c r="F4" s="3"/>
      <c r="H4" s="169">
        <f>G2</f>
        <v>1</v>
      </c>
    </row>
    <row r="5" spans="1:13" ht="10.5" customHeight="1" thickBot="1" x14ac:dyDescent="0.25">
      <c r="E5" s="5"/>
    </row>
    <row r="6" spans="1:13" ht="17.25" customHeight="1" x14ac:dyDescent="0.2">
      <c r="E6" s="225"/>
      <c r="F6" s="461" t="s">
        <v>2</v>
      </c>
      <c r="G6" s="462"/>
      <c r="H6" s="462"/>
      <c r="I6" s="463"/>
    </row>
    <row r="7" spans="1:13" ht="17.25" customHeight="1" x14ac:dyDescent="0.2">
      <c r="E7" s="7"/>
      <c r="F7" s="8"/>
      <c r="G7" s="9" t="s">
        <v>3</v>
      </c>
      <c r="H7" s="228" t="s">
        <v>150</v>
      </c>
      <c r="I7" s="229" t="s">
        <v>149</v>
      </c>
    </row>
    <row r="8" spans="1:13" ht="16.5" customHeight="1" x14ac:dyDescent="0.2">
      <c r="E8" s="226" t="s">
        <v>4</v>
      </c>
      <c r="F8" s="230">
        <v>2337604</v>
      </c>
      <c r="G8" s="230">
        <v>1108415</v>
      </c>
      <c r="H8" s="230">
        <v>849069</v>
      </c>
      <c r="I8" s="231">
        <v>380120</v>
      </c>
    </row>
    <row r="9" spans="1:13" ht="16.5" customHeight="1" x14ac:dyDescent="0.2">
      <c r="E9" s="10" t="s">
        <v>5</v>
      </c>
      <c r="F9" s="230">
        <v>932205</v>
      </c>
      <c r="G9" s="230">
        <v>439075</v>
      </c>
      <c r="H9" s="230">
        <v>335077</v>
      </c>
      <c r="I9" s="231">
        <v>158053</v>
      </c>
    </row>
    <row r="10" spans="1:13" ht="16.5" customHeight="1" x14ac:dyDescent="0.2">
      <c r="E10" s="10" t="s">
        <v>6</v>
      </c>
      <c r="F10" s="230">
        <v>306293</v>
      </c>
      <c r="G10" s="230">
        <v>149727</v>
      </c>
      <c r="H10" s="230">
        <v>106554</v>
      </c>
      <c r="I10" s="231">
        <v>50012</v>
      </c>
    </row>
    <row r="11" spans="1:13" ht="16.5" customHeight="1" x14ac:dyDescent="0.2">
      <c r="E11" s="10" t="s">
        <v>14</v>
      </c>
      <c r="F11" s="230">
        <v>187694</v>
      </c>
      <c r="G11" s="230">
        <v>90766</v>
      </c>
      <c r="H11" s="230">
        <v>70386</v>
      </c>
      <c r="I11" s="231">
        <v>26542</v>
      </c>
    </row>
    <row r="12" spans="1:13" ht="16.5" customHeight="1" x14ac:dyDescent="0.2">
      <c r="E12" s="10" t="s">
        <v>7</v>
      </c>
      <c r="F12" s="230">
        <v>126325</v>
      </c>
      <c r="G12" s="230">
        <v>57449</v>
      </c>
      <c r="H12" s="230">
        <v>47343</v>
      </c>
      <c r="I12" s="231">
        <v>21533</v>
      </c>
    </row>
    <row r="13" spans="1:13" ht="16.5" customHeight="1" x14ac:dyDescent="0.2">
      <c r="E13" s="10" t="s">
        <v>8</v>
      </c>
      <c r="F13" s="230">
        <v>72948</v>
      </c>
      <c r="G13" s="230">
        <v>35354</v>
      </c>
      <c r="H13" s="230">
        <v>26418</v>
      </c>
      <c r="I13" s="231">
        <v>11176</v>
      </c>
    </row>
    <row r="14" spans="1:13" ht="16.5" customHeight="1" x14ac:dyDescent="0.2">
      <c r="E14" s="10" t="s">
        <v>9</v>
      </c>
      <c r="F14" s="230">
        <v>53974</v>
      </c>
      <c r="G14" s="230">
        <v>22321</v>
      </c>
      <c r="H14" s="230">
        <v>20143</v>
      </c>
      <c r="I14" s="231">
        <v>11510</v>
      </c>
    </row>
    <row r="15" spans="1:13" ht="16.5" customHeight="1" x14ac:dyDescent="0.2">
      <c r="E15" s="10" t="s">
        <v>10</v>
      </c>
      <c r="F15" s="230">
        <v>107896</v>
      </c>
      <c r="G15" s="230">
        <v>50116</v>
      </c>
      <c r="H15" s="230">
        <v>39578</v>
      </c>
      <c r="I15" s="231">
        <v>18202</v>
      </c>
    </row>
    <row r="16" spans="1:13" ht="16.5" customHeight="1" x14ac:dyDescent="0.2">
      <c r="E16" s="10" t="s">
        <v>11</v>
      </c>
      <c r="F16" s="230">
        <v>57315</v>
      </c>
      <c r="G16" s="230">
        <v>27207</v>
      </c>
      <c r="H16" s="230">
        <v>20403</v>
      </c>
      <c r="I16" s="231">
        <v>9705</v>
      </c>
    </row>
    <row r="17" spans="5:13" ht="16.5" customHeight="1" x14ac:dyDescent="0.2">
      <c r="E17" s="10" t="s">
        <v>12</v>
      </c>
      <c r="F17" s="230">
        <v>65315</v>
      </c>
      <c r="G17" s="230">
        <v>30215</v>
      </c>
      <c r="H17" s="230">
        <v>24156</v>
      </c>
      <c r="I17" s="231">
        <v>10944</v>
      </c>
    </row>
    <row r="18" spans="5:13" ht="16.5" customHeight="1" x14ac:dyDescent="0.2">
      <c r="E18" s="10" t="s">
        <v>13</v>
      </c>
      <c r="F18" s="230">
        <v>18709</v>
      </c>
      <c r="G18" s="230">
        <v>7686</v>
      </c>
      <c r="H18" s="230">
        <v>7070</v>
      </c>
      <c r="I18" s="231">
        <v>3953</v>
      </c>
      <c r="M18" s="1" t="s">
        <v>87</v>
      </c>
    </row>
    <row r="19" spans="5:13" ht="16.5" customHeight="1" x14ac:dyDescent="0.2">
      <c r="E19" s="10" t="s">
        <v>15</v>
      </c>
      <c r="F19" s="230">
        <v>16297</v>
      </c>
      <c r="G19" s="230">
        <v>7746</v>
      </c>
      <c r="H19" s="230">
        <v>5791</v>
      </c>
      <c r="I19" s="231">
        <v>2760</v>
      </c>
    </row>
    <row r="20" spans="5:13" ht="16.5" customHeight="1" x14ac:dyDescent="0.2">
      <c r="E20" s="10" t="s">
        <v>16</v>
      </c>
      <c r="F20" s="230">
        <v>49190</v>
      </c>
      <c r="G20" s="230">
        <v>25051</v>
      </c>
      <c r="H20" s="230">
        <v>17487</v>
      </c>
      <c r="I20" s="231">
        <v>6652</v>
      </c>
    </row>
    <row r="21" spans="5:13" ht="16.5" customHeight="1" x14ac:dyDescent="0.2">
      <c r="E21" s="10" t="s">
        <v>17</v>
      </c>
      <c r="F21" s="230">
        <v>58338</v>
      </c>
      <c r="G21" s="230">
        <v>29466</v>
      </c>
      <c r="H21" s="230">
        <v>21356</v>
      </c>
      <c r="I21" s="231">
        <v>7516</v>
      </c>
    </row>
    <row r="22" spans="5:13" ht="16.5" customHeight="1" x14ac:dyDescent="0.2">
      <c r="E22" s="10" t="s">
        <v>18</v>
      </c>
      <c r="F22" s="230">
        <v>57916</v>
      </c>
      <c r="G22" s="230">
        <v>27530</v>
      </c>
      <c r="H22" s="230">
        <v>22062</v>
      </c>
      <c r="I22" s="231">
        <v>8324</v>
      </c>
    </row>
    <row r="23" spans="5:13" ht="16.5" customHeight="1" x14ac:dyDescent="0.2">
      <c r="E23" s="10" t="s">
        <v>19</v>
      </c>
      <c r="F23" s="230">
        <v>26633</v>
      </c>
      <c r="G23" s="230">
        <v>12852</v>
      </c>
      <c r="H23" s="230">
        <v>9920</v>
      </c>
      <c r="I23" s="231">
        <v>3861</v>
      </c>
    </row>
    <row r="24" spans="5:13" ht="16.5" customHeight="1" x14ac:dyDescent="0.2">
      <c r="E24" s="10" t="s">
        <v>20</v>
      </c>
      <c r="F24" s="230">
        <v>33813</v>
      </c>
      <c r="G24" s="230">
        <v>16739</v>
      </c>
      <c r="H24" s="230">
        <v>12674</v>
      </c>
      <c r="I24" s="231">
        <v>4400</v>
      </c>
    </row>
    <row r="25" spans="5:13" ht="16.5" customHeight="1" x14ac:dyDescent="0.2">
      <c r="E25" s="10" t="s">
        <v>21</v>
      </c>
      <c r="F25" s="230">
        <v>34171</v>
      </c>
      <c r="G25" s="230">
        <v>16629</v>
      </c>
      <c r="H25" s="230">
        <v>12828</v>
      </c>
      <c r="I25" s="231">
        <v>4714</v>
      </c>
    </row>
    <row r="26" spans="5:13" ht="16.5" customHeight="1" x14ac:dyDescent="0.2">
      <c r="E26" s="10" t="s">
        <v>22</v>
      </c>
      <c r="F26" s="230">
        <v>13636</v>
      </c>
      <c r="G26" s="230">
        <v>6220</v>
      </c>
      <c r="H26" s="230">
        <v>5136</v>
      </c>
      <c r="I26" s="231">
        <v>2280</v>
      </c>
    </row>
    <row r="27" spans="5:13" ht="16.5" customHeight="1" x14ac:dyDescent="0.2">
      <c r="E27" s="10" t="s">
        <v>23</v>
      </c>
      <c r="F27" s="230">
        <v>23090</v>
      </c>
      <c r="G27" s="230">
        <v>10781</v>
      </c>
      <c r="H27" s="230">
        <v>9436</v>
      </c>
      <c r="I27" s="231">
        <v>2873</v>
      </c>
    </row>
    <row r="28" spans="5:13" ht="16.5" customHeight="1" x14ac:dyDescent="0.2">
      <c r="E28" s="10" t="s">
        <v>24</v>
      </c>
      <c r="F28" s="230">
        <v>10293</v>
      </c>
      <c r="G28" s="230">
        <v>4337</v>
      </c>
      <c r="H28" s="230">
        <v>3960</v>
      </c>
      <c r="I28" s="231">
        <v>1996</v>
      </c>
    </row>
    <row r="29" spans="5:13" ht="16.5" customHeight="1" x14ac:dyDescent="0.2">
      <c r="E29" s="10" t="s">
        <v>25</v>
      </c>
      <c r="F29" s="230">
        <v>13414</v>
      </c>
      <c r="G29" s="230">
        <v>6723</v>
      </c>
      <c r="H29" s="230">
        <v>4980</v>
      </c>
      <c r="I29" s="231">
        <v>1711</v>
      </c>
    </row>
    <row r="30" spans="5:13" ht="16.5" customHeight="1" x14ac:dyDescent="0.2">
      <c r="E30" s="10" t="s">
        <v>26</v>
      </c>
      <c r="F30" s="230">
        <v>11175</v>
      </c>
      <c r="G30" s="230">
        <v>5153</v>
      </c>
      <c r="H30" s="230">
        <v>4186</v>
      </c>
      <c r="I30" s="231">
        <v>1836</v>
      </c>
    </row>
    <row r="31" spans="5:13" ht="16.5" customHeight="1" x14ac:dyDescent="0.2">
      <c r="E31" s="10" t="s">
        <v>27</v>
      </c>
      <c r="F31" s="230">
        <v>9905</v>
      </c>
      <c r="G31" s="230">
        <v>4332</v>
      </c>
      <c r="H31" s="230">
        <v>3792</v>
      </c>
      <c r="I31" s="231">
        <v>1781</v>
      </c>
    </row>
    <row r="32" spans="5:13" ht="16.5" customHeight="1" x14ac:dyDescent="0.2">
      <c r="E32" s="10" t="s">
        <v>28</v>
      </c>
      <c r="F32" s="230">
        <v>3213</v>
      </c>
      <c r="G32" s="230">
        <v>1624</v>
      </c>
      <c r="H32" s="230">
        <v>1168</v>
      </c>
      <c r="I32" s="231">
        <v>421</v>
      </c>
    </row>
    <row r="33" spans="5:9" ht="16.5" customHeight="1" x14ac:dyDescent="0.2">
      <c r="E33" s="10" t="s">
        <v>29</v>
      </c>
      <c r="F33" s="230">
        <v>4946</v>
      </c>
      <c r="G33" s="230">
        <v>2421</v>
      </c>
      <c r="H33" s="230">
        <v>1836</v>
      </c>
      <c r="I33" s="231">
        <v>689</v>
      </c>
    </row>
    <row r="34" spans="5:9" ht="16.5" customHeight="1" x14ac:dyDescent="0.2">
      <c r="E34" s="10" t="s">
        <v>30</v>
      </c>
      <c r="F34" s="230">
        <v>3755</v>
      </c>
      <c r="G34" s="230">
        <v>1744</v>
      </c>
      <c r="H34" s="230">
        <v>1341</v>
      </c>
      <c r="I34" s="231">
        <v>670</v>
      </c>
    </row>
    <row r="35" spans="5:9" ht="16.5" customHeight="1" x14ac:dyDescent="0.2">
      <c r="E35" s="10" t="s">
        <v>31</v>
      </c>
      <c r="F35" s="230">
        <v>4043</v>
      </c>
      <c r="G35" s="230">
        <v>2026</v>
      </c>
      <c r="H35" s="230">
        <v>1261</v>
      </c>
      <c r="I35" s="231">
        <v>756</v>
      </c>
    </row>
    <row r="36" spans="5:9" ht="16.5" customHeight="1" x14ac:dyDescent="0.2">
      <c r="E36" s="10" t="s">
        <v>32</v>
      </c>
      <c r="F36" s="230">
        <v>4540</v>
      </c>
      <c r="G36" s="230">
        <v>2116</v>
      </c>
      <c r="H36" s="230">
        <v>1705</v>
      </c>
      <c r="I36" s="231">
        <v>719</v>
      </c>
    </row>
    <row r="37" spans="5:9" ht="16.5" customHeight="1" x14ac:dyDescent="0.2">
      <c r="E37" s="10" t="s">
        <v>33</v>
      </c>
      <c r="F37" s="230">
        <v>4194</v>
      </c>
      <c r="G37" s="230">
        <v>1996</v>
      </c>
      <c r="H37" s="230">
        <v>1496</v>
      </c>
      <c r="I37" s="231">
        <v>702</v>
      </c>
    </row>
    <row r="38" spans="5:9" ht="16.5" customHeight="1" x14ac:dyDescent="0.2">
      <c r="E38" s="10" t="s">
        <v>34</v>
      </c>
      <c r="F38" s="230">
        <v>3030</v>
      </c>
      <c r="G38" s="230">
        <v>1392</v>
      </c>
      <c r="H38" s="230">
        <v>1117</v>
      </c>
      <c r="I38" s="231">
        <v>521</v>
      </c>
    </row>
    <row r="39" spans="5:9" ht="16.5" customHeight="1" x14ac:dyDescent="0.2">
      <c r="E39" s="10" t="s">
        <v>35</v>
      </c>
      <c r="F39" s="230">
        <v>9942</v>
      </c>
      <c r="G39" s="230">
        <v>4465</v>
      </c>
      <c r="H39" s="230">
        <v>3758</v>
      </c>
      <c r="I39" s="231">
        <v>1719</v>
      </c>
    </row>
    <row r="40" spans="5:9" ht="16.5" customHeight="1" x14ac:dyDescent="0.2">
      <c r="E40" s="10" t="s">
        <v>36</v>
      </c>
      <c r="F40" s="835">
        <v>12325</v>
      </c>
      <c r="G40" s="835">
        <v>6572</v>
      </c>
      <c r="H40" s="835">
        <v>4317</v>
      </c>
      <c r="I40" s="836">
        <v>1436</v>
      </c>
    </row>
    <row r="41" spans="5:9" ht="16.5" customHeight="1" thickBot="1" x14ac:dyDescent="0.25">
      <c r="E41" s="11" t="s">
        <v>37</v>
      </c>
      <c r="F41" s="837">
        <v>1071</v>
      </c>
      <c r="G41" s="837">
        <v>584</v>
      </c>
      <c r="H41" s="837">
        <v>334</v>
      </c>
      <c r="I41" s="838">
        <v>153</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171"/>
    <col min="5" max="5" width="7.77734375" style="171" customWidth="1"/>
    <col min="6" max="6" width="9" style="171"/>
    <col min="7" max="7" width="10.6640625" style="171" customWidth="1"/>
    <col min="8" max="15" width="9" style="171"/>
    <col min="16" max="16" width="7.88671875" style="171" customWidth="1"/>
    <col min="17" max="26" width="9" style="171"/>
    <col min="27" max="27" width="7.77734375" style="171" customWidth="1"/>
    <col min="28" max="37" width="9" style="171"/>
    <col min="38" max="38" width="6.77734375" style="171" customWidth="1"/>
    <col min="39" max="48" width="9" style="171"/>
    <col min="49" max="49" width="7.77734375" style="171" customWidth="1"/>
    <col min="50" max="59" width="9" style="171"/>
    <col min="60" max="60" width="7.44140625" style="171" customWidth="1"/>
    <col min="61" max="70" width="9" style="171"/>
    <col min="71" max="71" width="7.33203125" style="171" customWidth="1"/>
    <col min="72" max="81" width="9" style="171"/>
    <col min="82" max="82" width="7.44140625" style="171" customWidth="1"/>
    <col min="83" max="92" width="9" style="171"/>
    <col min="93" max="93" width="7.6640625" style="171" customWidth="1"/>
    <col min="94" max="16384" width="9" style="171"/>
  </cols>
  <sheetData>
    <row r="1" spans="1:111" ht="20.25" customHeight="1" x14ac:dyDescent="0.2">
      <c r="A1" s="206" t="s">
        <v>123</v>
      </c>
      <c r="I1" s="487">
        <f>第１表!F2</f>
        <v>4</v>
      </c>
      <c r="J1" s="487"/>
      <c r="K1" s="163">
        <f>第１表!G2</f>
        <v>1</v>
      </c>
      <c r="L1" s="488">
        <f>IF(K1&lt;3,K1+12-2,K1-2)</f>
        <v>11</v>
      </c>
      <c r="M1" s="488"/>
    </row>
    <row r="2" spans="1:111" ht="18.75" customHeight="1" thickBot="1" x14ac:dyDescent="0.25">
      <c r="A2" s="206" t="s">
        <v>131</v>
      </c>
    </row>
    <row r="3" spans="1:111" ht="13.8" thickBot="1" x14ac:dyDescent="0.25">
      <c r="A3" s="508"/>
      <c r="B3" s="511" t="s">
        <v>112</v>
      </c>
      <c r="C3" s="511"/>
      <c r="D3" s="511"/>
      <c r="E3" s="511"/>
      <c r="F3" s="511"/>
      <c r="G3" s="511"/>
      <c r="H3" s="511"/>
      <c r="I3" s="511"/>
      <c r="J3" s="511"/>
      <c r="K3" s="511"/>
      <c r="L3" s="512"/>
      <c r="M3" s="506" t="s">
        <v>111</v>
      </c>
      <c r="N3" s="506"/>
      <c r="O3" s="506"/>
      <c r="P3" s="506"/>
      <c r="Q3" s="506"/>
      <c r="R3" s="506"/>
      <c r="S3" s="506"/>
      <c r="T3" s="506"/>
      <c r="U3" s="506"/>
      <c r="V3" s="506"/>
      <c r="W3" s="507"/>
      <c r="X3" s="505" t="s">
        <v>110</v>
      </c>
      <c r="Y3" s="506"/>
      <c r="Z3" s="506"/>
      <c r="AA3" s="506"/>
      <c r="AB3" s="506"/>
      <c r="AC3" s="506"/>
      <c r="AD3" s="506"/>
      <c r="AE3" s="506"/>
      <c r="AF3" s="506"/>
      <c r="AG3" s="506"/>
      <c r="AH3" s="507"/>
      <c r="AI3" s="505" t="s">
        <v>109</v>
      </c>
      <c r="AJ3" s="506"/>
      <c r="AK3" s="506"/>
      <c r="AL3" s="506"/>
      <c r="AM3" s="506"/>
      <c r="AN3" s="506"/>
      <c r="AO3" s="506"/>
      <c r="AP3" s="506"/>
      <c r="AQ3" s="506"/>
      <c r="AR3" s="506"/>
      <c r="AS3" s="507"/>
      <c r="AT3" s="505" t="s">
        <v>108</v>
      </c>
      <c r="AU3" s="506"/>
      <c r="AV3" s="506"/>
      <c r="AW3" s="506"/>
      <c r="AX3" s="506"/>
      <c r="AY3" s="506"/>
      <c r="AZ3" s="506"/>
      <c r="BA3" s="506"/>
      <c r="BB3" s="506"/>
      <c r="BC3" s="506"/>
      <c r="BD3" s="507"/>
      <c r="BE3" s="505" t="s">
        <v>107</v>
      </c>
      <c r="BF3" s="506"/>
      <c r="BG3" s="506"/>
      <c r="BH3" s="506"/>
      <c r="BI3" s="506"/>
      <c r="BJ3" s="506"/>
      <c r="BK3" s="506"/>
      <c r="BL3" s="506"/>
      <c r="BM3" s="506"/>
      <c r="BN3" s="506"/>
      <c r="BO3" s="507"/>
      <c r="BP3" s="505" t="s">
        <v>106</v>
      </c>
      <c r="BQ3" s="506"/>
      <c r="BR3" s="506"/>
      <c r="BS3" s="506"/>
      <c r="BT3" s="506"/>
      <c r="BU3" s="506"/>
      <c r="BV3" s="506"/>
      <c r="BW3" s="506"/>
      <c r="BX3" s="506"/>
      <c r="BY3" s="506"/>
      <c r="BZ3" s="507"/>
      <c r="CA3" s="505" t="s">
        <v>128</v>
      </c>
      <c r="CB3" s="506"/>
      <c r="CC3" s="506"/>
      <c r="CD3" s="506"/>
      <c r="CE3" s="506"/>
      <c r="CF3" s="506"/>
      <c r="CG3" s="506"/>
      <c r="CH3" s="506"/>
      <c r="CI3" s="506"/>
      <c r="CJ3" s="506"/>
      <c r="CK3" s="507"/>
      <c r="CL3" s="505" t="s">
        <v>161</v>
      </c>
      <c r="CM3" s="506"/>
      <c r="CN3" s="506"/>
      <c r="CO3" s="506"/>
      <c r="CP3" s="506"/>
      <c r="CQ3" s="506"/>
      <c r="CR3" s="506"/>
      <c r="CS3" s="506"/>
      <c r="CT3" s="506"/>
      <c r="CU3" s="506"/>
      <c r="CV3" s="507"/>
      <c r="CW3" s="505" t="s">
        <v>157</v>
      </c>
      <c r="CX3" s="506"/>
      <c r="CY3" s="506"/>
      <c r="CZ3" s="506"/>
      <c r="DA3" s="506"/>
      <c r="DB3" s="506"/>
      <c r="DC3" s="506"/>
      <c r="DD3" s="506"/>
      <c r="DE3" s="506"/>
      <c r="DF3" s="506"/>
      <c r="DG3" s="507"/>
    </row>
    <row r="4" spans="1:111" x14ac:dyDescent="0.2">
      <c r="A4" s="509"/>
      <c r="B4" s="513" t="s">
        <v>61</v>
      </c>
      <c r="C4" s="496"/>
      <c r="D4" s="497"/>
      <c r="E4" s="495" t="s">
        <v>62</v>
      </c>
      <c r="F4" s="496"/>
      <c r="G4" s="496"/>
      <c r="H4" s="496"/>
      <c r="I4" s="496"/>
      <c r="J4" s="496"/>
      <c r="K4" s="504"/>
      <c r="L4" s="498" t="s">
        <v>52</v>
      </c>
      <c r="M4" s="513" t="s">
        <v>61</v>
      </c>
      <c r="N4" s="496"/>
      <c r="O4" s="497"/>
      <c r="P4" s="495" t="s">
        <v>62</v>
      </c>
      <c r="Q4" s="496"/>
      <c r="R4" s="496"/>
      <c r="S4" s="496"/>
      <c r="T4" s="496"/>
      <c r="U4" s="496"/>
      <c r="V4" s="497"/>
      <c r="W4" s="498" t="s">
        <v>52</v>
      </c>
      <c r="X4" s="500" t="s">
        <v>61</v>
      </c>
      <c r="Y4" s="496"/>
      <c r="Z4" s="504"/>
      <c r="AA4" s="495" t="s">
        <v>62</v>
      </c>
      <c r="AB4" s="496"/>
      <c r="AC4" s="496"/>
      <c r="AD4" s="496"/>
      <c r="AE4" s="496"/>
      <c r="AF4" s="496"/>
      <c r="AG4" s="497"/>
      <c r="AH4" s="498" t="s">
        <v>52</v>
      </c>
      <c r="AI4" s="500" t="s">
        <v>61</v>
      </c>
      <c r="AJ4" s="496"/>
      <c r="AK4" s="497"/>
      <c r="AL4" s="495" t="s">
        <v>62</v>
      </c>
      <c r="AM4" s="496"/>
      <c r="AN4" s="496"/>
      <c r="AO4" s="496"/>
      <c r="AP4" s="496"/>
      <c r="AQ4" s="496"/>
      <c r="AR4" s="497"/>
      <c r="AS4" s="498" t="s">
        <v>52</v>
      </c>
      <c r="AT4" s="500" t="s">
        <v>61</v>
      </c>
      <c r="AU4" s="496"/>
      <c r="AV4" s="504"/>
      <c r="AW4" s="495" t="s">
        <v>62</v>
      </c>
      <c r="AX4" s="496"/>
      <c r="AY4" s="496"/>
      <c r="AZ4" s="496"/>
      <c r="BA4" s="496"/>
      <c r="BB4" s="496"/>
      <c r="BC4" s="504"/>
      <c r="BD4" s="498" t="s">
        <v>52</v>
      </c>
      <c r="BE4" s="500" t="s">
        <v>61</v>
      </c>
      <c r="BF4" s="496"/>
      <c r="BG4" s="497"/>
      <c r="BH4" s="495" t="s">
        <v>62</v>
      </c>
      <c r="BI4" s="496"/>
      <c r="BJ4" s="496"/>
      <c r="BK4" s="496"/>
      <c r="BL4" s="496"/>
      <c r="BM4" s="496"/>
      <c r="BN4" s="497"/>
      <c r="BO4" s="498" t="s">
        <v>52</v>
      </c>
      <c r="BP4" s="500" t="s">
        <v>61</v>
      </c>
      <c r="BQ4" s="496"/>
      <c r="BR4" s="497"/>
      <c r="BS4" s="495" t="s">
        <v>62</v>
      </c>
      <c r="BT4" s="496"/>
      <c r="BU4" s="496"/>
      <c r="BV4" s="496"/>
      <c r="BW4" s="496"/>
      <c r="BX4" s="496"/>
      <c r="BY4" s="497"/>
      <c r="BZ4" s="498" t="s">
        <v>52</v>
      </c>
      <c r="CA4" s="500" t="s">
        <v>61</v>
      </c>
      <c r="CB4" s="496"/>
      <c r="CC4" s="497"/>
      <c r="CD4" s="495" t="s">
        <v>62</v>
      </c>
      <c r="CE4" s="496"/>
      <c r="CF4" s="496"/>
      <c r="CG4" s="496"/>
      <c r="CH4" s="496"/>
      <c r="CI4" s="496"/>
      <c r="CJ4" s="497"/>
      <c r="CK4" s="498" t="s">
        <v>52</v>
      </c>
      <c r="CL4" s="500" t="s">
        <v>61</v>
      </c>
      <c r="CM4" s="496"/>
      <c r="CN4" s="497"/>
      <c r="CO4" s="495" t="s">
        <v>62</v>
      </c>
      <c r="CP4" s="496"/>
      <c r="CQ4" s="496"/>
      <c r="CR4" s="496"/>
      <c r="CS4" s="496"/>
      <c r="CT4" s="496"/>
      <c r="CU4" s="497"/>
      <c r="CV4" s="498" t="s">
        <v>52</v>
      </c>
      <c r="CW4" s="500" t="s">
        <v>61</v>
      </c>
      <c r="CX4" s="496"/>
      <c r="CY4" s="497"/>
      <c r="CZ4" s="495" t="s">
        <v>62</v>
      </c>
      <c r="DA4" s="496"/>
      <c r="DB4" s="496"/>
      <c r="DC4" s="496"/>
      <c r="DD4" s="496"/>
      <c r="DE4" s="496"/>
      <c r="DF4" s="497"/>
      <c r="DG4" s="498" t="s">
        <v>52</v>
      </c>
    </row>
    <row r="5" spans="1:111" ht="28.5" customHeight="1" thickBot="1" x14ac:dyDescent="0.25">
      <c r="A5" s="510"/>
      <c r="B5" s="180" t="s">
        <v>43</v>
      </c>
      <c r="C5" s="175" t="s">
        <v>44</v>
      </c>
      <c r="D5" s="456" t="s">
        <v>45</v>
      </c>
      <c r="E5" s="183" t="s">
        <v>83</v>
      </c>
      <c r="F5" s="175" t="s">
        <v>47</v>
      </c>
      <c r="G5" s="175" t="s">
        <v>48</v>
      </c>
      <c r="H5" s="175" t="s">
        <v>49</v>
      </c>
      <c r="I5" s="175" t="s">
        <v>50</v>
      </c>
      <c r="J5" s="175" t="s">
        <v>51</v>
      </c>
      <c r="K5" s="184" t="s">
        <v>45</v>
      </c>
      <c r="L5" s="499"/>
      <c r="M5" s="180" t="s">
        <v>43</v>
      </c>
      <c r="N5" s="175" t="s">
        <v>44</v>
      </c>
      <c r="O5" s="181" t="s">
        <v>45</v>
      </c>
      <c r="P5" s="183" t="s">
        <v>83</v>
      </c>
      <c r="Q5" s="175" t="s">
        <v>47</v>
      </c>
      <c r="R5" s="175" t="s">
        <v>48</v>
      </c>
      <c r="S5" s="175" t="s">
        <v>49</v>
      </c>
      <c r="T5" s="175" t="s">
        <v>50</v>
      </c>
      <c r="U5" s="175" t="s">
        <v>51</v>
      </c>
      <c r="V5" s="181" t="s">
        <v>45</v>
      </c>
      <c r="W5" s="499"/>
      <c r="X5" s="219" t="s">
        <v>43</v>
      </c>
      <c r="Y5" s="175" t="s">
        <v>44</v>
      </c>
      <c r="Z5" s="184" t="s">
        <v>45</v>
      </c>
      <c r="AA5" s="183" t="s">
        <v>83</v>
      </c>
      <c r="AB5" s="175" t="s">
        <v>47</v>
      </c>
      <c r="AC5" s="175" t="s">
        <v>48</v>
      </c>
      <c r="AD5" s="175" t="s">
        <v>49</v>
      </c>
      <c r="AE5" s="175" t="s">
        <v>50</v>
      </c>
      <c r="AF5" s="175" t="s">
        <v>51</v>
      </c>
      <c r="AG5" s="181" t="s">
        <v>45</v>
      </c>
      <c r="AH5" s="499"/>
      <c r="AI5" s="219" t="s">
        <v>43</v>
      </c>
      <c r="AJ5" s="175" t="s">
        <v>44</v>
      </c>
      <c r="AK5" s="181" t="s">
        <v>45</v>
      </c>
      <c r="AL5" s="183" t="s">
        <v>83</v>
      </c>
      <c r="AM5" s="175" t="s">
        <v>47</v>
      </c>
      <c r="AN5" s="175" t="s">
        <v>48</v>
      </c>
      <c r="AO5" s="175" t="s">
        <v>49</v>
      </c>
      <c r="AP5" s="175" t="s">
        <v>50</v>
      </c>
      <c r="AQ5" s="175" t="s">
        <v>51</v>
      </c>
      <c r="AR5" s="181" t="s">
        <v>45</v>
      </c>
      <c r="AS5" s="499"/>
      <c r="AT5" s="219" t="s">
        <v>43</v>
      </c>
      <c r="AU5" s="175" t="s">
        <v>44</v>
      </c>
      <c r="AV5" s="184" t="s">
        <v>45</v>
      </c>
      <c r="AW5" s="183" t="s">
        <v>83</v>
      </c>
      <c r="AX5" s="175" t="s">
        <v>47</v>
      </c>
      <c r="AY5" s="175" t="s">
        <v>48</v>
      </c>
      <c r="AZ5" s="175" t="s">
        <v>49</v>
      </c>
      <c r="BA5" s="175" t="s">
        <v>50</v>
      </c>
      <c r="BB5" s="175" t="s">
        <v>51</v>
      </c>
      <c r="BC5" s="184" t="s">
        <v>45</v>
      </c>
      <c r="BD5" s="499"/>
      <c r="BE5" s="219" t="s">
        <v>43</v>
      </c>
      <c r="BF5" s="175" t="s">
        <v>44</v>
      </c>
      <c r="BG5" s="181" t="s">
        <v>45</v>
      </c>
      <c r="BH5" s="183" t="s">
        <v>83</v>
      </c>
      <c r="BI5" s="175" t="s">
        <v>47</v>
      </c>
      <c r="BJ5" s="175" t="s">
        <v>48</v>
      </c>
      <c r="BK5" s="175" t="s">
        <v>49</v>
      </c>
      <c r="BL5" s="175" t="s">
        <v>50</v>
      </c>
      <c r="BM5" s="175" t="s">
        <v>51</v>
      </c>
      <c r="BN5" s="181" t="s">
        <v>45</v>
      </c>
      <c r="BO5" s="499"/>
      <c r="BP5" s="219" t="s">
        <v>43</v>
      </c>
      <c r="BQ5" s="175" t="s">
        <v>44</v>
      </c>
      <c r="BR5" s="181" t="s">
        <v>45</v>
      </c>
      <c r="BS5" s="183" t="s">
        <v>83</v>
      </c>
      <c r="BT5" s="175" t="s">
        <v>47</v>
      </c>
      <c r="BU5" s="175" t="s">
        <v>48</v>
      </c>
      <c r="BV5" s="175" t="s">
        <v>49</v>
      </c>
      <c r="BW5" s="175" t="s">
        <v>50</v>
      </c>
      <c r="BX5" s="175" t="s">
        <v>51</v>
      </c>
      <c r="BY5" s="181" t="s">
        <v>45</v>
      </c>
      <c r="BZ5" s="499"/>
      <c r="CA5" s="219" t="s">
        <v>43</v>
      </c>
      <c r="CB5" s="175" t="s">
        <v>44</v>
      </c>
      <c r="CC5" s="181" t="s">
        <v>45</v>
      </c>
      <c r="CD5" s="183" t="s">
        <v>83</v>
      </c>
      <c r="CE5" s="175" t="s">
        <v>47</v>
      </c>
      <c r="CF5" s="175" t="s">
        <v>48</v>
      </c>
      <c r="CG5" s="175" t="s">
        <v>49</v>
      </c>
      <c r="CH5" s="175" t="s">
        <v>50</v>
      </c>
      <c r="CI5" s="175" t="s">
        <v>51</v>
      </c>
      <c r="CJ5" s="181" t="s">
        <v>45</v>
      </c>
      <c r="CK5" s="499"/>
      <c r="CL5" s="219" t="s">
        <v>43</v>
      </c>
      <c r="CM5" s="175" t="s">
        <v>44</v>
      </c>
      <c r="CN5" s="181" t="s">
        <v>45</v>
      </c>
      <c r="CO5" s="183" t="s">
        <v>83</v>
      </c>
      <c r="CP5" s="175" t="s">
        <v>47</v>
      </c>
      <c r="CQ5" s="175" t="s">
        <v>48</v>
      </c>
      <c r="CR5" s="175" t="s">
        <v>49</v>
      </c>
      <c r="CS5" s="175" t="s">
        <v>50</v>
      </c>
      <c r="CT5" s="175" t="s">
        <v>51</v>
      </c>
      <c r="CU5" s="181" t="s">
        <v>45</v>
      </c>
      <c r="CV5" s="499"/>
      <c r="CW5" s="249" t="s">
        <v>43</v>
      </c>
      <c r="CX5" s="175" t="s">
        <v>44</v>
      </c>
      <c r="CY5" s="181" t="s">
        <v>45</v>
      </c>
      <c r="CZ5" s="183" t="s">
        <v>83</v>
      </c>
      <c r="DA5" s="175" t="s">
        <v>47</v>
      </c>
      <c r="DB5" s="175" t="s">
        <v>48</v>
      </c>
      <c r="DC5" s="175" t="s">
        <v>49</v>
      </c>
      <c r="DD5" s="175" t="s">
        <v>50</v>
      </c>
      <c r="DE5" s="175" t="s">
        <v>51</v>
      </c>
      <c r="DF5" s="181" t="s">
        <v>45</v>
      </c>
      <c r="DG5" s="499"/>
    </row>
    <row r="6" spans="1:111" ht="18.75" customHeight="1" x14ac:dyDescent="0.2">
      <c r="A6" s="176" t="s">
        <v>4</v>
      </c>
      <c r="B6" s="185">
        <v>0</v>
      </c>
      <c r="C6" s="189">
        <v>0</v>
      </c>
      <c r="D6" s="457">
        <v>0</v>
      </c>
      <c r="E6" s="188">
        <v>0</v>
      </c>
      <c r="F6" s="189">
        <v>14702</v>
      </c>
      <c r="G6" s="189">
        <v>21848</v>
      </c>
      <c r="H6" s="189">
        <v>22116</v>
      </c>
      <c r="I6" s="189">
        <v>24264</v>
      </c>
      <c r="J6" s="189">
        <v>19790</v>
      </c>
      <c r="K6" s="190">
        <v>102720</v>
      </c>
      <c r="L6" s="191">
        <v>102720</v>
      </c>
      <c r="M6" s="185">
        <v>0</v>
      </c>
      <c r="N6" s="189">
        <v>4</v>
      </c>
      <c r="O6" s="186">
        <v>4</v>
      </c>
      <c r="P6" s="188">
        <v>0</v>
      </c>
      <c r="Q6" s="189">
        <v>22</v>
      </c>
      <c r="R6" s="189">
        <v>141</v>
      </c>
      <c r="S6" s="189">
        <v>261</v>
      </c>
      <c r="T6" s="189">
        <v>660</v>
      </c>
      <c r="U6" s="189">
        <v>1161</v>
      </c>
      <c r="V6" s="186">
        <v>2245</v>
      </c>
      <c r="W6" s="191">
        <v>2249</v>
      </c>
      <c r="X6" s="185">
        <v>1110</v>
      </c>
      <c r="Y6" s="189">
        <v>3136</v>
      </c>
      <c r="Z6" s="186">
        <v>4246</v>
      </c>
      <c r="AA6" s="188">
        <v>0</v>
      </c>
      <c r="AB6" s="189">
        <v>8333</v>
      </c>
      <c r="AC6" s="189">
        <v>12290</v>
      </c>
      <c r="AD6" s="189">
        <v>7427</v>
      </c>
      <c r="AE6" s="189">
        <v>6463</v>
      </c>
      <c r="AF6" s="189">
        <v>4799</v>
      </c>
      <c r="AG6" s="186">
        <v>39312</v>
      </c>
      <c r="AH6" s="191">
        <v>43558</v>
      </c>
      <c r="AI6" s="185">
        <v>204</v>
      </c>
      <c r="AJ6" s="189">
        <v>590</v>
      </c>
      <c r="AK6" s="186">
        <v>794</v>
      </c>
      <c r="AL6" s="188">
        <v>0</v>
      </c>
      <c r="AM6" s="189">
        <v>893</v>
      </c>
      <c r="AN6" s="189">
        <v>1631</v>
      </c>
      <c r="AO6" s="189">
        <v>1163</v>
      </c>
      <c r="AP6" s="189">
        <v>1034</v>
      </c>
      <c r="AQ6" s="189">
        <v>564</v>
      </c>
      <c r="AR6" s="186">
        <v>5285</v>
      </c>
      <c r="AS6" s="191">
        <v>6079</v>
      </c>
      <c r="AT6" s="185">
        <v>0</v>
      </c>
      <c r="AU6" s="189">
        <v>0</v>
      </c>
      <c r="AV6" s="186">
        <v>0</v>
      </c>
      <c r="AW6" s="188">
        <v>0</v>
      </c>
      <c r="AX6" s="189">
        <v>13997</v>
      </c>
      <c r="AY6" s="189">
        <v>12998</v>
      </c>
      <c r="AZ6" s="189">
        <v>8112</v>
      </c>
      <c r="BA6" s="189">
        <v>4253</v>
      </c>
      <c r="BB6" s="189">
        <v>1565</v>
      </c>
      <c r="BC6" s="190">
        <v>40925</v>
      </c>
      <c r="BD6" s="191">
        <v>40925</v>
      </c>
      <c r="BE6" s="185">
        <v>0</v>
      </c>
      <c r="BF6" s="189">
        <v>0</v>
      </c>
      <c r="BG6" s="186">
        <v>0</v>
      </c>
      <c r="BH6" s="188">
        <v>0</v>
      </c>
      <c r="BI6" s="189">
        <v>2828</v>
      </c>
      <c r="BJ6" s="189">
        <v>4207</v>
      </c>
      <c r="BK6" s="189">
        <v>2552</v>
      </c>
      <c r="BL6" s="189">
        <v>1452</v>
      </c>
      <c r="BM6" s="189">
        <v>428</v>
      </c>
      <c r="BN6" s="186">
        <v>11467</v>
      </c>
      <c r="BO6" s="191">
        <v>11467</v>
      </c>
      <c r="BP6" s="185">
        <v>25</v>
      </c>
      <c r="BQ6" s="189">
        <v>129</v>
      </c>
      <c r="BR6" s="186">
        <v>154</v>
      </c>
      <c r="BS6" s="188">
        <v>0</v>
      </c>
      <c r="BT6" s="189">
        <v>1074</v>
      </c>
      <c r="BU6" s="189">
        <v>1924</v>
      </c>
      <c r="BV6" s="189">
        <v>3445</v>
      </c>
      <c r="BW6" s="189">
        <v>2909</v>
      </c>
      <c r="BX6" s="189">
        <v>1397</v>
      </c>
      <c r="BY6" s="186">
        <v>10749</v>
      </c>
      <c r="BZ6" s="191">
        <v>10903</v>
      </c>
      <c r="CA6" s="185">
        <v>0</v>
      </c>
      <c r="CB6" s="189">
        <v>6</v>
      </c>
      <c r="CC6" s="186">
        <v>6</v>
      </c>
      <c r="CD6" s="188">
        <v>0</v>
      </c>
      <c r="CE6" s="189">
        <v>152</v>
      </c>
      <c r="CF6" s="189">
        <v>361</v>
      </c>
      <c r="CG6" s="189">
        <v>512</v>
      </c>
      <c r="CH6" s="189">
        <v>378</v>
      </c>
      <c r="CI6" s="189">
        <v>122</v>
      </c>
      <c r="CJ6" s="186">
        <v>1525</v>
      </c>
      <c r="CK6" s="191">
        <v>1531</v>
      </c>
      <c r="CL6" s="185">
        <v>0</v>
      </c>
      <c r="CM6" s="189">
        <v>0</v>
      </c>
      <c r="CN6" s="186">
        <v>0</v>
      </c>
      <c r="CO6" s="188">
        <v>0</v>
      </c>
      <c r="CP6" s="189">
        <v>0</v>
      </c>
      <c r="CQ6" s="189">
        <v>0</v>
      </c>
      <c r="CR6" s="189">
        <v>0</v>
      </c>
      <c r="CS6" s="189">
        <v>0</v>
      </c>
      <c r="CT6" s="189">
        <v>0</v>
      </c>
      <c r="CU6" s="186">
        <v>0</v>
      </c>
      <c r="CV6" s="191">
        <v>0</v>
      </c>
      <c r="CW6" s="185">
        <v>0</v>
      </c>
      <c r="CX6" s="189">
        <v>0</v>
      </c>
      <c r="CY6" s="186">
        <v>0</v>
      </c>
      <c r="CZ6" s="188">
        <v>0</v>
      </c>
      <c r="DA6" s="189">
        <v>0</v>
      </c>
      <c r="DB6" s="189">
        <v>0</v>
      </c>
      <c r="DC6" s="189">
        <v>0</v>
      </c>
      <c r="DD6" s="189">
        <v>0</v>
      </c>
      <c r="DE6" s="189">
        <v>0</v>
      </c>
      <c r="DF6" s="186">
        <v>0</v>
      </c>
      <c r="DG6" s="191">
        <v>0</v>
      </c>
    </row>
    <row r="7" spans="1:111" ht="18.75" customHeight="1" x14ac:dyDescent="0.2">
      <c r="A7" s="177" t="s">
        <v>5</v>
      </c>
      <c r="B7" s="192">
        <v>0</v>
      </c>
      <c r="C7" s="196">
        <v>0</v>
      </c>
      <c r="D7" s="458">
        <v>0</v>
      </c>
      <c r="E7" s="195">
        <v>0</v>
      </c>
      <c r="F7" s="196">
        <v>5368</v>
      </c>
      <c r="G7" s="196">
        <v>10136</v>
      </c>
      <c r="H7" s="196">
        <v>8945</v>
      </c>
      <c r="I7" s="196">
        <v>8749</v>
      </c>
      <c r="J7" s="196">
        <v>7850</v>
      </c>
      <c r="K7" s="197">
        <v>41048</v>
      </c>
      <c r="L7" s="198">
        <v>41048</v>
      </c>
      <c r="M7" s="192">
        <v>0</v>
      </c>
      <c r="N7" s="196">
        <v>4</v>
      </c>
      <c r="O7" s="193">
        <v>4</v>
      </c>
      <c r="P7" s="195">
        <v>0</v>
      </c>
      <c r="Q7" s="196">
        <v>10</v>
      </c>
      <c r="R7" s="196">
        <v>80</v>
      </c>
      <c r="S7" s="196">
        <v>90</v>
      </c>
      <c r="T7" s="196">
        <v>282</v>
      </c>
      <c r="U7" s="196">
        <v>495</v>
      </c>
      <c r="V7" s="193">
        <v>957</v>
      </c>
      <c r="W7" s="198">
        <v>961</v>
      </c>
      <c r="X7" s="192">
        <v>614</v>
      </c>
      <c r="Y7" s="196">
        <v>1669</v>
      </c>
      <c r="Z7" s="193">
        <v>2283</v>
      </c>
      <c r="AA7" s="195">
        <v>0</v>
      </c>
      <c r="AB7" s="196">
        <v>3372</v>
      </c>
      <c r="AC7" s="196">
        <v>6902</v>
      </c>
      <c r="AD7" s="196">
        <v>3991</v>
      </c>
      <c r="AE7" s="196">
        <v>2973</v>
      </c>
      <c r="AF7" s="196">
        <v>2346</v>
      </c>
      <c r="AG7" s="193">
        <v>19584</v>
      </c>
      <c r="AH7" s="198">
        <v>21867</v>
      </c>
      <c r="AI7" s="192">
        <v>103</v>
      </c>
      <c r="AJ7" s="196">
        <v>316</v>
      </c>
      <c r="AK7" s="193">
        <v>419</v>
      </c>
      <c r="AL7" s="195">
        <v>0</v>
      </c>
      <c r="AM7" s="196">
        <v>207</v>
      </c>
      <c r="AN7" s="196">
        <v>768</v>
      </c>
      <c r="AO7" s="196">
        <v>574</v>
      </c>
      <c r="AP7" s="196">
        <v>412</v>
      </c>
      <c r="AQ7" s="196">
        <v>223</v>
      </c>
      <c r="AR7" s="193">
        <v>2184</v>
      </c>
      <c r="AS7" s="198">
        <v>2603</v>
      </c>
      <c r="AT7" s="192">
        <v>0</v>
      </c>
      <c r="AU7" s="196">
        <v>0</v>
      </c>
      <c r="AV7" s="193">
        <v>0</v>
      </c>
      <c r="AW7" s="195">
        <v>0</v>
      </c>
      <c r="AX7" s="196">
        <v>4954</v>
      </c>
      <c r="AY7" s="196">
        <v>5501</v>
      </c>
      <c r="AZ7" s="196">
        <v>3384</v>
      </c>
      <c r="BA7" s="196">
        <v>1392</v>
      </c>
      <c r="BB7" s="196">
        <v>531</v>
      </c>
      <c r="BC7" s="197">
        <v>15762</v>
      </c>
      <c r="BD7" s="198">
        <v>15762</v>
      </c>
      <c r="BE7" s="192">
        <v>0</v>
      </c>
      <c r="BF7" s="196">
        <v>0</v>
      </c>
      <c r="BG7" s="193">
        <v>0</v>
      </c>
      <c r="BH7" s="195">
        <v>0</v>
      </c>
      <c r="BI7" s="196">
        <v>1081</v>
      </c>
      <c r="BJ7" s="196">
        <v>1969</v>
      </c>
      <c r="BK7" s="196">
        <v>1218</v>
      </c>
      <c r="BL7" s="196">
        <v>627</v>
      </c>
      <c r="BM7" s="196">
        <v>195</v>
      </c>
      <c r="BN7" s="193">
        <v>5090</v>
      </c>
      <c r="BO7" s="198">
        <v>5090</v>
      </c>
      <c r="BP7" s="192">
        <v>17</v>
      </c>
      <c r="BQ7" s="196">
        <v>58</v>
      </c>
      <c r="BR7" s="193">
        <v>75</v>
      </c>
      <c r="BS7" s="195">
        <v>0</v>
      </c>
      <c r="BT7" s="196">
        <v>352</v>
      </c>
      <c r="BU7" s="196">
        <v>778</v>
      </c>
      <c r="BV7" s="196">
        <v>1469</v>
      </c>
      <c r="BW7" s="196">
        <v>1161</v>
      </c>
      <c r="BX7" s="196">
        <v>453</v>
      </c>
      <c r="BY7" s="193">
        <v>4213</v>
      </c>
      <c r="BZ7" s="198">
        <v>4288</v>
      </c>
      <c r="CA7" s="192">
        <v>0</v>
      </c>
      <c r="CB7" s="196">
        <v>6</v>
      </c>
      <c r="CC7" s="193">
        <v>6</v>
      </c>
      <c r="CD7" s="195">
        <v>0</v>
      </c>
      <c r="CE7" s="196">
        <v>82</v>
      </c>
      <c r="CF7" s="196">
        <v>186</v>
      </c>
      <c r="CG7" s="196">
        <v>300</v>
      </c>
      <c r="CH7" s="196">
        <v>174</v>
      </c>
      <c r="CI7" s="196">
        <v>85</v>
      </c>
      <c r="CJ7" s="193">
        <v>827</v>
      </c>
      <c r="CK7" s="198">
        <v>833</v>
      </c>
      <c r="CL7" s="192">
        <v>0</v>
      </c>
      <c r="CM7" s="196">
        <v>0</v>
      </c>
      <c r="CN7" s="193">
        <v>0</v>
      </c>
      <c r="CO7" s="195">
        <v>0</v>
      </c>
      <c r="CP7" s="196">
        <v>0</v>
      </c>
      <c r="CQ7" s="196">
        <v>0</v>
      </c>
      <c r="CR7" s="196">
        <v>0</v>
      </c>
      <c r="CS7" s="196">
        <v>0</v>
      </c>
      <c r="CT7" s="196">
        <v>0</v>
      </c>
      <c r="CU7" s="193">
        <v>0</v>
      </c>
      <c r="CV7" s="198">
        <v>0</v>
      </c>
      <c r="CW7" s="192">
        <v>0</v>
      </c>
      <c r="CX7" s="196">
        <v>0</v>
      </c>
      <c r="CY7" s="193">
        <v>0</v>
      </c>
      <c r="CZ7" s="195">
        <v>0</v>
      </c>
      <c r="DA7" s="196">
        <v>0</v>
      </c>
      <c r="DB7" s="196">
        <v>0</v>
      </c>
      <c r="DC7" s="196">
        <v>0</v>
      </c>
      <c r="DD7" s="196">
        <v>0</v>
      </c>
      <c r="DE7" s="196">
        <v>0</v>
      </c>
      <c r="DF7" s="193">
        <v>0</v>
      </c>
      <c r="DG7" s="198">
        <v>0</v>
      </c>
    </row>
    <row r="8" spans="1:111" ht="18.75" customHeight="1" x14ac:dyDescent="0.2">
      <c r="A8" s="177" t="s">
        <v>6</v>
      </c>
      <c r="B8" s="192">
        <v>0</v>
      </c>
      <c r="C8" s="196">
        <v>0</v>
      </c>
      <c r="D8" s="458">
        <v>0</v>
      </c>
      <c r="E8" s="195">
        <v>0</v>
      </c>
      <c r="F8" s="196">
        <v>1957</v>
      </c>
      <c r="G8" s="196">
        <v>2255</v>
      </c>
      <c r="H8" s="196">
        <v>2630</v>
      </c>
      <c r="I8" s="196">
        <v>3503</v>
      </c>
      <c r="J8" s="196">
        <v>3083</v>
      </c>
      <c r="K8" s="197">
        <v>13428</v>
      </c>
      <c r="L8" s="198">
        <v>13428</v>
      </c>
      <c r="M8" s="192">
        <v>0</v>
      </c>
      <c r="N8" s="196">
        <v>0</v>
      </c>
      <c r="O8" s="193">
        <v>0</v>
      </c>
      <c r="P8" s="195">
        <v>0</v>
      </c>
      <c r="Q8" s="196">
        <v>5</v>
      </c>
      <c r="R8" s="196">
        <v>20</v>
      </c>
      <c r="S8" s="196">
        <v>46</v>
      </c>
      <c r="T8" s="196">
        <v>58</v>
      </c>
      <c r="U8" s="196">
        <v>160</v>
      </c>
      <c r="V8" s="193">
        <v>289</v>
      </c>
      <c r="W8" s="198">
        <v>289</v>
      </c>
      <c r="X8" s="192">
        <v>153</v>
      </c>
      <c r="Y8" s="196">
        <v>401</v>
      </c>
      <c r="Z8" s="193">
        <v>554</v>
      </c>
      <c r="AA8" s="195">
        <v>0</v>
      </c>
      <c r="AB8" s="196">
        <v>1440</v>
      </c>
      <c r="AC8" s="196">
        <v>1419</v>
      </c>
      <c r="AD8" s="196">
        <v>870</v>
      </c>
      <c r="AE8" s="196">
        <v>970</v>
      </c>
      <c r="AF8" s="196">
        <v>720</v>
      </c>
      <c r="AG8" s="193">
        <v>5419</v>
      </c>
      <c r="AH8" s="198">
        <v>5973</v>
      </c>
      <c r="AI8" s="192">
        <v>16</v>
      </c>
      <c r="AJ8" s="196">
        <v>33</v>
      </c>
      <c r="AK8" s="193">
        <v>49</v>
      </c>
      <c r="AL8" s="195">
        <v>0</v>
      </c>
      <c r="AM8" s="196">
        <v>124</v>
      </c>
      <c r="AN8" s="196">
        <v>179</v>
      </c>
      <c r="AO8" s="196">
        <v>97</v>
      </c>
      <c r="AP8" s="196">
        <v>167</v>
      </c>
      <c r="AQ8" s="196">
        <v>75</v>
      </c>
      <c r="AR8" s="193">
        <v>642</v>
      </c>
      <c r="AS8" s="198">
        <v>691</v>
      </c>
      <c r="AT8" s="192">
        <v>0</v>
      </c>
      <c r="AU8" s="196">
        <v>0</v>
      </c>
      <c r="AV8" s="193">
        <v>0</v>
      </c>
      <c r="AW8" s="195">
        <v>0</v>
      </c>
      <c r="AX8" s="196">
        <v>2012</v>
      </c>
      <c r="AY8" s="196">
        <v>1429</v>
      </c>
      <c r="AZ8" s="196">
        <v>993</v>
      </c>
      <c r="BA8" s="196">
        <v>546</v>
      </c>
      <c r="BB8" s="196">
        <v>204</v>
      </c>
      <c r="BC8" s="197">
        <v>5184</v>
      </c>
      <c r="BD8" s="198">
        <v>5184</v>
      </c>
      <c r="BE8" s="192">
        <v>0</v>
      </c>
      <c r="BF8" s="196">
        <v>0</v>
      </c>
      <c r="BG8" s="193">
        <v>0</v>
      </c>
      <c r="BH8" s="195">
        <v>0</v>
      </c>
      <c r="BI8" s="196">
        <v>331</v>
      </c>
      <c r="BJ8" s="196">
        <v>531</v>
      </c>
      <c r="BK8" s="196">
        <v>266</v>
      </c>
      <c r="BL8" s="196">
        <v>161</v>
      </c>
      <c r="BM8" s="196">
        <v>82</v>
      </c>
      <c r="BN8" s="193">
        <v>1371</v>
      </c>
      <c r="BO8" s="198">
        <v>1371</v>
      </c>
      <c r="BP8" s="192">
        <v>3</v>
      </c>
      <c r="BQ8" s="196">
        <v>4</v>
      </c>
      <c r="BR8" s="193">
        <v>7</v>
      </c>
      <c r="BS8" s="195">
        <v>0</v>
      </c>
      <c r="BT8" s="196">
        <v>145</v>
      </c>
      <c r="BU8" s="196">
        <v>222</v>
      </c>
      <c r="BV8" s="196">
        <v>256</v>
      </c>
      <c r="BW8" s="196">
        <v>188</v>
      </c>
      <c r="BX8" s="196">
        <v>169</v>
      </c>
      <c r="BY8" s="193">
        <v>980</v>
      </c>
      <c r="BZ8" s="198">
        <v>987</v>
      </c>
      <c r="CA8" s="192">
        <v>0</v>
      </c>
      <c r="CB8" s="196">
        <v>0</v>
      </c>
      <c r="CC8" s="193">
        <v>0</v>
      </c>
      <c r="CD8" s="195">
        <v>0</v>
      </c>
      <c r="CE8" s="196">
        <v>21</v>
      </c>
      <c r="CF8" s="196">
        <v>72</v>
      </c>
      <c r="CG8" s="196">
        <v>59</v>
      </c>
      <c r="CH8" s="196">
        <v>60</v>
      </c>
      <c r="CI8" s="196">
        <v>25</v>
      </c>
      <c r="CJ8" s="193">
        <v>237</v>
      </c>
      <c r="CK8" s="198">
        <v>237</v>
      </c>
      <c r="CL8" s="192">
        <v>0</v>
      </c>
      <c r="CM8" s="196">
        <v>0</v>
      </c>
      <c r="CN8" s="193">
        <v>0</v>
      </c>
      <c r="CO8" s="195">
        <v>0</v>
      </c>
      <c r="CP8" s="196">
        <v>0</v>
      </c>
      <c r="CQ8" s="196">
        <v>0</v>
      </c>
      <c r="CR8" s="196">
        <v>0</v>
      </c>
      <c r="CS8" s="196">
        <v>0</v>
      </c>
      <c r="CT8" s="196">
        <v>0</v>
      </c>
      <c r="CU8" s="193">
        <v>0</v>
      </c>
      <c r="CV8" s="198">
        <v>0</v>
      </c>
      <c r="CW8" s="192">
        <v>0</v>
      </c>
      <c r="CX8" s="196">
        <v>0</v>
      </c>
      <c r="CY8" s="193">
        <v>0</v>
      </c>
      <c r="CZ8" s="195">
        <v>0</v>
      </c>
      <c r="DA8" s="196">
        <v>0</v>
      </c>
      <c r="DB8" s="196">
        <v>0</v>
      </c>
      <c r="DC8" s="196">
        <v>0</v>
      </c>
      <c r="DD8" s="196">
        <v>0</v>
      </c>
      <c r="DE8" s="196">
        <v>0</v>
      </c>
      <c r="DF8" s="193">
        <v>0</v>
      </c>
      <c r="DG8" s="198">
        <v>0</v>
      </c>
    </row>
    <row r="9" spans="1:111" ht="18.75" customHeight="1" x14ac:dyDescent="0.2">
      <c r="A9" s="177" t="s">
        <v>14</v>
      </c>
      <c r="B9" s="192">
        <v>0</v>
      </c>
      <c r="C9" s="196">
        <v>0</v>
      </c>
      <c r="D9" s="458">
        <v>0</v>
      </c>
      <c r="E9" s="195">
        <v>0</v>
      </c>
      <c r="F9" s="196">
        <v>1035</v>
      </c>
      <c r="G9" s="196">
        <v>1406</v>
      </c>
      <c r="H9" s="196">
        <v>1430</v>
      </c>
      <c r="I9" s="196">
        <v>627</v>
      </c>
      <c r="J9" s="196">
        <v>1210</v>
      </c>
      <c r="K9" s="197">
        <v>5708</v>
      </c>
      <c r="L9" s="198">
        <v>5708</v>
      </c>
      <c r="M9" s="192">
        <v>0</v>
      </c>
      <c r="N9" s="196">
        <v>0</v>
      </c>
      <c r="O9" s="193">
        <v>0</v>
      </c>
      <c r="P9" s="195">
        <v>0</v>
      </c>
      <c r="Q9" s="196">
        <v>0</v>
      </c>
      <c r="R9" s="196">
        <v>4</v>
      </c>
      <c r="S9" s="196">
        <v>13</v>
      </c>
      <c r="T9" s="196">
        <v>20</v>
      </c>
      <c r="U9" s="196">
        <v>40</v>
      </c>
      <c r="V9" s="193">
        <v>77</v>
      </c>
      <c r="W9" s="198">
        <v>77</v>
      </c>
      <c r="X9" s="192">
        <v>17</v>
      </c>
      <c r="Y9" s="196">
        <v>221</v>
      </c>
      <c r="Z9" s="193">
        <v>238</v>
      </c>
      <c r="AA9" s="195">
        <v>0</v>
      </c>
      <c r="AB9" s="196">
        <v>460</v>
      </c>
      <c r="AC9" s="196">
        <v>928</v>
      </c>
      <c r="AD9" s="196">
        <v>653</v>
      </c>
      <c r="AE9" s="196">
        <v>491</v>
      </c>
      <c r="AF9" s="196">
        <v>211</v>
      </c>
      <c r="AG9" s="193">
        <v>2743</v>
      </c>
      <c r="AH9" s="198">
        <v>2981</v>
      </c>
      <c r="AI9" s="192">
        <v>8</v>
      </c>
      <c r="AJ9" s="196">
        <v>26</v>
      </c>
      <c r="AK9" s="193">
        <v>34</v>
      </c>
      <c r="AL9" s="195">
        <v>0</v>
      </c>
      <c r="AM9" s="196">
        <v>15</v>
      </c>
      <c r="AN9" s="196">
        <v>14</v>
      </c>
      <c r="AO9" s="196">
        <v>20</v>
      </c>
      <c r="AP9" s="196">
        <v>25</v>
      </c>
      <c r="AQ9" s="196">
        <v>16</v>
      </c>
      <c r="AR9" s="193">
        <v>90</v>
      </c>
      <c r="AS9" s="198">
        <v>124</v>
      </c>
      <c r="AT9" s="192">
        <v>0</v>
      </c>
      <c r="AU9" s="196">
        <v>0</v>
      </c>
      <c r="AV9" s="193">
        <v>0</v>
      </c>
      <c r="AW9" s="195">
        <v>0</v>
      </c>
      <c r="AX9" s="196">
        <v>1101</v>
      </c>
      <c r="AY9" s="196">
        <v>960</v>
      </c>
      <c r="AZ9" s="196">
        <v>664</v>
      </c>
      <c r="BA9" s="196">
        <v>548</v>
      </c>
      <c r="BB9" s="196">
        <v>116</v>
      </c>
      <c r="BC9" s="197">
        <v>3389</v>
      </c>
      <c r="BD9" s="198">
        <v>3389</v>
      </c>
      <c r="BE9" s="192">
        <v>0</v>
      </c>
      <c r="BF9" s="196">
        <v>0</v>
      </c>
      <c r="BG9" s="193">
        <v>0</v>
      </c>
      <c r="BH9" s="195">
        <v>0</v>
      </c>
      <c r="BI9" s="196">
        <v>34</v>
      </c>
      <c r="BJ9" s="196">
        <v>210</v>
      </c>
      <c r="BK9" s="196">
        <v>141</v>
      </c>
      <c r="BL9" s="196">
        <v>70</v>
      </c>
      <c r="BM9" s="196">
        <v>18</v>
      </c>
      <c r="BN9" s="193">
        <v>473</v>
      </c>
      <c r="BO9" s="198">
        <v>473</v>
      </c>
      <c r="BP9" s="192">
        <v>0</v>
      </c>
      <c r="BQ9" s="196">
        <v>9</v>
      </c>
      <c r="BR9" s="193">
        <v>9</v>
      </c>
      <c r="BS9" s="195">
        <v>0</v>
      </c>
      <c r="BT9" s="196">
        <v>100</v>
      </c>
      <c r="BU9" s="196">
        <v>106</v>
      </c>
      <c r="BV9" s="196">
        <v>235</v>
      </c>
      <c r="BW9" s="196">
        <v>282</v>
      </c>
      <c r="BX9" s="196">
        <v>122</v>
      </c>
      <c r="BY9" s="193">
        <v>845</v>
      </c>
      <c r="BZ9" s="198">
        <v>854</v>
      </c>
      <c r="CA9" s="192">
        <v>0</v>
      </c>
      <c r="CB9" s="196">
        <v>0</v>
      </c>
      <c r="CC9" s="193">
        <v>0</v>
      </c>
      <c r="CD9" s="195">
        <v>0</v>
      </c>
      <c r="CE9" s="196">
        <v>0</v>
      </c>
      <c r="CF9" s="196">
        <v>0</v>
      </c>
      <c r="CG9" s="196">
        <v>23</v>
      </c>
      <c r="CH9" s="196">
        <v>3</v>
      </c>
      <c r="CI9" s="196">
        <v>0</v>
      </c>
      <c r="CJ9" s="193">
        <v>26</v>
      </c>
      <c r="CK9" s="198">
        <v>26</v>
      </c>
      <c r="CL9" s="192">
        <v>0</v>
      </c>
      <c r="CM9" s="196">
        <v>0</v>
      </c>
      <c r="CN9" s="193">
        <v>0</v>
      </c>
      <c r="CO9" s="195">
        <v>0</v>
      </c>
      <c r="CP9" s="196">
        <v>0</v>
      </c>
      <c r="CQ9" s="196">
        <v>0</v>
      </c>
      <c r="CR9" s="196">
        <v>0</v>
      </c>
      <c r="CS9" s="196">
        <v>0</v>
      </c>
      <c r="CT9" s="196">
        <v>0</v>
      </c>
      <c r="CU9" s="193">
        <v>0</v>
      </c>
      <c r="CV9" s="198">
        <v>0</v>
      </c>
      <c r="CW9" s="192">
        <v>0</v>
      </c>
      <c r="CX9" s="196">
        <v>0</v>
      </c>
      <c r="CY9" s="193">
        <v>0</v>
      </c>
      <c r="CZ9" s="195">
        <v>0</v>
      </c>
      <c r="DA9" s="196">
        <v>0</v>
      </c>
      <c r="DB9" s="196">
        <v>0</v>
      </c>
      <c r="DC9" s="196">
        <v>0</v>
      </c>
      <c r="DD9" s="196">
        <v>0</v>
      </c>
      <c r="DE9" s="196">
        <v>0</v>
      </c>
      <c r="DF9" s="193">
        <v>0</v>
      </c>
      <c r="DG9" s="198">
        <v>0</v>
      </c>
    </row>
    <row r="10" spans="1:111" ht="18.75" customHeight="1" x14ac:dyDescent="0.2">
      <c r="A10" s="177" t="s">
        <v>7</v>
      </c>
      <c r="B10" s="192">
        <v>0</v>
      </c>
      <c r="C10" s="196">
        <v>0</v>
      </c>
      <c r="D10" s="458">
        <v>0</v>
      </c>
      <c r="E10" s="195">
        <v>0</v>
      </c>
      <c r="F10" s="196">
        <v>1472</v>
      </c>
      <c r="G10" s="196">
        <v>1587</v>
      </c>
      <c r="H10" s="196">
        <v>1703</v>
      </c>
      <c r="I10" s="196">
        <v>1607</v>
      </c>
      <c r="J10" s="196">
        <v>784</v>
      </c>
      <c r="K10" s="197">
        <v>7153</v>
      </c>
      <c r="L10" s="198">
        <v>7153</v>
      </c>
      <c r="M10" s="192">
        <v>0</v>
      </c>
      <c r="N10" s="196">
        <v>0</v>
      </c>
      <c r="O10" s="193">
        <v>0</v>
      </c>
      <c r="P10" s="195">
        <v>0</v>
      </c>
      <c r="Q10" s="196">
        <v>6</v>
      </c>
      <c r="R10" s="196">
        <v>9</v>
      </c>
      <c r="S10" s="196">
        <v>39</v>
      </c>
      <c r="T10" s="196">
        <v>45</v>
      </c>
      <c r="U10" s="196">
        <v>74</v>
      </c>
      <c r="V10" s="193">
        <v>173</v>
      </c>
      <c r="W10" s="198">
        <v>173</v>
      </c>
      <c r="X10" s="192">
        <v>5</v>
      </c>
      <c r="Y10" s="196">
        <v>21</v>
      </c>
      <c r="Z10" s="193">
        <v>26</v>
      </c>
      <c r="AA10" s="195">
        <v>0</v>
      </c>
      <c r="AB10" s="196">
        <v>332</v>
      </c>
      <c r="AC10" s="196">
        <v>353</v>
      </c>
      <c r="AD10" s="196">
        <v>298</v>
      </c>
      <c r="AE10" s="196">
        <v>175</v>
      </c>
      <c r="AF10" s="196">
        <v>134</v>
      </c>
      <c r="AG10" s="193">
        <v>1292</v>
      </c>
      <c r="AH10" s="198">
        <v>1318</v>
      </c>
      <c r="AI10" s="192">
        <v>0</v>
      </c>
      <c r="AJ10" s="196">
        <v>15</v>
      </c>
      <c r="AK10" s="193">
        <v>15</v>
      </c>
      <c r="AL10" s="195">
        <v>0</v>
      </c>
      <c r="AM10" s="196">
        <v>25</v>
      </c>
      <c r="AN10" s="196">
        <v>44</v>
      </c>
      <c r="AO10" s="196">
        <v>34</v>
      </c>
      <c r="AP10" s="196">
        <v>48</v>
      </c>
      <c r="AQ10" s="196">
        <v>35</v>
      </c>
      <c r="AR10" s="193">
        <v>186</v>
      </c>
      <c r="AS10" s="198">
        <v>201</v>
      </c>
      <c r="AT10" s="192">
        <v>0</v>
      </c>
      <c r="AU10" s="196">
        <v>0</v>
      </c>
      <c r="AV10" s="193">
        <v>0</v>
      </c>
      <c r="AW10" s="195">
        <v>0</v>
      </c>
      <c r="AX10" s="196">
        <v>1095</v>
      </c>
      <c r="AY10" s="196">
        <v>967</v>
      </c>
      <c r="AZ10" s="196">
        <v>505</v>
      </c>
      <c r="BA10" s="196">
        <v>231</v>
      </c>
      <c r="BB10" s="196">
        <v>112</v>
      </c>
      <c r="BC10" s="197">
        <v>2910</v>
      </c>
      <c r="BD10" s="198">
        <v>2910</v>
      </c>
      <c r="BE10" s="192">
        <v>0</v>
      </c>
      <c r="BF10" s="196">
        <v>0</v>
      </c>
      <c r="BG10" s="193">
        <v>0</v>
      </c>
      <c r="BH10" s="195">
        <v>0</v>
      </c>
      <c r="BI10" s="196">
        <v>171</v>
      </c>
      <c r="BJ10" s="196">
        <v>118</v>
      </c>
      <c r="BK10" s="196">
        <v>132</v>
      </c>
      <c r="BL10" s="196">
        <v>47</v>
      </c>
      <c r="BM10" s="196">
        <v>13</v>
      </c>
      <c r="BN10" s="193">
        <v>481</v>
      </c>
      <c r="BO10" s="198">
        <v>481</v>
      </c>
      <c r="BP10" s="192">
        <v>0</v>
      </c>
      <c r="BQ10" s="196">
        <v>0</v>
      </c>
      <c r="BR10" s="193">
        <v>0</v>
      </c>
      <c r="BS10" s="195">
        <v>0</v>
      </c>
      <c r="BT10" s="196">
        <v>114</v>
      </c>
      <c r="BU10" s="196">
        <v>171</v>
      </c>
      <c r="BV10" s="196">
        <v>206</v>
      </c>
      <c r="BW10" s="196">
        <v>97</v>
      </c>
      <c r="BX10" s="196">
        <v>135</v>
      </c>
      <c r="BY10" s="193">
        <v>723</v>
      </c>
      <c r="BZ10" s="198">
        <v>723</v>
      </c>
      <c r="CA10" s="192">
        <v>0</v>
      </c>
      <c r="CB10" s="196">
        <v>0</v>
      </c>
      <c r="CC10" s="193">
        <v>0</v>
      </c>
      <c r="CD10" s="195">
        <v>0</v>
      </c>
      <c r="CE10" s="196">
        <v>0</v>
      </c>
      <c r="CF10" s="196">
        <v>0</v>
      </c>
      <c r="CG10" s="196">
        <v>18</v>
      </c>
      <c r="CH10" s="196">
        <v>16</v>
      </c>
      <c r="CI10" s="196">
        <v>0</v>
      </c>
      <c r="CJ10" s="193">
        <v>34</v>
      </c>
      <c r="CK10" s="198">
        <v>34</v>
      </c>
      <c r="CL10" s="192">
        <v>0</v>
      </c>
      <c r="CM10" s="196">
        <v>0</v>
      </c>
      <c r="CN10" s="193">
        <v>0</v>
      </c>
      <c r="CO10" s="195">
        <v>0</v>
      </c>
      <c r="CP10" s="196">
        <v>0</v>
      </c>
      <c r="CQ10" s="196">
        <v>0</v>
      </c>
      <c r="CR10" s="196">
        <v>0</v>
      </c>
      <c r="CS10" s="196">
        <v>0</v>
      </c>
      <c r="CT10" s="196">
        <v>0</v>
      </c>
      <c r="CU10" s="193">
        <v>0</v>
      </c>
      <c r="CV10" s="198">
        <v>0</v>
      </c>
      <c r="CW10" s="192">
        <v>0</v>
      </c>
      <c r="CX10" s="196">
        <v>0</v>
      </c>
      <c r="CY10" s="193">
        <v>0</v>
      </c>
      <c r="CZ10" s="195">
        <v>0</v>
      </c>
      <c r="DA10" s="196">
        <v>0</v>
      </c>
      <c r="DB10" s="196">
        <v>0</v>
      </c>
      <c r="DC10" s="196">
        <v>0</v>
      </c>
      <c r="DD10" s="196">
        <v>0</v>
      </c>
      <c r="DE10" s="196">
        <v>0</v>
      </c>
      <c r="DF10" s="193">
        <v>0</v>
      </c>
      <c r="DG10" s="198">
        <v>0</v>
      </c>
    </row>
    <row r="11" spans="1:111" ht="18.75" customHeight="1" x14ac:dyDescent="0.2">
      <c r="A11" s="177" t="s">
        <v>8</v>
      </c>
      <c r="B11" s="192">
        <v>0</v>
      </c>
      <c r="C11" s="196">
        <v>0</v>
      </c>
      <c r="D11" s="458">
        <v>0</v>
      </c>
      <c r="E11" s="195">
        <v>0</v>
      </c>
      <c r="F11" s="196">
        <v>337</v>
      </c>
      <c r="G11" s="196">
        <v>520</v>
      </c>
      <c r="H11" s="196">
        <v>912</v>
      </c>
      <c r="I11" s="196">
        <v>319</v>
      </c>
      <c r="J11" s="196">
        <v>692</v>
      </c>
      <c r="K11" s="197">
        <v>2780</v>
      </c>
      <c r="L11" s="198">
        <v>2780</v>
      </c>
      <c r="M11" s="192">
        <v>0</v>
      </c>
      <c r="N11" s="196">
        <v>0</v>
      </c>
      <c r="O11" s="193">
        <v>0</v>
      </c>
      <c r="P11" s="195">
        <v>0</v>
      </c>
      <c r="Q11" s="196">
        <v>0</v>
      </c>
      <c r="R11" s="196">
        <v>5</v>
      </c>
      <c r="S11" s="196">
        <v>4</v>
      </c>
      <c r="T11" s="196">
        <v>21</v>
      </c>
      <c r="U11" s="196">
        <v>34</v>
      </c>
      <c r="V11" s="193">
        <v>64</v>
      </c>
      <c r="W11" s="198">
        <v>64</v>
      </c>
      <c r="X11" s="192">
        <v>10</v>
      </c>
      <c r="Y11" s="196">
        <v>19</v>
      </c>
      <c r="Z11" s="193">
        <v>29</v>
      </c>
      <c r="AA11" s="195">
        <v>0</v>
      </c>
      <c r="AB11" s="196">
        <v>114</v>
      </c>
      <c r="AC11" s="196">
        <v>152</v>
      </c>
      <c r="AD11" s="196">
        <v>114</v>
      </c>
      <c r="AE11" s="196">
        <v>120</v>
      </c>
      <c r="AF11" s="196">
        <v>38</v>
      </c>
      <c r="AG11" s="193">
        <v>538</v>
      </c>
      <c r="AH11" s="198">
        <v>567</v>
      </c>
      <c r="AI11" s="192">
        <v>0</v>
      </c>
      <c r="AJ11" s="196">
        <v>14</v>
      </c>
      <c r="AK11" s="193">
        <v>14</v>
      </c>
      <c r="AL11" s="195">
        <v>0</v>
      </c>
      <c r="AM11" s="196">
        <v>27</v>
      </c>
      <c r="AN11" s="196">
        <v>67</v>
      </c>
      <c r="AO11" s="196">
        <v>126</v>
      </c>
      <c r="AP11" s="196">
        <v>72</v>
      </c>
      <c r="AQ11" s="196">
        <v>6</v>
      </c>
      <c r="AR11" s="193">
        <v>298</v>
      </c>
      <c r="AS11" s="198">
        <v>312</v>
      </c>
      <c r="AT11" s="192">
        <v>0</v>
      </c>
      <c r="AU11" s="196">
        <v>0</v>
      </c>
      <c r="AV11" s="193">
        <v>0</v>
      </c>
      <c r="AW11" s="195">
        <v>0</v>
      </c>
      <c r="AX11" s="196">
        <v>316</v>
      </c>
      <c r="AY11" s="196">
        <v>460</v>
      </c>
      <c r="AZ11" s="196">
        <v>208</v>
      </c>
      <c r="BA11" s="196">
        <v>105</v>
      </c>
      <c r="BB11" s="196">
        <v>76</v>
      </c>
      <c r="BC11" s="197">
        <v>1165</v>
      </c>
      <c r="BD11" s="198">
        <v>1165</v>
      </c>
      <c r="BE11" s="192">
        <v>0</v>
      </c>
      <c r="BF11" s="196">
        <v>0</v>
      </c>
      <c r="BG11" s="193">
        <v>0</v>
      </c>
      <c r="BH11" s="195">
        <v>0</v>
      </c>
      <c r="BI11" s="196">
        <v>27</v>
      </c>
      <c r="BJ11" s="196">
        <v>76</v>
      </c>
      <c r="BK11" s="196">
        <v>52</v>
      </c>
      <c r="BL11" s="196">
        <v>56</v>
      </c>
      <c r="BM11" s="196">
        <v>12</v>
      </c>
      <c r="BN11" s="193">
        <v>223</v>
      </c>
      <c r="BO11" s="198">
        <v>223</v>
      </c>
      <c r="BP11" s="192">
        <v>0</v>
      </c>
      <c r="BQ11" s="196">
        <v>17</v>
      </c>
      <c r="BR11" s="193">
        <v>17</v>
      </c>
      <c r="BS11" s="195">
        <v>0</v>
      </c>
      <c r="BT11" s="196">
        <v>23</v>
      </c>
      <c r="BU11" s="196">
        <v>35</v>
      </c>
      <c r="BV11" s="196">
        <v>68</v>
      </c>
      <c r="BW11" s="196">
        <v>48</v>
      </c>
      <c r="BX11" s="196">
        <v>41</v>
      </c>
      <c r="BY11" s="193">
        <v>215</v>
      </c>
      <c r="BZ11" s="198">
        <v>232</v>
      </c>
      <c r="CA11" s="192">
        <v>0</v>
      </c>
      <c r="CB11" s="196">
        <v>0</v>
      </c>
      <c r="CC11" s="193">
        <v>0</v>
      </c>
      <c r="CD11" s="195">
        <v>0</v>
      </c>
      <c r="CE11" s="196">
        <v>0</v>
      </c>
      <c r="CF11" s="196">
        <v>0</v>
      </c>
      <c r="CG11" s="196">
        <v>0</v>
      </c>
      <c r="CH11" s="196">
        <v>0</v>
      </c>
      <c r="CI11" s="196">
        <v>0</v>
      </c>
      <c r="CJ11" s="193">
        <v>0</v>
      </c>
      <c r="CK11" s="198">
        <v>0</v>
      </c>
      <c r="CL11" s="192">
        <v>0</v>
      </c>
      <c r="CM11" s="196">
        <v>0</v>
      </c>
      <c r="CN11" s="193">
        <v>0</v>
      </c>
      <c r="CO11" s="195">
        <v>0</v>
      </c>
      <c r="CP11" s="196">
        <v>0</v>
      </c>
      <c r="CQ11" s="196">
        <v>0</v>
      </c>
      <c r="CR11" s="196">
        <v>0</v>
      </c>
      <c r="CS11" s="196">
        <v>0</v>
      </c>
      <c r="CT11" s="196">
        <v>0</v>
      </c>
      <c r="CU11" s="193">
        <v>0</v>
      </c>
      <c r="CV11" s="198">
        <v>0</v>
      </c>
      <c r="CW11" s="192">
        <v>0</v>
      </c>
      <c r="CX11" s="196">
        <v>0</v>
      </c>
      <c r="CY11" s="193">
        <v>0</v>
      </c>
      <c r="CZ11" s="195">
        <v>0</v>
      </c>
      <c r="DA11" s="196">
        <v>0</v>
      </c>
      <c r="DB11" s="196">
        <v>0</v>
      </c>
      <c r="DC11" s="196">
        <v>0</v>
      </c>
      <c r="DD11" s="196">
        <v>0</v>
      </c>
      <c r="DE11" s="196">
        <v>0</v>
      </c>
      <c r="DF11" s="193">
        <v>0</v>
      </c>
      <c r="DG11" s="198">
        <v>0</v>
      </c>
    </row>
    <row r="12" spans="1:111" ht="18.75" customHeight="1" x14ac:dyDescent="0.2">
      <c r="A12" s="177" t="s">
        <v>9</v>
      </c>
      <c r="B12" s="192">
        <v>0</v>
      </c>
      <c r="C12" s="196">
        <v>0</v>
      </c>
      <c r="D12" s="458">
        <v>0</v>
      </c>
      <c r="E12" s="195">
        <v>0</v>
      </c>
      <c r="F12" s="196">
        <v>477</v>
      </c>
      <c r="G12" s="196">
        <v>922</v>
      </c>
      <c r="H12" s="196">
        <v>970</v>
      </c>
      <c r="I12" s="196">
        <v>1359</v>
      </c>
      <c r="J12" s="196">
        <v>714</v>
      </c>
      <c r="K12" s="197">
        <v>4442</v>
      </c>
      <c r="L12" s="198">
        <v>4442</v>
      </c>
      <c r="M12" s="192">
        <v>0</v>
      </c>
      <c r="N12" s="196">
        <v>0</v>
      </c>
      <c r="O12" s="193">
        <v>0</v>
      </c>
      <c r="P12" s="195">
        <v>0</v>
      </c>
      <c r="Q12" s="196">
        <v>1</v>
      </c>
      <c r="R12" s="196">
        <v>0</v>
      </c>
      <c r="S12" s="196">
        <v>4</v>
      </c>
      <c r="T12" s="196">
        <v>11</v>
      </c>
      <c r="U12" s="196">
        <v>28</v>
      </c>
      <c r="V12" s="193">
        <v>44</v>
      </c>
      <c r="W12" s="198">
        <v>44</v>
      </c>
      <c r="X12" s="192">
        <v>2</v>
      </c>
      <c r="Y12" s="196">
        <v>41</v>
      </c>
      <c r="Z12" s="193">
        <v>43</v>
      </c>
      <c r="AA12" s="195">
        <v>0</v>
      </c>
      <c r="AB12" s="196">
        <v>358</v>
      </c>
      <c r="AC12" s="196">
        <v>320</v>
      </c>
      <c r="AD12" s="196">
        <v>246</v>
      </c>
      <c r="AE12" s="196">
        <v>243</v>
      </c>
      <c r="AF12" s="196">
        <v>211</v>
      </c>
      <c r="AG12" s="193">
        <v>1378</v>
      </c>
      <c r="AH12" s="198">
        <v>1421</v>
      </c>
      <c r="AI12" s="192">
        <v>8</v>
      </c>
      <c r="AJ12" s="196">
        <v>8</v>
      </c>
      <c r="AK12" s="193">
        <v>16</v>
      </c>
      <c r="AL12" s="195">
        <v>0</v>
      </c>
      <c r="AM12" s="196">
        <v>9</v>
      </c>
      <c r="AN12" s="196">
        <v>102</v>
      </c>
      <c r="AO12" s="196">
        <v>43</v>
      </c>
      <c r="AP12" s="196">
        <v>62</v>
      </c>
      <c r="AQ12" s="196">
        <v>60</v>
      </c>
      <c r="AR12" s="193">
        <v>276</v>
      </c>
      <c r="AS12" s="198">
        <v>292</v>
      </c>
      <c r="AT12" s="192">
        <v>0</v>
      </c>
      <c r="AU12" s="196">
        <v>0</v>
      </c>
      <c r="AV12" s="193">
        <v>0</v>
      </c>
      <c r="AW12" s="195">
        <v>0</v>
      </c>
      <c r="AX12" s="196">
        <v>471</v>
      </c>
      <c r="AY12" s="196">
        <v>395</v>
      </c>
      <c r="AZ12" s="196">
        <v>300</v>
      </c>
      <c r="BA12" s="196">
        <v>129</v>
      </c>
      <c r="BB12" s="196">
        <v>81</v>
      </c>
      <c r="BC12" s="197">
        <v>1376</v>
      </c>
      <c r="BD12" s="198">
        <v>1376</v>
      </c>
      <c r="BE12" s="192">
        <v>0</v>
      </c>
      <c r="BF12" s="196">
        <v>0</v>
      </c>
      <c r="BG12" s="193">
        <v>0</v>
      </c>
      <c r="BH12" s="195">
        <v>0</v>
      </c>
      <c r="BI12" s="196">
        <v>118</v>
      </c>
      <c r="BJ12" s="196">
        <v>136</v>
      </c>
      <c r="BK12" s="196">
        <v>81</v>
      </c>
      <c r="BL12" s="196">
        <v>67</v>
      </c>
      <c r="BM12" s="196">
        <v>18</v>
      </c>
      <c r="BN12" s="193">
        <v>420</v>
      </c>
      <c r="BO12" s="198">
        <v>420</v>
      </c>
      <c r="BP12" s="192">
        <v>0</v>
      </c>
      <c r="BQ12" s="196">
        <v>0</v>
      </c>
      <c r="BR12" s="193">
        <v>0</v>
      </c>
      <c r="BS12" s="195">
        <v>0</v>
      </c>
      <c r="BT12" s="196">
        <v>30</v>
      </c>
      <c r="BU12" s="196">
        <v>59</v>
      </c>
      <c r="BV12" s="196">
        <v>146</v>
      </c>
      <c r="BW12" s="196">
        <v>56</v>
      </c>
      <c r="BX12" s="196">
        <v>54</v>
      </c>
      <c r="BY12" s="193">
        <v>345</v>
      </c>
      <c r="BZ12" s="198">
        <v>345</v>
      </c>
      <c r="CA12" s="192">
        <v>0</v>
      </c>
      <c r="CB12" s="196">
        <v>0</v>
      </c>
      <c r="CC12" s="193">
        <v>0</v>
      </c>
      <c r="CD12" s="195">
        <v>0</v>
      </c>
      <c r="CE12" s="196">
        <v>0</v>
      </c>
      <c r="CF12" s="196">
        <v>9</v>
      </c>
      <c r="CG12" s="196">
        <v>23</v>
      </c>
      <c r="CH12" s="196">
        <v>2</v>
      </c>
      <c r="CI12" s="196">
        <v>0</v>
      </c>
      <c r="CJ12" s="193">
        <v>34</v>
      </c>
      <c r="CK12" s="198">
        <v>34</v>
      </c>
      <c r="CL12" s="192">
        <v>0</v>
      </c>
      <c r="CM12" s="196">
        <v>0</v>
      </c>
      <c r="CN12" s="193">
        <v>0</v>
      </c>
      <c r="CO12" s="195">
        <v>0</v>
      </c>
      <c r="CP12" s="196">
        <v>0</v>
      </c>
      <c r="CQ12" s="196">
        <v>0</v>
      </c>
      <c r="CR12" s="196">
        <v>0</v>
      </c>
      <c r="CS12" s="196">
        <v>0</v>
      </c>
      <c r="CT12" s="196">
        <v>0</v>
      </c>
      <c r="CU12" s="193">
        <v>0</v>
      </c>
      <c r="CV12" s="198">
        <v>0</v>
      </c>
      <c r="CW12" s="192">
        <v>0</v>
      </c>
      <c r="CX12" s="196">
        <v>0</v>
      </c>
      <c r="CY12" s="193">
        <v>0</v>
      </c>
      <c r="CZ12" s="195">
        <v>0</v>
      </c>
      <c r="DA12" s="196">
        <v>0</v>
      </c>
      <c r="DB12" s="196">
        <v>0</v>
      </c>
      <c r="DC12" s="196">
        <v>0</v>
      </c>
      <c r="DD12" s="196">
        <v>0</v>
      </c>
      <c r="DE12" s="196">
        <v>0</v>
      </c>
      <c r="DF12" s="193">
        <v>0</v>
      </c>
      <c r="DG12" s="198">
        <v>0</v>
      </c>
    </row>
    <row r="13" spans="1:111" ht="18.75" customHeight="1" x14ac:dyDescent="0.2">
      <c r="A13" s="177" t="s">
        <v>10</v>
      </c>
      <c r="B13" s="192">
        <v>0</v>
      </c>
      <c r="C13" s="196">
        <v>0</v>
      </c>
      <c r="D13" s="458">
        <v>0</v>
      </c>
      <c r="E13" s="195">
        <v>0</v>
      </c>
      <c r="F13" s="196">
        <v>1170</v>
      </c>
      <c r="G13" s="196">
        <v>1034</v>
      </c>
      <c r="H13" s="196">
        <v>1221</v>
      </c>
      <c r="I13" s="196">
        <v>1449</v>
      </c>
      <c r="J13" s="196">
        <v>957</v>
      </c>
      <c r="K13" s="197">
        <v>5831</v>
      </c>
      <c r="L13" s="198">
        <v>5831</v>
      </c>
      <c r="M13" s="192">
        <v>0</v>
      </c>
      <c r="N13" s="196">
        <v>0</v>
      </c>
      <c r="O13" s="193">
        <v>0</v>
      </c>
      <c r="P13" s="195">
        <v>0</v>
      </c>
      <c r="Q13" s="196">
        <v>0</v>
      </c>
      <c r="R13" s="196">
        <v>5</v>
      </c>
      <c r="S13" s="196">
        <v>16</v>
      </c>
      <c r="T13" s="196">
        <v>50</v>
      </c>
      <c r="U13" s="196">
        <v>49</v>
      </c>
      <c r="V13" s="193">
        <v>120</v>
      </c>
      <c r="W13" s="198">
        <v>120</v>
      </c>
      <c r="X13" s="192">
        <v>81</v>
      </c>
      <c r="Y13" s="196">
        <v>202</v>
      </c>
      <c r="Z13" s="193">
        <v>283</v>
      </c>
      <c r="AA13" s="195">
        <v>0</v>
      </c>
      <c r="AB13" s="196">
        <v>612</v>
      </c>
      <c r="AC13" s="196">
        <v>453</v>
      </c>
      <c r="AD13" s="196">
        <v>202</v>
      </c>
      <c r="AE13" s="196">
        <v>287</v>
      </c>
      <c r="AF13" s="196">
        <v>287</v>
      </c>
      <c r="AG13" s="193">
        <v>1841</v>
      </c>
      <c r="AH13" s="198">
        <v>2124</v>
      </c>
      <c r="AI13" s="192">
        <v>6</v>
      </c>
      <c r="AJ13" s="196">
        <v>36</v>
      </c>
      <c r="AK13" s="193">
        <v>42</v>
      </c>
      <c r="AL13" s="195">
        <v>0</v>
      </c>
      <c r="AM13" s="196">
        <v>159</v>
      </c>
      <c r="AN13" s="196">
        <v>62</v>
      </c>
      <c r="AO13" s="196">
        <v>48</v>
      </c>
      <c r="AP13" s="196">
        <v>24</v>
      </c>
      <c r="AQ13" s="196">
        <v>39</v>
      </c>
      <c r="AR13" s="193">
        <v>332</v>
      </c>
      <c r="AS13" s="198">
        <v>374</v>
      </c>
      <c r="AT13" s="192">
        <v>0</v>
      </c>
      <c r="AU13" s="196">
        <v>0</v>
      </c>
      <c r="AV13" s="193">
        <v>0</v>
      </c>
      <c r="AW13" s="195">
        <v>0</v>
      </c>
      <c r="AX13" s="196">
        <v>1141</v>
      </c>
      <c r="AY13" s="196">
        <v>613</v>
      </c>
      <c r="AZ13" s="196">
        <v>389</v>
      </c>
      <c r="BA13" s="196">
        <v>148</v>
      </c>
      <c r="BB13" s="196">
        <v>112</v>
      </c>
      <c r="BC13" s="197">
        <v>2403</v>
      </c>
      <c r="BD13" s="198">
        <v>2403</v>
      </c>
      <c r="BE13" s="192">
        <v>0</v>
      </c>
      <c r="BF13" s="196">
        <v>0</v>
      </c>
      <c r="BG13" s="193">
        <v>0</v>
      </c>
      <c r="BH13" s="195">
        <v>0</v>
      </c>
      <c r="BI13" s="196">
        <v>102</v>
      </c>
      <c r="BJ13" s="196">
        <v>96</v>
      </c>
      <c r="BK13" s="196">
        <v>68</v>
      </c>
      <c r="BL13" s="196">
        <v>33</v>
      </c>
      <c r="BM13" s="196">
        <v>6</v>
      </c>
      <c r="BN13" s="193">
        <v>305</v>
      </c>
      <c r="BO13" s="198">
        <v>305</v>
      </c>
      <c r="BP13" s="192">
        <v>0</v>
      </c>
      <c r="BQ13" s="196">
        <v>23</v>
      </c>
      <c r="BR13" s="193">
        <v>23</v>
      </c>
      <c r="BS13" s="195">
        <v>0</v>
      </c>
      <c r="BT13" s="196">
        <v>56</v>
      </c>
      <c r="BU13" s="196">
        <v>71</v>
      </c>
      <c r="BV13" s="196">
        <v>202</v>
      </c>
      <c r="BW13" s="196">
        <v>228</v>
      </c>
      <c r="BX13" s="196">
        <v>85</v>
      </c>
      <c r="BY13" s="193">
        <v>642</v>
      </c>
      <c r="BZ13" s="198">
        <v>665</v>
      </c>
      <c r="CA13" s="192">
        <v>0</v>
      </c>
      <c r="CB13" s="196">
        <v>0</v>
      </c>
      <c r="CC13" s="193">
        <v>0</v>
      </c>
      <c r="CD13" s="195">
        <v>0</v>
      </c>
      <c r="CE13" s="196">
        <v>25</v>
      </c>
      <c r="CF13" s="196">
        <v>25</v>
      </c>
      <c r="CG13" s="196">
        <v>32</v>
      </c>
      <c r="CH13" s="196">
        <v>0</v>
      </c>
      <c r="CI13" s="196">
        <v>7</v>
      </c>
      <c r="CJ13" s="193">
        <v>89</v>
      </c>
      <c r="CK13" s="198">
        <v>89</v>
      </c>
      <c r="CL13" s="192">
        <v>0</v>
      </c>
      <c r="CM13" s="196">
        <v>0</v>
      </c>
      <c r="CN13" s="193">
        <v>0</v>
      </c>
      <c r="CO13" s="195">
        <v>0</v>
      </c>
      <c r="CP13" s="196">
        <v>0</v>
      </c>
      <c r="CQ13" s="196">
        <v>0</v>
      </c>
      <c r="CR13" s="196">
        <v>0</v>
      </c>
      <c r="CS13" s="196">
        <v>0</v>
      </c>
      <c r="CT13" s="196">
        <v>0</v>
      </c>
      <c r="CU13" s="193">
        <v>0</v>
      </c>
      <c r="CV13" s="198">
        <v>0</v>
      </c>
      <c r="CW13" s="192">
        <v>0</v>
      </c>
      <c r="CX13" s="196">
        <v>0</v>
      </c>
      <c r="CY13" s="193">
        <v>0</v>
      </c>
      <c r="CZ13" s="195">
        <v>0</v>
      </c>
      <c r="DA13" s="196">
        <v>0</v>
      </c>
      <c r="DB13" s="196">
        <v>0</v>
      </c>
      <c r="DC13" s="196">
        <v>0</v>
      </c>
      <c r="DD13" s="196">
        <v>0</v>
      </c>
      <c r="DE13" s="196">
        <v>0</v>
      </c>
      <c r="DF13" s="193">
        <v>0</v>
      </c>
      <c r="DG13" s="198">
        <v>0</v>
      </c>
    </row>
    <row r="14" spans="1:111" ht="18.75" customHeight="1" x14ac:dyDescent="0.2">
      <c r="A14" s="177" t="s">
        <v>11</v>
      </c>
      <c r="B14" s="192">
        <v>0</v>
      </c>
      <c r="C14" s="196">
        <v>0</v>
      </c>
      <c r="D14" s="458">
        <v>0</v>
      </c>
      <c r="E14" s="195">
        <v>0</v>
      </c>
      <c r="F14" s="196">
        <v>261</v>
      </c>
      <c r="G14" s="196">
        <v>109</v>
      </c>
      <c r="H14" s="196">
        <v>407</v>
      </c>
      <c r="I14" s="196">
        <v>392</v>
      </c>
      <c r="J14" s="196">
        <v>579</v>
      </c>
      <c r="K14" s="197">
        <v>1748</v>
      </c>
      <c r="L14" s="198">
        <v>1748</v>
      </c>
      <c r="M14" s="192">
        <v>0</v>
      </c>
      <c r="N14" s="196">
        <v>0</v>
      </c>
      <c r="O14" s="193">
        <v>0</v>
      </c>
      <c r="P14" s="195">
        <v>0</v>
      </c>
      <c r="Q14" s="196">
        <v>0</v>
      </c>
      <c r="R14" s="196">
        <v>0</v>
      </c>
      <c r="S14" s="196">
        <v>19</v>
      </c>
      <c r="T14" s="196">
        <v>24</v>
      </c>
      <c r="U14" s="196">
        <v>17</v>
      </c>
      <c r="V14" s="193">
        <v>60</v>
      </c>
      <c r="W14" s="198">
        <v>60</v>
      </c>
      <c r="X14" s="192">
        <v>17</v>
      </c>
      <c r="Y14" s="196">
        <v>106</v>
      </c>
      <c r="Z14" s="193">
        <v>123</v>
      </c>
      <c r="AA14" s="195">
        <v>0</v>
      </c>
      <c r="AB14" s="196">
        <v>206</v>
      </c>
      <c r="AC14" s="196">
        <v>148</v>
      </c>
      <c r="AD14" s="196">
        <v>164</v>
      </c>
      <c r="AE14" s="196">
        <v>121</v>
      </c>
      <c r="AF14" s="196">
        <v>218</v>
      </c>
      <c r="AG14" s="193">
        <v>857</v>
      </c>
      <c r="AH14" s="198">
        <v>980</v>
      </c>
      <c r="AI14" s="192">
        <v>6</v>
      </c>
      <c r="AJ14" s="196">
        <v>12</v>
      </c>
      <c r="AK14" s="193">
        <v>18</v>
      </c>
      <c r="AL14" s="195">
        <v>0</v>
      </c>
      <c r="AM14" s="196">
        <v>8</v>
      </c>
      <c r="AN14" s="196">
        <v>6</v>
      </c>
      <c r="AO14" s="196">
        <v>45</v>
      </c>
      <c r="AP14" s="196">
        <v>91</v>
      </c>
      <c r="AQ14" s="196">
        <v>0</v>
      </c>
      <c r="AR14" s="193">
        <v>150</v>
      </c>
      <c r="AS14" s="198">
        <v>168</v>
      </c>
      <c r="AT14" s="192">
        <v>0</v>
      </c>
      <c r="AU14" s="196">
        <v>0</v>
      </c>
      <c r="AV14" s="193">
        <v>0</v>
      </c>
      <c r="AW14" s="195">
        <v>0</v>
      </c>
      <c r="AX14" s="196">
        <v>315</v>
      </c>
      <c r="AY14" s="196">
        <v>207</v>
      </c>
      <c r="AZ14" s="196">
        <v>158</v>
      </c>
      <c r="BA14" s="196">
        <v>188</v>
      </c>
      <c r="BB14" s="196">
        <v>36</v>
      </c>
      <c r="BC14" s="197">
        <v>904</v>
      </c>
      <c r="BD14" s="198">
        <v>904</v>
      </c>
      <c r="BE14" s="192">
        <v>0</v>
      </c>
      <c r="BF14" s="196">
        <v>0</v>
      </c>
      <c r="BG14" s="193">
        <v>0</v>
      </c>
      <c r="BH14" s="195">
        <v>0</v>
      </c>
      <c r="BI14" s="196">
        <v>174</v>
      </c>
      <c r="BJ14" s="196">
        <v>69</v>
      </c>
      <c r="BK14" s="196">
        <v>42</v>
      </c>
      <c r="BL14" s="196">
        <v>70</v>
      </c>
      <c r="BM14" s="196">
        <v>13</v>
      </c>
      <c r="BN14" s="193">
        <v>368</v>
      </c>
      <c r="BO14" s="198">
        <v>368</v>
      </c>
      <c r="BP14" s="192">
        <v>2</v>
      </c>
      <c r="BQ14" s="196">
        <v>3</v>
      </c>
      <c r="BR14" s="193">
        <v>5</v>
      </c>
      <c r="BS14" s="195">
        <v>0</v>
      </c>
      <c r="BT14" s="196">
        <v>89</v>
      </c>
      <c r="BU14" s="196">
        <v>37</v>
      </c>
      <c r="BV14" s="196">
        <v>62</v>
      </c>
      <c r="BW14" s="196">
        <v>17</v>
      </c>
      <c r="BX14" s="196">
        <v>44</v>
      </c>
      <c r="BY14" s="193">
        <v>249</v>
      </c>
      <c r="BZ14" s="198">
        <v>254</v>
      </c>
      <c r="CA14" s="192">
        <v>0</v>
      </c>
      <c r="CB14" s="196">
        <v>0</v>
      </c>
      <c r="CC14" s="193">
        <v>0</v>
      </c>
      <c r="CD14" s="195">
        <v>0</v>
      </c>
      <c r="CE14" s="196">
        <v>0</v>
      </c>
      <c r="CF14" s="196">
        <v>8</v>
      </c>
      <c r="CG14" s="196">
        <v>0</v>
      </c>
      <c r="CH14" s="196">
        <v>38</v>
      </c>
      <c r="CI14" s="196">
        <v>5</v>
      </c>
      <c r="CJ14" s="193">
        <v>51</v>
      </c>
      <c r="CK14" s="198">
        <v>51</v>
      </c>
      <c r="CL14" s="192">
        <v>0</v>
      </c>
      <c r="CM14" s="196">
        <v>0</v>
      </c>
      <c r="CN14" s="193">
        <v>0</v>
      </c>
      <c r="CO14" s="195">
        <v>0</v>
      </c>
      <c r="CP14" s="196">
        <v>0</v>
      </c>
      <c r="CQ14" s="196">
        <v>0</v>
      </c>
      <c r="CR14" s="196">
        <v>0</v>
      </c>
      <c r="CS14" s="196">
        <v>0</v>
      </c>
      <c r="CT14" s="196">
        <v>0</v>
      </c>
      <c r="CU14" s="193">
        <v>0</v>
      </c>
      <c r="CV14" s="198">
        <v>0</v>
      </c>
      <c r="CW14" s="192">
        <v>0</v>
      </c>
      <c r="CX14" s="196">
        <v>0</v>
      </c>
      <c r="CY14" s="193">
        <v>0</v>
      </c>
      <c r="CZ14" s="195">
        <v>0</v>
      </c>
      <c r="DA14" s="196">
        <v>0</v>
      </c>
      <c r="DB14" s="196">
        <v>0</v>
      </c>
      <c r="DC14" s="196">
        <v>0</v>
      </c>
      <c r="DD14" s="196">
        <v>0</v>
      </c>
      <c r="DE14" s="196">
        <v>0</v>
      </c>
      <c r="DF14" s="193">
        <v>0</v>
      </c>
      <c r="DG14" s="198">
        <v>0</v>
      </c>
    </row>
    <row r="15" spans="1:111" ht="18.75" customHeight="1" x14ac:dyDescent="0.2">
      <c r="A15" s="177" t="s">
        <v>12</v>
      </c>
      <c r="B15" s="192">
        <v>0</v>
      </c>
      <c r="C15" s="196">
        <v>0</v>
      </c>
      <c r="D15" s="458">
        <v>0</v>
      </c>
      <c r="E15" s="195">
        <v>0</v>
      </c>
      <c r="F15" s="196">
        <v>562</v>
      </c>
      <c r="G15" s="196">
        <v>673</v>
      </c>
      <c r="H15" s="196">
        <v>638</v>
      </c>
      <c r="I15" s="196">
        <v>1155</v>
      </c>
      <c r="J15" s="196">
        <v>1159</v>
      </c>
      <c r="K15" s="197">
        <v>4187</v>
      </c>
      <c r="L15" s="198">
        <v>4187</v>
      </c>
      <c r="M15" s="192">
        <v>0</v>
      </c>
      <c r="N15" s="196">
        <v>0</v>
      </c>
      <c r="O15" s="193">
        <v>0</v>
      </c>
      <c r="P15" s="195">
        <v>0</v>
      </c>
      <c r="Q15" s="196">
        <v>0</v>
      </c>
      <c r="R15" s="196">
        <v>0</v>
      </c>
      <c r="S15" s="196">
        <v>8</v>
      </c>
      <c r="T15" s="196">
        <v>8</v>
      </c>
      <c r="U15" s="196">
        <v>59</v>
      </c>
      <c r="V15" s="193">
        <v>75</v>
      </c>
      <c r="W15" s="198">
        <v>75</v>
      </c>
      <c r="X15" s="192">
        <v>69</v>
      </c>
      <c r="Y15" s="196">
        <v>109</v>
      </c>
      <c r="Z15" s="193">
        <v>178</v>
      </c>
      <c r="AA15" s="195">
        <v>0</v>
      </c>
      <c r="AB15" s="196">
        <v>203</v>
      </c>
      <c r="AC15" s="196">
        <v>228</v>
      </c>
      <c r="AD15" s="196">
        <v>117</v>
      </c>
      <c r="AE15" s="196">
        <v>113</v>
      </c>
      <c r="AF15" s="196">
        <v>80</v>
      </c>
      <c r="AG15" s="193">
        <v>741</v>
      </c>
      <c r="AH15" s="198">
        <v>919</v>
      </c>
      <c r="AI15" s="192">
        <v>0</v>
      </c>
      <c r="AJ15" s="196">
        <v>0</v>
      </c>
      <c r="AK15" s="193">
        <v>0</v>
      </c>
      <c r="AL15" s="195">
        <v>0</v>
      </c>
      <c r="AM15" s="196">
        <v>16</v>
      </c>
      <c r="AN15" s="196">
        <v>92</v>
      </c>
      <c r="AO15" s="196">
        <v>24</v>
      </c>
      <c r="AP15" s="196">
        <v>31</v>
      </c>
      <c r="AQ15" s="196">
        <v>42</v>
      </c>
      <c r="AR15" s="193">
        <v>205</v>
      </c>
      <c r="AS15" s="198">
        <v>205</v>
      </c>
      <c r="AT15" s="192">
        <v>0</v>
      </c>
      <c r="AU15" s="196">
        <v>0</v>
      </c>
      <c r="AV15" s="193">
        <v>0</v>
      </c>
      <c r="AW15" s="195">
        <v>0</v>
      </c>
      <c r="AX15" s="196">
        <v>479</v>
      </c>
      <c r="AY15" s="196">
        <v>264</v>
      </c>
      <c r="AZ15" s="196">
        <v>224</v>
      </c>
      <c r="BA15" s="196">
        <v>111</v>
      </c>
      <c r="BB15" s="196">
        <v>26</v>
      </c>
      <c r="BC15" s="197">
        <v>1104</v>
      </c>
      <c r="BD15" s="198">
        <v>1104</v>
      </c>
      <c r="BE15" s="192">
        <v>0</v>
      </c>
      <c r="BF15" s="196">
        <v>0</v>
      </c>
      <c r="BG15" s="193">
        <v>0</v>
      </c>
      <c r="BH15" s="195">
        <v>0</v>
      </c>
      <c r="BI15" s="196">
        <v>138</v>
      </c>
      <c r="BJ15" s="196">
        <v>83</v>
      </c>
      <c r="BK15" s="196">
        <v>89</v>
      </c>
      <c r="BL15" s="196">
        <v>51</v>
      </c>
      <c r="BM15" s="196">
        <v>11</v>
      </c>
      <c r="BN15" s="193">
        <v>372</v>
      </c>
      <c r="BO15" s="198">
        <v>372</v>
      </c>
      <c r="BP15" s="192">
        <v>0</v>
      </c>
      <c r="BQ15" s="196">
        <v>0</v>
      </c>
      <c r="BR15" s="193">
        <v>0</v>
      </c>
      <c r="BS15" s="195">
        <v>0</v>
      </c>
      <c r="BT15" s="196">
        <v>23</v>
      </c>
      <c r="BU15" s="196">
        <v>49</v>
      </c>
      <c r="BV15" s="196">
        <v>115</v>
      </c>
      <c r="BW15" s="196">
        <v>110</v>
      </c>
      <c r="BX15" s="196">
        <v>56</v>
      </c>
      <c r="BY15" s="193">
        <v>353</v>
      </c>
      <c r="BZ15" s="198">
        <v>353</v>
      </c>
      <c r="CA15" s="192">
        <v>0</v>
      </c>
      <c r="CB15" s="196">
        <v>0</v>
      </c>
      <c r="CC15" s="193">
        <v>0</v>
      </c>
      <c r="CD15" s="195">
        <v>0</v>
      </c>
      <c r="CE15" s="196">
        <v>0</v>
      </c>
      <c r="CF15" s="196">
        <v>12</v>
      </c>
      <c r="CG15" s="196">
        <v>2</v>
      </c>
      <c r="CH15" s="196">
        <v>6</v>
      </c>
      <c r="CI15" s="196">
        <v>0</v>
      </c>
      <c r="CJ15" s="193">
        <v>20</v>
      </c>
      <c r="CK15" s="198">
        <v>20</v>
      </c>
      <c r="CL15" s="192">
        <v>0</v>
      </c>
      <c r="CM15" s="196">
        <v>0</v>
      </c>
      <c r="CN15" s="193">
        <v>0</v>
      </c>
      <c r="CO15" s="195">
        <v>0</v>
      </c>
      <c r="CP15" s="196">
        <v>0</v>
      </c>
      <c r="CQ15" s="196">
        <v>0</v>
      </c>
      <c r="CR15" s="196">
        <v>0</v>
      </c>
      <c r="CS15" s="196">
        <v>0</v>
      </c>
      <c r="CT15" s="196">
        <v>0</v>
      </c>
      <c r="CU15" s="193">
        <v>0</v>
      </c>
      <c r="CV15" s="198">
        <v>0</v>
      </c>
      <c r="CW15" s="192">
        <v>0</v>
      </c>
      <c r="CX15" s="196">
        <v>0</v>
      </c>
      <c r="CY15" s="193">
        <v>0</v>
      </c>
      <c r="CZ15" s="195">
        <v>0</v>
      </c>
      <c r="DA15" s="196">
        <v>0</v>
      </c>
      <c r="DB15" s="196">
        <v>0</v>
      </c>
      <c r="DC15" s="196">
        <v>0</v>
      </c>
      <c r="DD15" s="196">
        <v>0</v>
      </c>
      <c r="DE15" s="196">
        <v>0</v>
      </c>
      <c r="DF15" s="193">
        <v>0</v>
      </c>
      <c r="DG15" s="198">
        <v>0</v>
      </c>
    </row>
    <row r="16" spans="1:111" ht="18.75" customHeight="1" x14ac:dyDescent="0.2">
      <c r="A16" s="177" t="s">
        <v>13</v>
      </c>
      <c r="B16" s="192">
        <v>0</v>
      </c>
      <c r="C16" s="196">
        <v>0</v>
      </c>
      <c r="D16" s="458">
        <v>0</v>
      </c>
      <c r="E16" s="195">
        <v>0</v>
      </c>
      <c r="F16" s="196">
        <v>206</v>
      </c>
      <c r="G16" s="196">
        <v>452</v>
      </c>
      <c r="H16" s="196">
        <v>389</v>
      </c>
      <c r="I16" s="196">
        <v>586</v>
      </c>
      <c r="J16" s="196">
        <v>228</v>
      </c>
      <c r="K16" s="197">
        <v>1861</v>
      </c>
      <c r="L16" s="198">
        <v>1861</v>
      </c>
      <c r="M16" s="192">
        <v>0</v>
      </c>
      <c r="N16" s="196">
        <v>0</v>
      </c>
      <c r="O16" s="193">
        <v>0</v>
      </c>
      <c r="P16" s="195">
        <v>0</v>
      </c>
      <c r="Q16" s="196">
        <v>0</v>
      </c>
      <c r="R16" s="196">
        <v>0</v>
      </c>
      <c r="S16" s="196">
        <v>0</v>
      </c>
      <c r="T16" s="196">
        <v>7</v>
      </c>
      <c r="U16" s="196">
        <v>16</v>
      </c>
      <c r="V16" s="193">
        <v>23</v>
      </c>
      <c r="W16" s="198">
        <v>23</v>
      </c>
      <c r="X16" s="192">
        <v>0</v>
      </c>
      <c r="Y16" s="196">
        <v>6</v>
      </c>
      <c r="Z16" s="193">
        <v>6</v>
      </c>
      <c r="AA16" s="195">
        <v>0</v>
      </c>
      <c r="AB16" s="196">
        <v>69</v>
      </c>
      <c r="AC16" s="196">
        <v>127</v>
      </c>
      <c r="AD16" s="196">
        <v>71</v>
      </c>
      <c r="AE16" s="196">
        <v>113</v>
      </c>
      <c r="AF16" s="196">
        <v>75</v>
      </c>
      <c r="AG16" s="193">
        <v>455</v>
      </c>
      <c r="AH16" s="198">
        <v>461</v>
      </c>
      <c r="AI16" s="192">
        <v>0</v>
      </c>
      <c r="AJ16" s="196">
        <v>0</v>
      </c>
      <c r="AK16" s="193">
        <v>0</v>
      </c>
      <c r="AL16" s="195">
        <v>0</v>
      </c>
      <c r="AM16" s="196">
        <v>0</v>
      </c>
      <c r="AN16" s="196">
        <v>9</v>
      </c>
      <c r="AO16" s="196">
        <v>0</v>
      </c>
      <c r="AP16" s="196">
        <v>29</v>
      </c>
      <c r="AQ16" s="196">
        <v>8</v>
      </c>
      <c r="AR16" s="193">
        <v>46</v>
      </c>
      <c r="AS16" s="198">
        <v>46</v>
      </c>
      <c r="AT16" s="192">
        <v>0</v>
      </c>
      <c r="AU16" s="196">
        <v>0</v>
      </c>
      <c r="AV16" s="193">
        <v>0</v>
      </c>
      <c r="AW16" s="195">
        <v>0</v>
      </c>
      <c r="AX16" s="196">
        <v>78</v>
      </c>
      <c r="AY16" s="196">
        <v>215</v>
      </c>
      <c r="AZ16" s="196">
        <v>167</v>
      </c>
      <c r="BA16" s="196">
        <v>65</v>
      </c>
      <c r="BB16" s="196">
        <v>22</v>
      </c>
      <c r="BC16" s="197">
        <v>547</v>
      </c>
      <c r="BD16" s="198">
        <v>547</v>
      </c>
      <c r="BE16" s="192">
        <v>0</v>
      </c>
      <c r="BF16" s="196">
        <v>0</v>
      </c>
      <c r="BG16" s="193">
        <v>0</v>
      </c>
      <c r="BH16" s="195">
        <v>0</v>
      </c>
      <c r="BI16" s="196">
        <v>14</v>
      </c>
      <c r="BJ16" s="196">
        <v>48</v>
      </c>
      <c r="BK16" s="196">
        <v>14</v>
      </c>
      <c r="BL16" s="196">
        <v>33</v>
      </c>
      <c r="BM16" s="196">
        <v>0</v>
      </c>
      <c r="BN16" s="193">
        <v>109</v>
      </c>
      <c r="BO16" s="198">
        <v>109</v>
      </c>
      <c r="BP16" s="192">
        <v>0</v>
      </c>
      <c r="BQ16" s="196">
        <v>0</v>
      </c>
      <c r="BR16" s="193">
        <v>0</v>
      </c>
      <c r="BS16" s="195">
        <v>0</v>
      </c>
      <c r="BT16" s="196">
        <v>17</v>
      </c>
      <c r="BU16" s="196">
        <v>25</v>
      </c>
      <c r="BV16" s="196">
        <v>28</v>
      </c>
      <c r="BW16" s="196">
        <v>61</v>
      </c>
      <c r="BX16" s="196">
        <v>98</v>
      </c>
      <c r="BY16" s="193">
        <v>229</v>
      </c>
      <c r="BZ16" s="198">
        <v>229</v>
      </c>
      <c r="CA16" s="192">
        <v>0</v>
      </c>
      <c r="CB16" s="196">
        <v>0</v>
      </c>
      <c r="CC16" s="193">
        <v>0</v>
      </c>
      <c r="CD16" s="195">
        <v>0</v>
      </c>
      <c r="CE16" s="196">
        <v>1</v>
      </c>
      <c r="CF16" s="196">
        <v>22</v>
      </c>
      <c r="CG16" s="196">
        <v>14</v>
      </c>
      <c r="CH16" s="196">
        <v>0</v>
      </c>
      <c r="CI16" s="196">
        <v>0</v>
      </c>
      <c r="CJ16" s="193">
        <v>37</v>
      </c>
      <c r="CK16" s="198">
        <v>37</v>
      </c>
      <c r="CL16" s="192">
        <v>0</v>
      </c>
      <c r="CM16" s="196">
        <v>0</v>
      </c>
      <c r="CN16" s="193">
        <v>0</v>
      </c>
      <c r="CO16" s="195">
        <v>0</v>
      </c>
      <c r="CP16" s="196">
        <v>0</v>
      </c>
      <c r="CQ16" s="196">
        <v>0</v>
      </c>
      <c r="CR16" s="196">
        <v>0</v>
      </c>
      <c r="CS16" s="196">
        <v>0</v>
      </c>
      <c r="CT16" s="196">
        <v>0</v>
      </c>
      <c r="CU16" s="193">
        <v>0</v>
      </c>
      <c r="CV16" s="198">
        <v>0</v>
      </c>
      <c r="CW16" s="192">
        <v>0</v>
      </c>
      <c r="CX16" s="196">
        <v>0</v>
      </c>
      <c r="CY16" s="193">
        <v>0</v>
      </c>
      <c r="CZ16" s="195">
        <v>0</v>
      </c>
      <c r="DA16" s="196">
        <v>0</v>
      </c>
      <c r="DB16" s="196">
        <v>0</v>
      </c>
      <c r="DC16" s="196">
        <v>0</v>
      </c>
      <c r="DD16" s="196">
        <v>0</v>
      </c>
      <c r="DE16" s="196">
        <v>0</v>
      </c>
      <c r="DF16" s="193">
        <v>0</v>
      </c>
      <c r="DG16" s="198">
        <v>0</v>
      </c>
    </row>
    <row r="17" spans="1:111" ht="18.75" customHeight="1" x14ac:dyDescent="0.2">
      <c r="A17" s="177" t="s">
        <v>15</v>
      </c>
      <c r="B17" s="192">
        <v>0</v>
      </c>
      <c r="C17" s="196">
        <v>0</v>
      </c>
      <c r="D17" s="458">
        <v>0</v>
      </c>
      <c r="E17" s="195">
        <v>0</v>
      </c>
      <c r="F17" s="196">
        <v>106</v>
      </c>
      <c r="G17" s="196">
        <v>118</v>
      </c>
      <c r="H17" s="196">
        <v>168</v>
      </c>
      <c r="I17" s="196">
        <v>109</v>
      </c>
      <c r="J17" s="196">
        <v>154</v>
      </c>
      <c r="K17" s="197">
        <v>655</v>
      </c>
      <c r="L17" s="198">
        <v>655</v>
      </c>
      <c r="M17" s="192">
        <v>0</v>
      </c>
      <c r="N17" s="196">
        <v>0</v>
      </c>
      <c r="O17" s="193">
        <v>0</v>
      </c>
      <c r="P17" s="195">
        <v>0</v>
      </c>
      <c r="Q17" s="196">
        <v>0</v>
      </c>
      <c r="R17" s="196">
        <v>0</v>
      </c>
      <c r="S17" s="196">
        <v>0</v>
      </c>
      <c r="T17" s="196">
        <v>20</v>
      </c>
      <c r="U17" s="196">
        <v>2</v>
      </c>
      <c r="V17" s="193">
        <v>22</v>
      </c>
      <c r="W17" s="198">
        <v>22</v>
      </c>
      <c r="X17" s="192">
        <v>0</v>
      </c>
      <c r="Y17" s="196">
        <v>0</v>
      </c>
      <c r="Z17" s="193">
        <v>0</v>
      </c>
      <c r="AA17" s="195">
        <v>0</v>
      </c>
      <c r="AB17" s="196">
        <v>5</v>
      </c>
      <c r="AC17" s="196">
        <v>65</v>
      </c>
      <c r="AD17" s="196">
        <v>0</v>
      </c>
      <c r="AE17" s="196">
        <v>48</v>
      </c>
      <c r="AF17" s="196">
        <v>1</v>
      </c>
      <c r="AG17" s="193">
        <v>119</v>
      </c>
      <c r="AH17" s="198">
        <v>119</v>
      </c>
      <c r="AI17" s="192">
        <v>0</v>
      </c>
      <c r="AJ17" s="196">
        <v>0</v>
      </c>
      <c r="AK17" s="193">
        <v>0</v>
      </c>
      <c r="AL17" s="195">
        <v>0</v>
      </c>
      <c r="AM17" s="196">
        <v>8</v>
      </c>
      <c r="AN17" s="196">
        <v>12</v>
      </c>
      <c r="AO17" s="196">
        <v>2</v>
      </c>
      <c r="AP17" s="196">
        <v>0</v>
      </c>
      <c r="AQ17" s="196">
        <v>0</v>
      </c>
      <c r="AR17" s="193">
        <v>22</v>
      </c>
      <c r="AS17" s="198">
        <v>22</v>
      </c>
      <c r="AT17" s="192">
        <v>0</v>
      </c>
      <c r="AU17" s="196">
        <v>0</v>
      </c>
      <c r="AV17" s="193">
        <v>0</v>
      </c>
      <c r="AW17" s="195">
        <v>0</v>
      </c>
      <c r="AX17" s="196">
        <v>14</v>
      </c>
      <c r="AY17" s="196">
        <v>42</v>
      </c>
      <c r="AZ17" s="196">
        <v>25</v>
      </c>
      <c r="BA17" s="196">
        <v>9</v>
      </c>
      <c r="BB17" s="196">
        <v>0</v>
      </c>
      <c r="BC17" s="197">
        <v>90</v>
      </c>
      <c r="BD17" s="198">
        <v>90</v>
      </c>
      <c r="BE17" s="192">
        <v>0</v>
      </c>
      <c r="BF17" s="196">
        <v>0</v>
      </c>
      <c r="BG17" s="193">
        <v>0</v>
      </c>
      <c r="BH17" s="195">
        <v>0</v>
      </c>
      <c r="BI17" s="196">
        <v>13</v>
      </c>
      <c r="BJ17" s="196">
        <v>18</v>
      </c>
      <c r="BK17" s="196">
        <v>16</v>
      </c>
      <c r="BL17" s="196">
        <v>0</v>
      </c>
      <c r="BM17" s="196">
        <v>0</v>
      </c>
      <c r="BN17" s="193">
        <v>47</v>
      </c>
      <c r="BO17" s="198">
        <v>47</v>
      </c>
      <c r="BP17" s="192">
        <v>0</v>
      </c>
      <c r="BQ17" s="196">
        <v>0</v>
      </c>
      <c r="BR17" s="193">
        <v>0</v>
      </c>
      <c r="BS17" s="195">
        <v>0</v>
      </c>
      <c r="BT17" s="196">
        <v>0</v>
      </c>
      <c r="BU17" s="196">
        <v>0</v>
      </c>
      <c r="BV17" s="196">
        <v>0</v>
      </c>
      <c r="BW17" s="196">
        <v>4</v>
      </c>
      <c r="BX17" s="196">
        <v>2</v>
      </c>
      <c r="BY17" s="193">
        <v>6</v>
      </c>
      <c r="BZ17" s="198">
        <v>6</v>
      </c>
      <c r="CA17" s="192">
        <v>0</v>
      </c>
      <c r="CB17" s="196">
        <v>0</v>
      </c>
      <c r="CC17" s="193">
        <v>0</v>
      </c>
      <c r="CD17" s="195">
        <v>0</v>
      </c>
      <c r="CE17" s="196">
        <v>0</v>
      </c>
      <c r="CF17" s="196">
        <v>0</v>
      </c>
      <c r="CG17" s="196">
        <v>0</v>
      </c>
      <c r="CH17" s="196">
        <v>7</v>
      </c>
      <c r="CI17" s="196">
        <v>0</v>
      </c>
      <c r="CJ17" s="193">
        <v>7</v>
      </c>
      <c r="CK17" s="198">
        <v>7</v>
      </c>
      <c r="CL17" s="192">
        <v>0</v>
      </c>
      <c r="CM17" s="196">
        <v>0</v>
      </c>
      <c r="CN17" s="193">
        <v>0</v>
      </c>
      <c r="CO17" s="195">
        <v>0</v>
      </c>
      <c r="CP17" s="196">
        <v>0</v>
      </c>
      <c r="CQ17" s="196">
        <v>0</v>
      </c>
      <c r="CR17" s="196">
        <v>0</v>
      </c>
      <c r="CS17" s="196">
        <v>0</v>
      </c>
      <c r="CT17" s="196">
        <v>0</v>
      </c>
      <c r="CU17" s="193">
        <v>0</v>
      </c>
      <c r="CV17" s="198">
        <v>0</v>
      </c>
      <c r="CW17" s="192">
        <v>0</v>
      </c>
      <c r="CX17" s="196">
        <v>0</v>
      </c>
      <c r="CY17" s="193">
        <v>0</v>
      </c>
      <c r="CZ17" s="195">
        <v>0</v>
      </c>
      <c r="DA17" s="196">
        <v>0</v>
      </c>
      <c r="DB17" s="196">
        <v>0</v>
      </c>
      <c r="DC17" s="196">
        <v>0</v>
      </c>
      <c r="DD17" s="196">
        <v>0</v>
      </c>
      <c r="DE17" s="196">
        <v>0</v>
      </c>
      <c r="DF17" s="193">
        <v>0</v>
      </c>
      <c r="DG17" s="198">
        <v>0</v>
      </c>
    </row>
    <row r="18" spans="1:111" ht="18.75" customHeight="1" x14ac:dyDescent="0.2">
      <c r="A18" s="177" t="s">
        <v>16</v>
      </c>
      <c r="B18" s="192">
        <v>0</v>
      </c>
      <c r="C18" s="196">
        <v>0</v>
      </c>
      <c r="D18" s="458">
        <v>0</v>
      </c>
      <c r="E18" s="195">
        <v>0</v>
      </c>
      <c r="F18" s="196">
        <v>87</v>
      </c>
      <c r="G18" s="196">
        <v>117</v>
      </c>
      <c r="H18" s="196">
        <v>179</v>
      </c>
      <c r="I18" s="196">
        <v>310</v>
      </c>
      <c r="J18" s="196">
        <v>201</v>
      </c>
      <c r="K18" s="197">
        <v>894</v>
      </c>
      <c r="L18" s="198">
        <v>894</v>
      </c>
      <c r="M18" s="192">
        <v>0</v>
      </c>
      <c r="N18" s="196">
        <v>0</v>
      </c>
      <c r="O18" s="193">
        <v>0</v>
      </c>
      <c r="P18" s="195">
        <v>0</v>
      </c>
      <c r="Q18" s="196">
        <v>0</v>
      </c>
      <c r="R18" s="196">
        <v>0</v>
      </c>
      <c r="S18" s="196">
        <v>0</v>
      </c>
      <c r="T18" s="196">
        <v>9</v>
      </c>
      <c r="U18" s="196">
        <v>12</v>
      </c>
      <c r="V18" s="193">
        <v>21</v>
      </c>
      <c r="W18" s="198">
        <v>21</v>
      </c>
      <c r="X18" s="192">
        <v>10</v>
      </c>
      <c r="Y18" s="196">
        <v>22</v>
      </c>
      <c r="Z18" s="193">
        <v>32</v>
      </c>
      <c r="AA18" s="195">
        <v>0</v>
      </c>
      <c r="AB18" s="196">
        <v>93</v>
      </c>
      <c r="AC18" s="196">
        <v>148</v>
      </c>
      <c r="AD18" s="196">
        <v>84</v>
      </c>
      <c r="AE18" s="196">
        <v>81</v>
      </c>
      <c r="AF18" s="196">
        <v>36</v>
      </c>
      <c r="AG18" s="193">
        <v>442</v>
      </c>
      <c r="AH18" s="198">
        <v>474</v>
      </c>
      <c r="AI18" s="192">
        <v>0</v>
      </c>
      <c r="AJ18" s="196">
        <v>0</v>
      </c>
      <c r="AK18" s="193">
        <v>0</v>
      </c>
      <c r="AL18" s="195">
        <v>0</v>
      </c>
      <c r="AM18" s="196">
        <v>0</v>
      </c>
      <c r="AN18" s="196">
        <v>12</v>
      </c>
      <c r="AO18" s="196">
        <v>15</v>
      </c>
      <c r="AP18" s="196">
        <v>0</v>
      </c>
      <c r="AQ18" s="196">
        <v>12</v>
      </c>
      <c r="AR18" s="193">
        <v>39</v>
      </c>
      <c r="AS18" s="198">
        <v>39</v>
      </c>
      <c r="AT18" s="192">
        <v>0</v>
      </c>
      <c r="AU18" s="196">
        <v>0</v>
      </c>
      <c r="AV18" s="193">
        <v>0</v>
      </c>
      <c r="AW18" s="195">
        <v>0</v>
      </c>
      <c r="AX18" s="196">
        <v>166</v>
      </c>
      <c r="AY18" s="196">
        <v>244</v>
      </c>
      <c r="AZ18" s="196">
        <v>125</v>
      </c>
      <c r="BA18" s="196">
        <v>174</v>
      </c>
      <c r="BB18" s="196">
        <v>38</v>
      </c>
      <c r="BC18" s="197">
        <v>747</v>
      </c>
      <c r="BD18" s="198">
        <v>747</v>
      </c>
      <c r="BE18" s="192">
        <v>0</v>
      </c>
      <c r="BF18" s="196">
        <v>0</v>
      </c>
      <c r="BG18" s="193">
        <v>0</v>
      </c>
      <c r="BH18" s="195">
        <v>0</v>
      </c>
      <c r="BI18" s="196">
        <v>125</v>
      </c>
      <c r="BJ18" s="196">
        <v>210</v>
      </c>
      <c r="BK18" s="196">
        <v>42</v>
      </c>
      <c r="BL18" s="196">
        <v>40</v>
      </c>
      <c r="BM18" s="196">
        <v>7</v>
      </c>
      <c r="BN18" s="193">
        <v>424</v>
      </c>
      <c r="BO18" s="198">
        <v>424</v>
      </c>
      <c r="BP18" s="192">
        <v>0</v>
      </c>
      <c r="BQ18" s="196">
        <v>4</v>
      </c>
      <c r="BR18" s="193">
        <v>4</v>
      </c>
      <c r="BS18" s="195">
        <v>0</v>
      </c>
      <c r="BT18" s="196">
        <v>2</v>
      </c>
      <c r="BU18" s="196">
        <v>87</v>
      </c>
      <c r="BV18" s="196">
        <v>42</v>
      </c>
      <c r="BW18" s="196">
        <v>8</v>
      </c>
      <c r="BX18" s="196">
        <v>0</v>
      </c>
      <c r="BY18" s="193">
        <v>139</v>
      </c>
      <c r="BZ18" s="198">
        <v>143</v>
      </c>
      <c r="CA18" s="192">
        <v>0</v>
      </c>
      <c r="CB18" s="196">
        <v>0</v>
      </c>
      <c r="CC18" s="193">
        <v>0</v>
      </c>
      <c r="CD18" s="195">
        <v>0</v>
      </c>
      <c r="CE18" s="196">
        <v>0</v>
      </c>
      <c r="CF18" s="196">
        <v>0</v>
      </c>
      <c r="CG18" s="196">
        <v>-14</v>
      </c>
      <c r="CH18" s="196">
        <v>8</v>
      </c>
      <c r="CI18" s="196">
        <v>0</v>
      </c>
      <c r="CJ18" s="193">
        <v>-6</v>
      </c>
      <c r="CK18" s="198">
        <v>-6</v>
      </c>
      <c r="CL18" s="192">
        <v>0</v>
      </c>
      <c r="CM18" s="196">
        <v>0</v>
      </c>
      <c r="CN18" s="193">
        <v>0</v>
      </c>
      <c r="CO18" s="195">
        <v>0</v>
      </c>
      <c r="CP18" s="196">
        <v>0</v>
      </c>
      <c r="CQ18" s="196">
        <v>0</v>
      </c>
      <c r="CR18" s="196">
        <v>0</v>
      </c>
      <c r="CS18" s="196">
        <v>0</v>
      </c>
      <c r="CT18" s="196">
        <v>0</v>
      </c>
      <c r="CU18" s="193">
        <v>0</v>
      </c>
      <c r="CV18" s="198">
        <v>0</v>
      </c>
      <c r="CW18" s="192">
        <v>0</v>
      </c>
      <c r="CX18" s="196">
        <v>0</v>
      </c>
      <c r="CY18" s="193">
        <v>0</v>
      </c>
      <c r="CZ18" s="195">
        <v>0</v>
      </c>
      <c r="DA18" s="196">
        <v>0</v>
      </c>
      <c r="DB18" s="196">
        <v>0</v>
      </c>
      <c r="DC18" s="196">
        <v>0</v>
      </c>
      <c r="DD18" s="196">
        <v>0</v>
      </c>
      <c r="DE18" s="196">
        <v>0</v>
      </c>
      <c r="DF18" s="193">
        <v>0</v>
      </c>
      <c r="DG18" s="198">
        <v>0</v>
      </c>
    </row>
    <row r="19" spans="1:111" ht="18.75" customHeight="1" x14ac:dyDescent="0.2">
      <c r="A19" s="177" t="s">
        <v>17</v>
      </c>
      <c r="B19" s="192">
        <v>0</v>
      </c>
      <c r="C19" s="196">
        <v>0</v>
      </c>
      <c r="D19" s="458">
        <v>0</v>
      </c>
      <c r="E19" s="195">
        <v>0</v>
      </c>
      <c r="F19" s="196">
        <v>74</v>
      </c>
      <c r="G19" s="196">
        <v>448</v>
      </c>
      <c r="H19" s="196">
        <v>531</v>
      </c>
      <c r="I19" s="196">
        <v>385</v>
      </c>
      <c r="J19" s="196">
        <v>718</v>
      </c>
      <c r="K19" s="197">
        <v>2156</v>
      </c>
      <c r="L19" s="198">
        <v>2156</v>
      </c>
      <c r="M19" s="192">
        <v>0</v>
      </c>
      <c r="N19" s="196">
        <v>0</v>
      </c>
      <c r="O19" s="193">
        <v>0</v>
      </c>
      <c r="P19" s="195">
        <v>0</v>
      </c>
      <c r="Q19" s="196">
        <v>0</v>
      </c>
      <c r="R19" s="196">
        <v>1</v>
      </c>
      <c r="S19" s="196">
        <v>0</v>
      </c>
      <c r="T19" s="196">
        <v>0</v>
      </c>
      <c r="U19" s="196">
        <v>30</v>
      </c>
      <c r="V19" s="193">
        <v>31</v>
      </c>
      <c r="W19" s="198">
        <v>31</v>
      </c>
      <c r="X19" s="192">
        <v>0</v>
      </c>
      <c r="Y19" s="196">
        <v>44</v>
      </c>
      <c r="Z19" s="193">
        <v>44</v>
      </c>
      <c r="AA19" s="195">
        <v>0</v>
      </c>
      <c r="AB19" s="196">
        <v>70</v>
      </c>
      <c r="AC19" s="196">
        <v>113</v>
      </c>
      <c r="AD19" s="196">
        <v>77</v>
      </c>
      <c r="AE19" s="196">
        <v>112</v>
      </c>
      <c r="AF19" s="196">
        <v>94</v>
      </c>
      <c r="AG19" s="193">
        <v>466</v>
      </c>
      <c r="AH19" s="198">
        <v>510</v>
      </c>
      <c r="AI19" s="192">
        <v>27</v>
      </c>
      <c r="AJ19" s="196">
        <v>0</v>
      </c>
      <c r="AK19" s="193">
        <v>27</v>
      </c>
      <c r="AL19" s="195">
        <v>0</v>
      </c>
      <c r="AM19" s="196">
        <v>0</v>
      </c>
      <c r="AN19" s="196">
        <v>33</v>
      </c>
      <c r="AO19" s="196">
        <v>0</v>
      </c>
      <c r="AP19" s="196">
        <v>15</v>
      </c>
      <c r="AQ19" s="196">
        <v>15</v>
      </c>
      <c r="AR19" s="193">
        <v>63</v>
      </c>
      <c r="AS19" s="198">
        <v>90</v>
      </c>
      <c r="AT19" s="192">
        <v>0</v>
      </c>
      <c r="AU19" s="196">
        <v>0</v>
      </c>
      <c r="AV19" s="193">
        <v>0</v>
      </c>
      <c r="AW19" s="195">
        <v>0</v>
      </c>
      <c r="AX19" s="196">
        <v>242</v>
      </c>
      <c r="AY19" s="196">
        <v>213</v>
      </c>
      <c r="AZ19" s="196">
        <v>161</v>
      </c>
      <c r="BA19" s="196">
        <v>114</v>
      </c>
      <c r="BB19" s="196">
        <v>35</v>
      </c>
      <c r="BC19" s="197">
        <v>765</v>
      </c>
      <c r="BD19" s="198">
        <v>765</v>
      </c>
      <c r="BE19" s="192">
        <v>0</v>
      </c>
      <c r="BF19" s="196">
        <v>0</v>
      </c>
      <c r="BG19" s="193">
        <v>0</v>
      </c>
      <c r="BH19" s="195">
        <v>0</v>
      </c>
      <c r="BI19" s="196">
        <v>67</v>
      </c>
      <c r="BJ19" s="196">
        <v>108</v>
      </c>
      <c r="BK19" s="196">
        <v>30</v>
      </c>
      <c r="BL19" s="196">
        <v>15</v>
      </c>
      <c r="BM19" s="196">
        <v>5</v>
      </c>
      <c r="BN19" s="193">
        <v>225</v>
      </c>
      <c r="BO19" s="198">
        <v>225</v>
      </c>
      <c r="BP19" s="192">
        <v>0</v>
      </c>
      <c r="BQ19" s="196">
        <v>0</v>
      </c>
      <c r="BR19" s="193">
        <v>0</v>
      </c>
      <c r="BS19" s="195">
        <v>0</v>
      </c>
      <c r="BT19" s="196">
        <v>7</v>
      </c>
      <c r="BU19" s="196">
        <v>27</v>
      </c>
      <c r="BV19" s="196">
        <v>155</v>
      </c>
      <c r="BW19" s="196">
        <v>120</v>
      </c>
      <c r="BX19" s="196">
        <v>29</v>
      </c>
      <c r="BY19" s="193">
        <v>338</v>
      </c>
      <c r="BZ19" s="198">
        <v>338</v>
      </c>
      <c r="CA19" s="192">
        <v>0</v>
      </c>
      <c r="CB19" s="196">
        <v>0</v>
      </c>
      <c r="CC19" s="193">
        <v>0</v>
      </c>
      <c r="CD19" s="195">
        <v>0</v>
      </c>
      <c r="CE19" s="196">
        <v>5</v>
      </c>
      <c r="CF19" s="196">
        <v>19</v>
      </c>
      <c r="CG19" s="196">
        <v>0</v>
      </c>
      <c r="CH19" s="196">
        <v>0</v>
      </c>
      <c r="CI19" s="196">
        <v>0</v>
      </c>
      <c r="CJ19" s="193">
        <v>24</v>
      </c>
      <c r="CK19" s="198">
        <v>24</v>
      </c>
      <c r="CL19" s="192">
        <v>0</v>
      </c>
      <c r="CM19" s="196">
        <v>0</v>
      </c>
      <c r="CN19" s="193">
        <v>0</v>
      </c>
      <c r="CO19" s="195">
        <v>0</v>
      </c>
      <c r="CP19" s="196">
        <v>0</v>
      </c>
      <c r="CQ19" s="196">
        <v>0</v>
      </c>
      <c r="CR19" s="196">
        <v>0</v>
      </c>
      <c r="CS19" s="196">
        <v>0</v>
      </c>
      <c r="CT19" s="196">
        <v>0</v>
      </c>
      <c r="CU19" s="193">
        <v>0</v>
      </c>
      <c r="CV19" s="198">
        <v>0</v>
      </c>
      <c r="CW19" s="192">
        <v>0</v>
      </c>
      <c r="CX19" s="196">
        <v>0</v>
      </c>
      <c r="CY19" s="193">
        <v>0</v>
      </c>
      <c r="CZ19" s="195">
        <v>0</v>
      </c>
      <c r="DA19" s="196">
        <v>0</v>
      </c>
      <c r="DB19" s="196">
        <v>0</v>
      </c>
      <c r="DC19" s="196">
        <v>0</v>
      </c>
      <c r="DD19" s="196">
        <v>0</v>
      </c>
      <c r="DE19" s="196">
        <v>0</v>
      </c>
      <c r="DF19" s="193">
        <v>0</v>
      </c>
      <c r="DG19" s="198">
        <v>0</v>
      </c>
    </row>
    <row r="20" spans="1:111" ht="18.75" customHeight="1" x14ac:dyDescent="0.2">
      <c r="A20" s="177" t="s">
        <v>18</v>
      </c>
      <c r="B20" s="192">
        <v>0</v>
      </c>
      <c r="C20" s="196">
        <v>0</v>
      </c>
      <c r="D20" s="458">
        <v>0</v>
      </c>
      <c r="E20" s="195">
        <v>0</v>
      </c>
      <c r="F20" s="196">
        <v>314</v>
      </c>
      <c r="G20" s="196">
        <v>797</v>
      </c>
      <c r="H20" s="196">
        <v>556</v>
      </c>
      <c r="I20" s="196">
        <v>847</v>
      </c>
      <c r="J20" s="196">
        <v>420</v>
      </c>
      <c r="K20" s="197">
        <v>2934</v>
      </c>
      <c r="L20" s="198">
        <v>2934</v>
      </c>
      <c r="M20" s="192">
        <v>0</v>
      </c>
      <c r="N20" s="196">
        <v>0</v>
      </c>
      <c r="O20" s="193">
        <v>0</v>
      </c>
      <c r="P20" s="195">
        <v>0</v>
      </c>
      <c r="Q20" s="196">
        <v>0</v>
      </c>
      <c r="R20" s="196">
        <v>1</v>
      </c>
      <c r="S20" s="196">
        <v>9</v>
      </c>
      <c r="T20" s="196">
        <v>22</v>
      </c>
      <c r="U20" s="196">
        <v>53</v>
      </c>
      <c r="V20" s="193">
        <v>85</v>
      </c>
      <c r="W20" s="198">
        <v>85</v>
      </c>
      <c r="X20" s="192">
        <v>8</v>
      </c>
      <c r="Y20" s="196">
        <v>36</v>
      </c>
      <c r="Z20" s="193">
        <v>44</v>
      </c>
      <c r="AA20" s="195">
        <v>0</v>
      </c>
      <c r="AB20" s="196">
        <v>153</v>
      </c>
      <c r="AC20" s="196">
        <v>158</v>
      </c>
      <c r="AD20" s="196">
        <v>145</v>
      </c>
      <c r="AE20" s="196">
        <v>126</v>
      </c>
      <c r="AF20" s="196">
        <v>50</v>
      </c>
      <c r="AG20" s="193">
        <v>632</v>
      </c>
      <c r="AH20" s="198">
        <v>676</v>
      </c>
      <c r="AI20" s="192">
        <v>0</v>
      </c>
      <c r="AJ20" s="196">
        <v>48</v>
      </c>
      <c r="AK20" s="193">
        <v>48</v>
      </c>
      <c r="AL20" s="195">
        <v>0</v>
      </c>
      <c r="AM20" s="196">
        <v>40</v>
      </c>
      <c r="AN20" s="196">
        <v>51</v>
      </c>
      <c r="AO20" s="196">
        <v>0</v>
      </c>
      <c r="AP20" s="196">
        <v>27</v>
      </c>
      <c r="AQ20" s="196">
        <v>0</v>
      </c>
      <c r="AR20" s="193">
        <v>118</v>
      </c>
      <c r="AS20" s="198">
        <v>166</v>
      </c>
      <c r="AT20" s="192">
        <v>0</v>
      </c>
      <c r="AU20" s="196">
        <v>0</v>
      </c>
      <c r="AV20" s="193">
        <v>0</v>
      </c>
      <c r="AW20" s="195">
        <v>0</v>
      </c>
      <c r="AX20" s="196">
        <v>364</v>
      </c>
      <c r="AY20" s="196">
        <v>367</v>
      </c>
      <c r="AZ20" s="196">
        <v>233</v>
      </c>
      <c r="BA20" s="196">
        <v>82</v>
      </c>
      <c r="BB20" s="196">
        <v>50</v>
      </c>
      <c r="BC20" s="197">
        <v>1096</v>
      </c>
      <c r="BD20" s="198">
        <v>1096</v>
      </c>
      <c r="BE20" s="192">
        <v>0</v>
      </c>
      <c r="BF20" s="196">
        <v>0</v>
      </c>
      <c r="BG20" s="193">
        <v>0</v>
      </c>
      <c r="BH20" s="195">
        <v>0</v>
      </c>
      <c r="BI20" s="196">
        <v>76</v>
      </c>
      <c r="BJ20" s="196">
        <v>114</v>
      </c>
      <c r="BK20" s="196">
        <v>104</v>
      </c>
      <c r="BL20" s="196">
        <v>26</v>
      </c>
      <c r="BM20" s="196">
        <v>15</v>
      </c>
      <c r="BN20" s="193">
        <v>335</v>
      </c>
      <c r="BO20" s="198">
        <v>335</v>
      </c>
      <c r="BP20" s="192">
        <v>0</v>
      </c>
      <c r="BQ20" s="196">
        <v>2</v>
      </c>
      <c r="BR20" s="193">
        <v>2</v>
      </c>
      <c r="BS20" s="195">
        <v>0</v>
      </c>
      <c r="BT20" s="196">
        <v>7</v>
      </c>
      <c r="BU20" s="196">
        <v>111</v>
      </c>
      <c r="BV20" s="196">
        <v>81</v>
      </c>
      <c r="BW20" s="196">
        <v>61</v>
      </c>
      <c r="BX20" s="196">
        <v>16</v>
      </c>
      <c r="BY20" s="193">
        <v>276</v>
      </c>
      <c r="BZ20" s="198">
        <v>278</v>
      </c>
      <c r="CA20" s="192">
        <v>0</v>
      </c>
      <c r="CB20" s="196">
        <v>0</v>
      </c>
      <c r="CC20" s="193">
        <v>0</v>
      </c>
      <c r="CD20" s="195">
        <v>0</v>
      </c>
      <c r="CE20" s="196">
        <v>4</v>
      </c>
      <c r="CF20" s="196">
        <v>0</v>
      </c>
      <c r="CG20" s="196">
        <v>0</v>
      </c>
      <c r="CH20" s="196">
        <v>0</v>
      </c>
      <c r="CI20" s="196">
        <v>0</v>
      </c>
      <c r="CJ20" s="193">
        <v>4</v>
      </c>
      <c r="CK20" s="198">
        <v>4</v>
      </c>
      <c r="CL20" s="192">
        <v>0</v>
      </c>
      <c r="CM20" s="196">
        <v>0</v>
      </c>
      <c r="CN20" s="193">
        <v>0</v>
      </c>
      <c r="CO20" s="195">
        <v>0</v>
      </c>
      <c r="CP20" s="196">
        <v>0</v>
      </c>
      <c r="CQ20" s="196">
        <v>0</v>
      </c>
      <c r="CR20" s="196">
        <v>0</v>
      </c>
      <c r="CS20" s="196">
        <v>0</v>
      </c>
      <c r="CT20" s="196">
        <v>0</v>
      </c>
      <c r="CU20" s="193">
        <v>0</v>
      </c>
      <c r="CV20" s="198">
        <v>0</v>
      </c>
      <c r="CW20" s="192">
        <v>0</v>
      </c>
      <c r="CX20" s="196">
        <v>0</v>
      </c>
      <c r="CY20" s="193">
        <v>0</v>
      </c>
      <c r="CZ20" s="195">
        <v>0</v>
      </c>
      <c r="DA20" s="196">
        <v>0</v>
      </c>
      <c r="DB20" s="196">
        <v>0</v>
      </c>
      <c r="DC20" s="196">
        <v>0</v>
      </c>
      <c r="DD20" s="196">
        <v>0</v>
      </c>
      <c r="DE20" s="196">
        <v>0</v>
      </c>
      <c r="DF20" s="193">
        <v>0</v>
      </c>
      <c r="DG20" s="198">
        <v>0</v>
      </c>
    </row>
    <row r="21" spans="1:111" ht="18.75" customHeight="1" x14ac:dyDescent="0.2">
      <c r="A21" s="177" t="s">
        <v>19</v>
      </c>
      <c r="B21" s="192">
        <v>0</v>
      </c>
      <c r="C21" s="196">
        <v>0</v>
      </c>
      <c r="D21" s="458">
        <v>0</v>
      </c>
      <c r="E21" s="195">
        <v>0</v>
      </c>
      <c r="F21" s="196">
        <v>311</v>
      </c>
      <c r="G21" s="196">
        <v>128</v>
      </c>
      <c r="H21" s="196">
        <v>74</v>
      </c>
      <c r="I21" s="196">
        <v>447</v>
      </c>
      <c r="J21" s="196">
        <v>21</v>
      </c>
      <c r="K21" s="197">
        <v>981</v>
      </c>
      <c r="L21" s="198">
        <v>981</v>
      </c>
      <c r="M21" s="192">
        <v>0</v>
      </c>
      <c r="N21" s="196">
        <v>0</v>
      </c>
      <c r="O21" s="193">
        <v>0</v>
      </c>
      <c r="P21" s="195">
        <v>0</v>
      </c>
      <c r="Q21" s="196">
        <v>0</v>
      </c>
      <c r="R21" s="196">
        <v>1</v>
      </c>
      <c r="S21" s="196">
        <v>0</v>
      </c>
      <c r="T21" s="196">
        <v>22</v>
      </c>
      <c r="U21" s="196">
        <v>19</v>
      </c>
      <c r="V21" s="193">
        <v>42</v>
      </c>
      <c r="W21" s="198">
        <v>42</v>
      </c>
      <c r="X21" s="192">
        <v>4</v>
      </c>
      <c r="Y21" s="196">
        <v>11</v>
      </c>
      <c r="Z21" s="193">
        <v>15</v>
      </c>
      <c r="AA21" s="195">
        <v>0</v>
      </c>
      <c r="AB21" s="196">
        <v>100</v>
      </c>
      <c r="AC21" s="196">
        <v>75</v>
      </c>
      <c r="AD21" s="196">
        <v>23</v>
      </c>
      <c r="AE21" s="196">
        <v>79</v>
      </c>
      <c r="AF21" s="196">
        <v>51</v>
      </c>
      <c r="AG21" s="193">
        <v>328</v>
      </c>
      <c r="AH21" s="198">
        <v>343</v>
      </c>
      <c r="AI21" s="192">
        <v>0</v>
      </c>
      <c r="AJ21" s="196">
        <v>0</v>
      </c>
      <c r="AK21" s="193">
        <v>0</v>
      </c>
      <c r="AL21" s="195">
        <v>0</v>
      </c>
      <c r="AM21" s="196">
        <v>0</v>
      </c>
      <c r="AN21" s="196">
        <v>32</v>
      </c>
      <c r="AO21" s="196">
        <v>25</v>
      </c>
      <c r="AP21" s="196">
        <v>0</v>
      </c>
      <c r="AQ21" s="196">
        <v>0</v>
      </c>
      <c r="AR21" s="193">
        <v>57</v>
      </c>
      <c r="AS21" s="198">
        <v>57</v>
      </c>
      <c r="AT21" s="192">
        <v>0</v>
      </c>
      <c r="AU21" s="196">
        <v>0</v>
      </c>
      <c r="AV21" s="193">
        <v>0</v>
      </c>
      <c r="AW21" s="195">
        <v>0</v>
      </c>
      <c r="AX21" s="196">
        <v>186</v>
      </c>
      <c r="AY21" s="196">
        <v>161</v>
      </c>
      <c r="AZ21" s="196">
        <v>99</v>
      </c>
      <c r="BA21" s="196">
        <v>15</v>
      </c>
      <c r="BB21" s="196">
        <v>3</v>
      </c>
      <c r="BC21" s="197">
        <v>464</v>
      </c>
      <c r="BD21" s="198">
        <v>464</v>
      </c>
      <c r="BE21" s="192">
        <v>0</v>
      </c>
      <c r="BF21" s="196">
        <v>0</v>
      </c>
      <c r="BG21" s="193">
        <v>0</v>
      </c>
      <c r="BH21" s="195">
        <v>0</v>
      </c>
      <c r="BI21" s="196">
        <v>58</v>
      </c>
      <c r="BJ21" s="196">
        <v>65</v>
      </c>
      <c r="BK21" s="196">
        <v>35</v>
      </c>
      <c r="BL21" s="196">
        <v>26</v>
      </c>
      <c r="BM21" s="196">
        <v>0</v>
      </c>
      <c r="BN21" s="193">
        <v>184</v>
      </c>
      <c r="BO21" s="198">
        <v>184</v>
      </c>
      <c r="BP21" s="192">
        <v>0</v>
      </c>
      <c r="BQ21" s="196">
        <v>0</v>
      </c>
      <c r="BR21" s="193">
        <v>0</v>
      </c>
      <c r="BS21" s="195">
        <v>0</v>
      </c>
      <c r="BT21" s="196">
        <v>18</v>
      </c>
      <c r="BU21" s="196">
        <v>16</v>
      </c>
      <c r="BV21" s="196">
        <v>4</v>
      </c>
      <c r="BW21" s="196">
        <v>0</v>
      </c>
      <c r="BX21" s="196">
        <v>0</v>
      </c>
      <c r="BY21" s="193">
        <v>38</v>
      </c>
      <c r="BZ21" s="198">
        <v>38</v>
      </c>
      <c r="CA21" s="192">
        <v>0</v>
      </c>
      <c r="CB21" s="196">
        <v>0</v>
      </c>
      <c r="CC21" s="193">
        <v>0</v>
      </c>
      <c r="CD21" s="195">
        <v>0</v>
      </c>
      <c r="CE21" s="196">
        <v>0</v>
      </c>
      <c r="CF21" s="196">
        <v>0</v>
      </c>
      <c r="CG21" s="196">
        <v>7</v>
      </c>
      <c r="CH21" s="196">
        <v>3</v>
      </c>
      <c r="CI21" s="196">
        <v>0</v>
      </c>
      <c r="CJ21" s="193">
        <v>10</v>
      </c>
      <c r="CK21" s="198">
        <v>10</v>
      </c>
      <c r="CL21" s="192">
        <v>0</v>
      </c>
      <c r="CM21" s="196">
        <v>0</v>
      </c>
      <c r="CN21" s="193">
        <v>0</v>
      </c>
      <c r="CO21" s="195">
        <v>0</v>
      </c>
      <c r="CP21" s="196">
        <v>0</v>
      </c>
      <c r="CQ21" s="196">
        <v>0</v>
      </c>
      <c r="CR21" s="196">
        <v>0</v>
      </c>
      <c r="CS21" s="196">
        <v>0</v>
      </c>
      <c r="CT21" s="196">
        <v>0</v>
      </c>
      <c r="CU21" s="193">
        <v>0</v>
      </c>
      <c r="CV21" s="198">
        <v>0</v>
      </c>
      <c r="CW21" s="192">
        <v>0</v>
      </c>
      <c r="CX21" s="196">
        <v>0</v>
      </c>
      <c r="CY21" s="193">
        <v>0</v>
      </c>
      <c r="CZ21" s="195">
        <v>0</v>
      </c>
      <c r="DA21" s="196">
        <v>0</v>
      </c>
      <c r="DB21" s="196">
        <v>0</v>
      </c>
      <c r="DC21" s="196">
        <v>0</v>
      </c>
      <c r="DD21" s="196">
        <v>0</v>
      </c>
      <c r="DE21" s="196">
        <v>0</v>
      </c>
      <c r="DF21" s="193">
        <v>0</v>
      </c>
      <c r="DG21" s="198">
        <v>0</v>
      </c>
    </row>
    <row r="22" spans="1:111" ht="18.75" customHeight="1" x14ac:dyDescent="0.2">
      <c r="A22" s="177" t="s">
        <v>20</v>
      </c>
      <c r="B22" s="192">
        <v>0</v>
      </c>
      <c r="C22" s="196">
        <v>0</v>
      </c>
      <c r="D22" s="458">
        <v>0</v>
      </c>
      <c r="E22" s="195">
        <v>0</v>
      </c>
      <c r="F22" s="196">
        <v>225</v>
      </c>
      <c r="G22" s="196">
        <v>214</v>
      </c>
      <c r="H22" s="196">
        <v>211</v>
      </c>
      <c r="I22" s="196">
        <v>200</v>
      </c>
      <c r="J22" s="196">
        <v>90</v>
      </c>
      <c r="K22" s="197">
        <v>940</v>
      </c>
      <c r="L22" s="198">
        <v>940</v>
      </c>
      <c r="M22" s="192">
        <v>0</v>
      </c>
      <c r="N22" s="196">
        <v>0</v>
      </c>
      <c r="O22" s="193">
        <v>0</v>
      </c>
      <c r="P22" s="195">
        <v>0</v>
      </c>
      <c r="Q22" s="196">
        <v>0</v>
      </c>
      <c r="R22" s="196">
        <v>0</v>
      </c>
      <c r="S22" s="196">
        <v>0</v>
      </c>
      <c r="T22" s="196">
        <v>16</v>
      </c>
      <c r="U22" s="196">
        <v>9</v>
      </c>
      <c r="V22" s="193">
        <v>25</v>
      </c>
      <c r="W22" s="198">
        <v>25</v>
      </c>
      <c r="X22" s="192">
        <v>19</v>
      </c>
      <c r="Y22" s="196">
        <v>59</v>
      </c>
      <c r="Z22" s="193">
        <v>78</v>
      </c>
      <c r="AA22" s="195">
        <v>0</v>
      </c>
      <c r="AB22" s="196">
        <v>274</v>
      </c>
      <c r="AC22" s="196">
        <v>74</v>
      </c>
      <c r="AD22" s="196">
        <v>98</v>
      </c>
      <c r="AE22" s="196">
        <v>85</v>
      </c>
      <c r="AF22" s="196">
        <v>55</v>
      </c>
      <c r="AG22" s="193">
        <v>586</v>
      </c>
      <c r="AH22" s="198">
        <v>664</v>
      </c>
      <c r="AI22" s="192">
        <v>0</v>
      </c>
      <c r="AJ22" s="196">
        <v>8</v>
      </c>
      <c r="AK22" s="193">
        <v>8</v>
      </c>
      <c r="AL22" s="195">
        <v>0</v>
      </c>
      <c r="AM22" s="196">
        <v>55</v>
      </c>
      <c r="AN22" s="196">
        <v>38</v>
      </c>
      <c r="AO22" s="196">
        <v>63</v>
      </c>
      <c r="AP22" s="196">
        <v>14</v>
      </c>
      <c r="AQ22" s="196">
        <v>0</v>
      </c>
      <c r="AR22" s="193">
        <v>170</v>
      </c>
      <c r="AS22" s="198">
        <v>178</v>
      </c>
      <c r="AT22" s="192">
        <v>0</v>
      </c>
      <c r="AU22" s="196">
        <v>0</v>
      </c>
      <c r="AV22" s="193">
        <v>0</v>
      </c>
      <c r="AW22" s="195">
        <v>0</v>
      </c>
      <c r="AX22" s="196">
        <v>194</v>
      </c>
      <c r="AY22" s="196">
        <v>130</v>
      </c>
      <c r="AZ22" s="196">
        <v>135</v>
      </c>
      <c r="BA22" s="196">
        <v>24</v>
      </c>
      <c r="BB22" s="196">
        <v>8</v>
      </c>
      <c r="BC22" s="197">
        <v>491</v>
      </c>
      <c r="BD22" s="198">
        <v>491</v>
      </c>
      <c r="BE22" s="192">
        <v>0</v>
      </c>
      <c r="BF22" s="196">
        <v>0</v>
      </c>
      <c r="BG22" s="193">
        <v>0</v>
      </c>
      <c r="BH22" s="195">
        <v>0</v>
      </c>
      <c r="BI22" s="196">
        <v>93</v>
      </c>
      <c r="BJ22" s="196">
        <v>66</v>
      </c>
      <c r="BK22" s="196">
        <v>44</v>
      </c>
      <c r="BL22" s="196">
        <v>57</v>
      </c>
      <c r="BM22" s="196">
        <v>3</v>
      </c>
      <c r="BN22" s="193">
        <v>263</v>
      </c>
      <c r="BO22" s="198">
        <v>263</v>
      </c>
      <c r="BP22" s="192">
        <v>3</v>
      </c>
      <c r="BQ22" s="196">
        <v>9</v>
      </c>
      <c r="BR22" s="193">
        <v>12</v>
      </c>
      <c r="BS22" s="195">
        <v>0</v>
      </c>
      <c r="BT22" s="196">
        <v>37</v>
      </c>
      <c r="BU22" s="196">
        <v>26</v>
      </c>
      <c r="BV22" s="196">
        <v>22</v>
      </c>
      <c r="BW22" s="196">
        <v>155</v>
      </c>
      <c r="BX22" s="196">
        <v>0</v>
      </c>
      <c r="BY22" s="193">
        <v>240</v>
      </c>
      <c r="BZ22" s="198">
        <v>252</v>
      </c>
      <c r="CA22" s="192">
        <v>0</v>
      </c>
      <c r="CB22" s="196">
        <v>0</v>
      </c>
      <c r="CC22" s="193">
        <v>0</v>
      </c>
      <c r="CD22" s="195">
        <v>0</v>
      </c>
      <c r="CE22" s="196">
        <v>0</v>
      </c>
      <c r="CF22" s="196">
        <v>2</v>
      </c>
      <c r="CG22" s="196">
        <v>0</v>
      </c>
      <c r="CH22" s="196">
        <v>15</v>
      </c>
      <c r="CI22" s="196">
        <v>0</v>
      </c>
      <c r="CJ22" s="193">
        <v>17</v>
      </c>
      <c r="CK22" s="198">
        <v>17</v>
      </c>
      <c r="CL22" s="192">
        <v>0</v>
      </c>
      <c r="CM22" s="196">
        <v>0</v>
      </c>
      <c r="CN22" s="193">
        <v>0</v>
      </c>
      <c r="CO22" s="195">
        <v>0</v>
      </c>
      <c r="CP22" s="196">
        <v>0</v>
      </c>
      <c r="CQ22" s="196">
        <v>0</v>
      </c>
      <c r="CR22" s="196">
        <v>0</v>
      </c>
      <c r="CS22" s="196">
        <v>0</v>
      </c>
      <c r="CT22" s="196">
        <v>0</v>
      </c>
      <c r="CU22" s="193">
        <v>0</v>
      </c>
      <c r="CV22" s="198">
        <v>0</v>
      </c>
      <c r="CW22" s="192">
        <v>0</v>
      </c>
      <c r="CX22" s="196">
        <v>0</v>
      </c>
      <c r="CY22" s="193">
        <v>0</v>
      </c>
      <c r="CZ22" s="195">
        <v>0</v>
      </c>
      <c r="DA22" s="196">
        <v>0</v>
      </c>
      <c r="DB22" s="196">
        <v>0</v>
      </c>
      <c r="DC22" s="196">
        <v>0</v>
      </c>
      <c r="DD22" s="196">
        <v>0</v>
      </c>
      <c r="DE22" s="196">
        <v>0</v>
      </c>
      <c r="DF22" s="193">
        <v>0</v>
      </c>
      <c r="DG22" s="198">
        <v>0</v>
      </c>
    </row>
    <row r="23" spans="1:111" ht="18.75" customHeight="1" x14ac:dyDescent="0.2">
      <c r="A23" s="177" t="s">
        <v>21</v>
      </c>
      <c r="B23" s="192">
        <v>0</v>
      </c>
      <c r="C23" s="196">
        <v>0</v>
      </c>
      <c r="D23" s="458">
        <v>0</v>
      </c>
      <c r="E23" s="195">
        <v>0</v>
      </c>
      <c r="F23" s="196">
        <v>159</v>
      </c>
      <c r="G23" s="196">
        <v>196</v>
      </c>
      <c r="H23" s="196">
        <v>322</v>
      </c>
      <c r="I23" s="196">
        <v>724</v>
      </c>
      <c r="J23" s="196">
        <v>306</v>
      </c>
      <c r="K23" s="197">
        <v>1707</v>
      </c>
      <c r="L23" s="198">
        <v>1707</v>
      </c>
      <c r="M23" s="192">
        <v>0</v>
      </c>
      <c r="N23" s="196">
        <v>0</v>
      </c>
      <c r="O23" s="193">
        <v>0</v>
      </c>
      <c r="P23" s="195">
        <v>0</v>
      </c>
      <c r="Q23" s="196">
        <v>0</v>
      </c>
      <c r="R23" s="196">
        <v>0</v>
      </c>
      <c r="S23" s="196">
        <v>0</v>
      </c>
      <c r="T23" s="196">
        <v>1</v>
      </c>
      <c r="U23" s="196">
        <v>4</v>
      </c>
      <c r="V23" s="193">
        <v>5</v>
      </c>
      <c r="W23" s="198">
        <v>5</v>
      </c>
      <c r="X23" s="192">
        <v>36</v>
      </c>
      <c r="Y23" s="196">
        <v>21</v>
      </c>
      <c r="Z23" s="193">
        <v>57</v>
      </c>
      <c r="AA23" s="195">
        <v>0</v>
      </c>
      <c r="AB23" s="196">
        <v>125</v>
      </c>
      <c r="AC23" s="196">
        <v>276</v>
      </c>
      <c r="AD23" s="196">
        <v>90</v>
      </c>
      <c r="AE23" s="196">
        <v>87</v>
      </c>
      <c r="AF23" s="196">
        <v>28</v>
      </c>
      <c r="AG23" s="193">
        <v>606</v>
      </c>
      <c r="AH23" s="198">
        <v>663</v>
      </c>
      <c r="AI23" s="192">
        <v>9</v>
      </c>
      <c r="AJ23" s="196">
        <v>10</v>
      </c>
      <c r="AK23" s="193">
        <v>19</v>
      </c>
      <c r="AL23" s="195">
        <v>0</v>
      </c>
      <c r="AM23" s="196">
        <v>44</v>
      </c>
      <c r="AN23" s="196">
        <v>43</v>
      </c>
      <c r="AO23" s="196">
        <v>0</v>
      </c>
      <c r="AP23" s="196">
        <v>0</v>
      </c>
      <c r="AQ23" s="196">
        <v>0</v>
      </c>
      <c r="AR23" s="193">
        <v>87</v>
      </c>
      <c r="AS23" s="198">
        <v>106</v>
      </c>
      <c r="AT23" s="192">
        <v>0</v>
      </c>
      <c r="AU23" s="196">
        <v>0</v>
      </c>
      <c r="AV23" s="193">
        <v>0</v>
      </c>
      <c r="AW23" s="195">
        <v>0</v>
      </c>
      <c r="AX23" s="196">
        <v>158</v>
      </c>
      <c r="AY23" s="196">
        <v>138</v>
      </c>
      <c r="AZ23" s="196">
        <v>83</v>
      </c>
      <c r="BA23" s="196">
        <v>58</v>
      </c>
      <c r="BB23" s="196">
        <v>25</v>
      </c>
      <c r="BC23" s="197">
        <v>462</v>
      </c>
      <c r="BD23" s="198">
        <v>462</v>
      </c>
      <c r="BE23" s="192">
        <v>0</v>
      </c>
      <c r="BF23" s="196">
        <v>0</v>
      </c>
      <c r="BG23" s="193">
        <v>0</v>
      </c>
      <c r="BH23" s="195">
        <v>0</v>
      </c>
      <c r="BI23" s="196">
        <v>41</v>
      </c>
      <c r="BJ23" s="196">
        <v>90</v>
      </c>
      <c r="BK23" s="196">
        <v>25</v>
      </c>
      <c r="BL23" s="196">
        <v>4</v>
      </c>
      <c r="BM23" s="196">
        <v>0</v>
      </c>
      <c r="BN23" s="193">
        <v>160</v>
      </c>
      <c r="BO23" s="198">
        <v>160</v>
      </c>
      <c r="BP23" s="192">
        <v>0</v>
      </c>
      <c r="BQ23" s="196">
        <v>0</v>
      </c>
      <c r="BR23" s="193">
        <v>0</v>
      </c>
      <c r="BS23" s="195">
        <v>0</v>
      </c>
      <c r="BT23" s="196">
        <v>11</v>
      </c>
      <c r="BU23" s="196">
        <v>10</v>
      </c>
      <c r="BV23" s="196">
        <v>148</v>
      </c>
      <c r="BW23" s="196">
        <v>182</v>
      </c>
      <c r="BX23" s="196">
        <v>47</v>
      </c>
      <c r="BY23" s="193">
        <v>398</v>
      </c>
      <c r="BZ23" s="198">
        <v>398</v>
      </c>
      <c r="CA23" s="192">
        <v>0</v>
      </c>
      <c r="CB23" s="196">
        <v>0</v>
      </c>
      <c r="CC23" s="193">
        <v>0</v>
      </c>
      <c r="CD23" s="195">
        <v>0</v>
      </c>
      <c r="CE23" s="196">
        <v>0</v>
      </c>
      <c r="CF23" s="196">
        <v>0</v>
      </c>
      <c r="CG23" s="196">
        <v>0</v>
      </c>
      <c r="CH23" s="196">
        <v>0</v>
      </c>
      <c r="CI23" s="196">
        <v>0</v>
      </c>
      <c r="CJ23" s="193">
        <v>0</v>
      </c>
      <c r="CK23" s="198">
        <v>0</v>
      </c>
      <c r="CL23" s="192">
        <v>0</v>
      </c>
      <c r="CM23" s="196">
        <v>0</v>
      </c>
      <c r="CN23" s="193">
        <v>0</v>
      </c>
      <c r="CO23" s="195">
        <v>0</v>
      </c>
      <c r="CP23" s="196">
        <v>0</v>
      </c>
      <c r="CQ23" s="196">
        <v>0</v>
      </c>
      <c r="CR23" s="196">
        <v>0</v>
      </c>
      <c r="CS23" s="196">
        <v>0</v>
      </c>
      <c r="CT23" s="196">
        <v>0</v>
      </c>
      <c r="CU23" s="193">
        <v>0</v>
      </c>
      <c r="CV23" s="198">
        <v>0</v>
      </c>
      <c r="CW23" s="192">
        <v>0</v>
      </c>
      <c r="CX23" s="196">
        <v>0</v>
      </c>
      <c r="CY23" s="193">
        <v>0</v>
      </c>
      <c r="CZ23" s="195">
        <v>0</v>
      </c>
      <c r="DA23" s="196">
        <v>0</v>
      </c>
      <c r="DB23" s="196">
        <v>0</v>
      </c>
      <c r="DC23" s="196">
        <v>0</v>
      </c>
      <c r="DD23" s="196">
        <v>0</v>
      </c>
      <c r="DE23" s="196">
        <v>0</v>
      </c>
      <c r="DF23" s="193">
        <v>0</v>
      </c>
      <c r="DG23" s="198">
        <v>0</v>
      </c>
    </row>
    <row r="24" spans="1:111" ht="18.75" customHeight="1" x14ac:dyDescent="0.2">
      <c r="A24" s="177" t="s">
        <v>22</v>
      </c>
      <c r="B24" s="192">
        <v>0</v>
      </c>
      <c r="C24" s="196">
        <v>0</v>
      </c>
      <c r="D24" s="458">
        <v>0</v>
      </c>
      <c r="E24" s="195">
        <v>0</v>
      </c>
      <c r="F24" s="196">
        <v>22</v>
      </c>
      <c r="G24" s="196">
        <v>63</v>
      </c>
      <c r="H24" s="196">
        <v>39</v>
      </c>
      <c r="I24" s="196">
        <v>59</v>
      </c>
      <c r="J24" s="196">
        <v>48</v>
      </c>
      <c r="K24" s="197">
        <v>231</v>
      </c>
      <c r="L24" s="198">
        <v>231</v>
      </c>
      <c r="M24" s="192">
        <v>0</v>
      </c>
      <c r="N24" s="196">
        <v>0</v>
      </c>
      <c r="O24" s="193">
        <v>0</v>
      </c>
      <c r="P24" s="195">
        <v>0</v>
      </c>
      <c r="Q24" s="196">
        <v>0</v>
      </c>
      <c r="R24" s="196">
        <v>0</v>
      </c>
      <c r="S24" s="196">
        <v>4</v>
      </c>
      <c r="T24" s="196">
        <v>3</v>
      </c>
      <c r="U24" s="196">
        <v>13</v>
      </c>
      <c r="V24" s="193">
        <v>20</v>
      </c>
      <c r="W24" s="198">
        <v>20</v>
      </c>
      <c r="X24" s="192">
        <v>4</v>
      </c>
      <c r="Y24" s="196">
        <v>0</v>
      </c>
      <c r="Z24" s="193">
        <v>4</v>
      </c>
      <c r="AA24" s="195">
        <v>0</v>
      </c>
      <c r="AB24" s="196">
        <v>6</v>
      </c>
      <c r="AC24" s="196">
        <v>18</v>
      </c>
      <c r="AD24" s="196">
        <v>3</v>
      </c>
      <c r="AE24" s="196">
        <v>25</v>
      </c>
      <c r="AF24" s="196">
        <v>28</v>
      </c>
      <c r="AG24" s="193">
        <v>80</v>
      </c>
      <c r="AH24" s="198">
        <v>84</v>
      </c>
      <c r="AI24" s="192">
        <v>0</v>
      </c>
      <c r="AJ24" s="196">
        <v>0</v>
      </c>
      <c r="AK24" s="193">
        <v>0</v>
      </c>
      <c r="AL24" s="195">
        <v>0</v>
      </c>
      <c r="AM24" s="196">
        <v>39</v>
      </c>
      <c r="AN24" s="196">
        <v>0</v>
      </c>
      <c r="AO24" s="196">
        <v>0</v>
      </c>
      <c r="AP24" s="196">
        <v>17</v>
      </c>
      <c r="AQ24" s="196">
        <v>27</v>
      </c>
      <c r="AR24" s="193">
        <v>83</v>
      </c>
      <c r="AS24" s="198">
        <v>83</v>
      </c>
      <c r="AT24" s="192">
        <v>0</v>
      </c>
      <c r="AU24" s="196">
        <v>0</v>
      </c>
      <c r="AV24" s="193">
        <v>0</v>
      </c>
      <c r="AW24" s="195">
        <v>0</v>
      </c>
      <c r="AX24" s="196">
        <v>61</v>
      </c>
      <c r="AY24" s="196">
        <v>135</v>
      </c>
      <c r="AZ24" s="196">
        <v>35</v>
      </c>
      <c r="BA24" s="196">
        <v>20</v>
      </c>
      <c r="BB24" s="196">
        <v>14</v>
      </c>
      <c r="BC24" s="197">
        <v>265</v>
      </c>
      <c r="BD24" s="198">
        <v>265</v>
      </c>
      <c r="BE24" s="192">
        <v>0</v>
      </c>
      <c r="BF24" s="196">
        <v>0</v>
      </c>
      <c r="BG24" s="193">
        <v>0</v>
      </c>
      <c r="BH24" s="195">
        <v>0</v>
      </c>
      <c r="BI24" s="196">
        <v>27</v>
      </c>
      <c r="BJ24" s="196">
        <v>15</v>
      </c>
      <c r="BK24" s="196">
        <v>4</v>
      </c>
      <c r="BL24" s="196">
        <v>7</v>
      </c>
      <c r="BM24" s="196">
        <v>15</v>
      </c>
      <c r="BN24" s="193">
        <v>68</v>
      </c>
      <c r="BO24" s="198">
        <v>68</v>
      </c>
      <c r="BP24" s="192">
        <v>0</v>
      </c>
      <c r="BQ24" s="196">
        <v>0</v>
      </c>
      <c r="BR24" s="193">
        <v>0</v>
      </c>
      <c r="BS24" s="195">
        <v>0</v>
      </c>
      <c r="BT24" s="196">
        <v>0</v>
      </c>
      <c r="BU24" s="196">
        <v>35</v>
      </c>
      <c r="BV24" s="196">
        <v>58</v>
      </c>
      <c r="BW24" s="196">
        <v>28</v>
      </c>
      <c r="BX24" s="196">
        <v>23</v>
      </c>
      <c r="BY24" s="193">
        <v>144</v>
      </c>
      <c r="BZ24" s="198">
        <v>144</v>
      </c>
      <c r="CA24" s="192">
        <v>0</v>
      </c>
      <c r="CB24" s="196">
        <v>0</v>
      </c>
      <c r="CC24" s="193">
        <v>0</v>
      </c>
      <c r="CD24" s="195">
        <v>0</v>
      </c>
      <c r="CE24" s="196">
        <v>0</v>
      </c>
      <c r="CF24" s="196">
        <v>0</v>
      </c>
      <c r="CG24" s="196">
        <v>0</v>
      </c>
      <c r="CH24" s="196">
        <v>0</v>
      </c>
      <c r="CI24" s="196">
        <v>0</v>
      </c>
      <c r="CJ24" s="193">
        <v>0</v>
      </c>
      <c r="CK24" s="198">
        <v>0</v>
      </c>
      <c r="CL24" s="192">
        <v>0</v>
      </c>
      <c r="CM24" s="196">
        <v>0</v>
      </c>
      <c r="CN24" s="193">
        <v>0</v>
      </c>
      <c r="CO24" s="195">
        <v>0</v>
      </c>
      <c r="CP24" s="196">
        <v>0</v>
      </c>
      <c r="CQ24" s="196">
        <v>0</v>
      </c>
      <c r="CR24" s="196">
        <v>0</v>
      </c>
      <c r="CS24" s="196">
        <v>0</v>
      </c>
      <c r="CT24" s="196">
        <v>0</v>
      </c>
      <c r="CU24" s="193">
        <v>0</v>
      </c>
      <c r="CV24" s="198">
        <v>0</v>
      </c>
      <c r="CW24" s="192">
        <v>0</v>
      </c>
      <c r="CX24" s="196">
        <v>0</v>
      </c>
      <c r="CY24" s="193">
        <v>0</v>
      </c>
      <c r="CZ24" s="195">
        <v>0</v>
      </c>
      <c r="DA24" s="196">
        <v>0</v>
      </c>
      <c r="DB24" s="196">
        <v>0</v>
      </c>
      <c r="DC24" s="196">
        <v>0</v>
      </c>
      <c r="DD24" s="196">
        <v>0</v>
      </c>
      <c r="DE24" s="196">
        <v>0</v>
      </c>
      <c r="DF24" s="193">
        <v>0</v>
      </c>
      <c r="DG24" s="198">
        <v>0</v>
      </c>
    </row>
    <row r="25" spans="1:111" ht="18.75" customHeight="1" x14ac:dyDescent="0.2">
      <c r="A25" s="177" t="s">
        <v>23</v>
      </c>
      <c r="B25" s="192">
        <v>0</v>
      </c>
      <c r="C25" s="196">
        <v>0</v>
      </c>
      <c r="D25" s="458">
        <v>0</v>
      </c>
      <c r="E25" s="195">
        <v>0</v>
      </c>
      <c r="F25" s="196">
        <v>152</v>
      </c>
      <c r="G25" s="196">
        <v>91</v>
      </c>
      <c r="H25" s="196">
        <v>221</v>
      </c>
      <c r="I25" s="196">
        <v>231</v>
      </c>
      <c r="J25" s="196">
        <v>200</v>
      </c>
      <c r="K25" s="197">
        <v>895</v>
      </c>
      <c r="L25" s="198">
        <v>895</v>
      </c>
      <c r="M25" s="192">
        <v>0</v>
      </c>
      <c r="N25" s="196">
        <v>0</v>
      </c>
      <c r="O25" s="193">
        <v>0</v>
      </c>
      <c r="P25" s="195">
        <v>0</v>
      </c>
      <c r="Q25" s="196">
        <v>0</v>
      </c>
      <c r="R25" s="196">
        <v>0</v>
      </c>
      <c r="S25" s="196">
        <v>0</v>
      </c>
      <c r="T25" s="196">
        <v>0</v>
      </c>
      <c r="U25" s="196">
        <v>0</v>
      </c>
      <c r="V25" s="193">
        <v>0</v>
      </c>
      <c r="W25" s="198">
        <v>0</v>
      </c>
      <c r="X25" s="192">
        <v>13</v>
      </c>
      <c r="Y25" s="196">
        <v>43</v>
      </c>
      <c r="Z25" s="193">
        <v>56</v>
      </c>
      <c r="AA25" s="195">
        <v>0</v>
      </c>
      <c r="AB25" s="196">
        <v>76</v>
      </c>
      <c r="AC25" s="196">
        <v>143</v>
      </c>
      <c r="AD25" s="196">
        <v>31</v>
      </c>
      <c r="AE25" s="196">
        <v>39</v>
      </c>
      <c r="AF25" s="196">
        <v>14</v>
      </c>
      <c r="AG25" s="193">
        <v>303</v>
      </c>
      <c r="AH25" s="198">
        <v>359</v>
      </c>
      <c r="AI25" s="192">
        <v>0</v>
      </c>
      <c r="AJ25" s="196">
        <v>0</v>
      </c>
      <c r="AK25" s="193">
        <v>0</v>
      </c>
      <c r="AL25" s="195">
        <v>0</v>
      </c>
      <c r="AM25" s="196">
        <v>6</v>
      </c>
      <c r="AN25" s="196">
        <v>12</v>
      </c>
      <c r="AO25" s="196">
        <v>0</v>
      </c>
      <c r="AP25" s="196">
        <v>0</v>
      </c>
      <c r="AQ25" s="196">
        <v>0</v>
      </c>
      <c r="AR25" s="193">
        <v>18</v>
      </c>
      <c r="AS25" s="198">
        <v>18</v>
      </c>
      <c r="AT25" s="192">
        <v>0</v>
      </c>
      <c r="AU25" s="196">
        <v>0</v>
      </c>
      <c r="AV25" s="193">
        <v>0</v>
      </c>
      <c r="AW25" s="195">
        <v>0</v>
      </c>
      <c r="AX25" s="196">
        <v>178</v>
      </c>
      <c r="AY25" s="196">
        <v>78</v>
      </c>
      <c r="AZ25" s="196">
        <v>97</v>
      </c>
      <c r="BA25" s="196">
        <v>40</v>
      </c>
      <c r="BB25" s="196">
        <v>0</v>
      </c>
      <c r="BC25" s="197">
        <v>393</v>
      </c>
      <c r="BD25" s="198">
        <v>393</v>
      </c>
      <c r="BE25" s="192">
        <v>0</v>
      </c>
      <c r="BF25" s="196">
        <v>0</v>
      </c>
      <c r="BG25" s="193">
        <v>0</v>
      </c>
      <c r="BH25" s="195">
        <v>0</v>
      </c>
      <c r="BI25" s="196">
        <v>20</v>
      </c>
      <c r="BJ25" s="196">
        <v>39</v>
      </c>
      <c r="BK25" s="196">
        <v>13</v>
      </c>
      <c r="BL25" s="196">
        <v>23</v>
      </c>
      <c r="BM25" s="196">
        <v>0</v>
      </c>
      <c r="BN25" s="193">
        <v>95</v>
      </c>
      <c r="BO25" s="198">
        <v>95</v>
      </c>
      <c r="BP25" s="192">
        <v>0</v>
      </c>
      <c r="BQ25" s="196">
        <v>0</v>
      </c>
      <c r="BR25" s="193">
        <v>0</v>
      </c>
      <c r="BS25" s="195">
        <v>0</v>
      </c>
      <c r="BT25" s="196">
        <v>12</v>
      </c>
      <c r="BU25" s="196">
        <v>0</v>
      </c>
      <c r="BV25" s="196">
        <v>54</v>
      </c>
      <c r="BW25" s="196">
        <v>22</v>
      </c>
      <c r="BX25" s="196">
        <v>0</v>
      </c>
      <c r="BY25" s="193">
        <v>88</v>
      </c>
      <c r="BZ25" s="198">
        <v>88</v>
      </c>
      <c r="CA25" s="192">
        <v>0</v>
      </c>
      <c r="CB25" s="196">
        <v>0</v>
      </c>
      <c r="CC25" s="193">
        <v>0</v>
      </c>
      <c r="CD25" s="195">
        <v>0</v>
      </c>
      <c r="CE25" s="196">
        <v>0</v>
      </c>
      <c r="CF25" s="196">
        <v>0</v>
      </c>
      <c r="CG25" s="196">
        <v>0</v>
      </c>
      <c r="CH25" s="196">
        <v>0</v>
      </c>
      <c r="CI25" s="196">
        <v>0</v>
      </c>
      <c r="CJ25" s="193">
        <v>0</v>
      </c>
      <c r="CK25" s="198">
        <v>0</v>
      </c>
      <c r="CL25" s="192">
        <v>0</v>
      </c>
      <c r="CM25" s="196">
        <v>0</v>
      </c>
      <c r="CN25" s="193">
        <v>0</v>
      </c>
      <c r="CO25" s="195">
        <v>0</v>
      </c>
      <c r="CP25" s="196">
        <v>0</v>
      </c>
      <c r="CQ25" s="196">
        <v>0</v>
      </c>
      <c r="CR25" s="196">
        <v>0</v>
      </c>
      <c r="CS25" s="196">
        <v>0</v>
      </c>
      <c r="CT25" s="196">
        <v>0</v>
      </c>
      <c r="CU25" s="193">
        <v>0</v>
      </c>
      <c r="CV25" s="198">
        <v>0</v>
      </c>
      <c r="CW25" s="192">
        <v>0</v>
      </c>
      <c r="CX25" s="196">
        <v>0</v>
      </c>
      <c r="CY25" s="193">
        <v>0</v>
      </c>
      <c r="CZ25" s="195">
        <v>0</v>
      </c>
      <c r="DA25" s="196">
        <v>0</v>
      </c>
      <c r="DB25" s="196">
        <v>0</v>
      </c>
      <c r="DC25" s="196">
        <v>0</v>
      </c>
      <c r="DD25" s="196">
        <v>0</v>
      </c>
      <c r="DE25" s="196">
        <v>0</v>
      </c>
      <c r="DF25" s="193">
        <v>0</v>
      </c>
      <c r="DG25" s="198">
        <v>0</v>
      </c>
    </row>
    <row r="26" spans="1:111" ht="18.75" customHeight="1" x14ac:dyDescent="0.2">
      <c r="A26" s="177" t="s">
        <v>24</v>
      </c>
      <c r="B26" s="192">
        <v>0</v>
      </c>
      <c r="C26" s="196">
        <v>0</v>
      </c>
      <c r="D26" s="458">
        <v>0</v>
      </c>
      <c r="E26" s="195">
        <v>0</v>
      </c>
      <c r="F26" s="196">
        <v>138</v>
      </c>
      <c r="G26" s="196">
        <v>151</v>
      </c>
      <c r="H26" s="196">
        <v>114</v>
      </c>
      <c r="I26" s="196">
        <v>405</v>
      </c>
      <c r="J26" s="196">
        <v>96</v>
      </c>
      <c r="K26" s="197">
        <v>904</v>
      </c>
      <c r="L26" s="198">
        <v>904</v>
      </c>
      <c r="M26" s="192">
        <v>0</v>
      </c>
      <c r="N26" s="196">
        <v>0</v>
      </c>
      <c r="O26" s="193">
        <v>0</v>
      </c>
      <c r="P26" s="195">
        <v>0</v>
      </c>
      <c r="Q26" s="196">
        <v>0</v>
      </c>
      <c r="R26" s="196">
        <v>8</v>
      </c>
      <c r="S26" s="196">
        <v>0</v>
      </c>
      <c r="T26" s="196">
        <v>9</v>
      </c>
      <c r="U26" s="196">
        <v>11</v>
      </c>
      <c r="V26" s="193">
        <v>28</v>
      </c>
      <c r="W26" s="198">
        <v>28</v>
      </c>
      <c r="X26" s="192">
        <v>39</v>
      </c>
      <c r="Y26" s="196">
        <v>20</v>
      </c>
      <c r="Z26" s="193">
        <v>59</v>
      </c>
      <c r="AA26" s="195">
        <v>0</v>
      </c>
      <c r="AB26" s="196">
        <v>111</v>
      </c>
      <c r="AC26" s="196">
        <v>43</v>
      </c>
      <c r="AD26" s="196">
        <v>27</v>
      </c>
      <c r="AE26" s="196">
        <v>60</v>
      </c>
      <c r="AF26" s="196">
        <v>13</v>
      </c>
      <c r="AG26" s="193">
        <v>254</v>
      </c>
      <c r="AH26" s="198">
        <v>313</v>
      </c>
      <c r="AI26" s="192">
        <v>9</v>
      </c>
      <c r="AJ26" s="196">
        <v>18</v>
      </c>
      <c r="AK26" s="193">
        <v>27</v>
      </c>
      <c r="AL26" s="195">
        <v>0</v>
      </c>
      <c r="AM26" s="196">
        <v>27</v>
      </c>
      <c r="AN26" s="196">
        <v>0</v>
      </c>
      <c r="AO26" s="196">
        <v>0</v>
      </c>
      <c r="AP26" s="196">
        <v>0</v>
      </c>
      <c r="AQ26" s="196">
        <v>0</v>
      </c>
      <c r="AR26" s="193">
        <v>27</v>
      </c>
      <c r="AS26" s="198">
        <v>54</v>
      </c>
      <c r="AT26" s="192">
        <v>0</v>
      </c>
      <c r="AU26" s="196">
        <v>0</v>
      </c>
      <c r="AV26" s="193">
        <v>0</v>
      </c>
      <c r="AW26" s="195">
        <v>0</v>
      </c>
      <c r="AX26" s="196">
        <v>71</v>
      </c>
      <c r="AY26" s="196">
        <v>98</v>
      </c>
      <c r="AZ26" s="196">
        <v>9</v>
      </c>
      <c r="BA26" s="196">
        <v>23</v>
      </c>
      <c r="BB26" s="196">
        <v>5</v>
      </c>
      <c r="BC26" s="197">
        <v>206</v>
      </c>
      <c r="BD26" s="198">
        <v>206</v>
      </c>
      <c r="BE26" s="192">
        <v>0</v>
      </c>
      <c r="BF26" s="196">
        <v>0</v>
      </c>
      <c r="BG26" s="193">
        <v>0</v>
      </c>
      <c r="BH26" s="195">
        <v>0</v>
      </c>
      <c r="BI26" s="196">
        <v>38</v>
      </c>
      <c r="BJ26" s="196">
        <v>15</v>
      </c>
      <c r="BK26" s="196">
        <v>34</v>
      </c>
      <c r="BL26" s="196">
        <v>0</v>
      </c>
      <c r="BM26" s="196">
        <v>0</v>
      </c>
      <c r="BN26" s="193">
        <v>87</v>
      </c>
      <c r="BO26" s="198">
        <v>87</v>
      </c>
      <c r="BP26" s="192">
        <v>0</v>
      </c>
      <c r="BQ26" s="196">
        <v>0</v>
      </c>
      <c r="BR26" s="193">
        <v>0</v>
      </c>
      <c r="BS26" s="195">
        <v>0</v>
      </c>
      <c r="BT26" s="196">
        <v>6</v>
      </c>
      <c r="BU26" s="196">
        <v>3</v>
      </c>
      <c r="BV26" s="196">
        <v>34</v>
      </c>
      <c r="BW26" s="196">
        <v>14</v>
      </c>
      <c r="BX26" s="196">
        <v>0</v>
      </c>
      <c r="BY26" s="193">
        <v>57</v>
      </c>
      <c r="BZ26" s="198">
        <v>57</v>
      </c>
      <c r="CA26" s="192">
        <v>0</v>
      </c>
      <c r="CB26" s="196">
        <v>0</v>
      </c>
      <c r="CC26" s="193">
        <v>0</v>
      </c>
      <c r="CD26" s="195">
        <v>0</v>
      </c>
      <c r="CE26" s="196">
        <v>0</v>
      </c>
      <c r="CF26" s="196">
        <v>0</v>
      </c>
      <c r="CG26" s="196">
        <v>0</v>
      </c>
      <c r="CH26" s="196">
        <v>0</v>
      </c>
      <c r="CI26" s="196">
        <v>0</v>
      </c>
      <c r="CJ26" s="193">
        <v>0</v>
      </c>
      <c r="CK26" s="198">
        <v>0</v>
      </c>
      <c r="CL26" s="192">
        <v>0</v>
      </c>
      <c r="CM26" s="196">
        <v>0</v>
      </c>
      <c r="CN26" s="193">
        <v>0</v>
      </c>
      <c r="CO26" s="195">
        <v>0</v>
      </c>
      <c r="CP26" s="196">
        <v>0</v>
      </c>
      <c r="CQ26" s="196">
        <v>0</v>
      </c>
      <c r="CR26" s="196">
        <v>0</v>
      </c>
      <c r="CS26" s="196">
        <v>0</v>
      </c>
      <c r="CT26" s="196">
        <v>0</v>
      </c>
      <c r="CU26" s="193">
        <v>0</v>
      </c>
      <c r="CV26" s="198">
        <v>0</v>
      </c>
      <c r="CW26" s="192">
        <v>0</v>
      </c>
      <c r="CX26" s="196">
        <v>0</v>
      </c>
      <c r="CY26" s="193">
        <v>0</v>
      </c>
      <c r="CZ26" s="195">
        <v>0</v>
      </c>
      <c r="DA26" s="196">
        <v>0</v>
      </c>
      <c r="DB26" s="196">
        <v>0</v>
      </c>
      <c r="DC26" s="196">
        <v>0</v>
      </c>
      <c r="DD26" s="196">
        <v>0</v>
      </c>
      <c r="DE26" s="196">
        <v>0</v>
      </c>
      <c r="DF26" s="193">
        <v>0</v>
      </c>
      <c r="DG26" s="198">
        <v>0</v>
      </c>
    </row>
    <row r="27" spans="1:111" ht="18.75" customHeight="1" x14ac:dyDescent="0.2">
      <c r="A27" s="177" t="s">
        <v>25</v>
      </c>
      <c r="B27" s="192">
        <v>0</v>
      </c>
      <c r="C27" s="196">
        <v>0</v>
      </c>
      <c r="D27" s="458">
        <v>0</v>
      </c>
      <c r="E27" s="195">
        <v>0</v>
      </c>
      <c r="F27" s="196">
        <v>49</v>
      </c>
      <c r="G27" s="196">
        <v>114</v>
      </c>
      <c r="H27" s="196">
        <v>77</v>
      </c>
      <c r="I27" s="196">
        <v>158</v>
      </c>
      <c r="J27" s="196">
        <v>0</v>
      </c>
      <c r="K27" s="197">
        <v>398</v>
      </c>
      <c r="L27" s="198">
        <v>398</v>
      </c>
      <c r="M27" s="192">
        <v>0</v>
      </c>
      <c r="N27" s="196">
        <v>0</v>
      </c>
      <c r="O27" s="193">
        <v>0</v>
      </c>
      <c r="P27" s="195">
        <v>0</v>
      </c>
      <c r="Q27" s="196">
        <v>0</v>
      </c>
      <c r="R27" s="196">
        <v>1</v>
      </c>
      <c r="S27" s="196">
        <v>0</v>
      </c>
      <c r="T27" s="196">
        <v>3</v>
      </c>
      <c r="U27" s="196">
        <v>9</v>
      </c>
      <c r="V27" s="193">
        <v>13</v>
      </c>
      <c r="W27" s="198">
        <v>13</v>
      </c>
      <c r="X27" s="192">
        <v>0</v>
      </c>
      <c r="Y27" s="196">
        <v>19</v>
      </c>
      <c r="Z27" s="193">
        <v>19</v>
      </c>
      <c r="AA27" s="195">
        <v>0</v>
      </c>
      <c r="AB27" s="196">
        <v>43</v>
      </c>
      <c r="AC27" s="196">
        <v>23</v>
      </c>
      <c r="AD27" s="196">
        <v>4</v>
      </c>
      <c r="AE27" s="196">
        <v>8</v>
      </c>
      <c r="AF27" s="196">
        <v>38</v>
      </c>
      <c r="AG27" s="193">
        <v>116</v>
      </c>
      <c r="AH27" s="198">
        <v>135</v>
      </c>
      <c r="AI27" s="192">
        <v>0</v>
      </c>
      <c r="AJ27" s="196">
        <v>16</v>
      </c>
      <c r="AK27" s="193">
        <v>16</v>
      </c>
      <c r="AL27" s="195">
        <v>0</v>
      </c>
      <c r="AM27" s="196">
        <v>8</v>
      </c>
      <c r="AN27" s="196">
        <v>0</v>
      </c>
      <c r="AO27" s="196">
        <v>0</v>
      </c>
      <c r="AP27" s="196">
        <v>0</v>
      </c>
      <c r="AQ27" s="196">
        <v>6</v>
      </c>
      <c r="AR27" s="193">
        <v>14</v>
      </c>
      <c r="AS27" s="198">
        <v>30</v>
      </c>
      <c r="AT27" s="192">
        <v>0</v>
      </c>
      <c r="AU27" s="196">
        <v>0</v>
      </c>
      <c r="AV27" s="193">
        <v>0</v>
      </c>
      <c r="AW27" s="195">
        <v>0</v>
      </c>
      <c r="AX27" s="196">
        <v>81</v>
      </c>
      <c r="AY27" s="196">
        <v>36</v>
      </c>
      <c r="AZ27" s="196">
        <v>0</v>
      </c>
      <c r="BA27" s="196">
        <v>65</v>
      </c>
      <c r="BB27" s="196">
        <v>0</v>
      </c>
      <c r="BC27" s="197">
        <v>182</v>
      </c>
      <c r="BD27" s="198">
        <v>182</v>
      </c>
      <c r="BE27" s="192">
        <v>0</v>
      </c>
      <c r="BF27" s="196">
        <v>0</v>
      </c>
      <c r="BG27" s="193">
        <v>0</v>
      </c>
      <c r="BH27" s="195">
        <v>0</v>
      </c>
      <c r="BI27" s="196">
        <v>29</v>
      </c>
      <c r="BJ27" s="196">
        <v>12</v>
      </c>
      <c r="BK27" s="196">
        <v>8</v>
      </c>
      <c r="BL27" s="196">
        <v>11</v>
      </c>
      <c r="BM27" s="196">
        <v>0</v>
      </c>
      <c r="BN27" s="193">
        <v>60</v>
      </c>
      <c r="BO27" s="198">
        <v>60</v>
      </c>
      <c r="BP27" s="192">
        <v>0</v>
      </c>
      <c r="BQ27" s="196">
        <v>0</v>
      </c>
      <c r="BR27" s="193">
        <v>0</v>
      </c>
      <c r="BS27" s="195">
        <v>0</v>
      </c>
      <c r="BT27" s="196">
        <v>8</v>
      </c>
      <c r="BU27" s="196">
        <v>0</v>
      </c>
      <c r="BV27" s="196">
        <v>6</v>
      </c>
      <c r="BW27" s="196">
        <v>4</v>
      </c>
      <c r="BX27" s="196">
        <v>0</v>
      </c>
      <c r="BY27" s="193">
        <v>18</v>
      </c>
      <c r="BZ27" s="198">
        <v>18</v>
      </c>
      <c r="CA27" s="192">
        <v>0</v>
      </c>
      <c r="CB27" s="196">
        <v>0</v>
      </c>
      <c r="CC27" s="193">
        <v>0</v>
      </c>
      <c r="CD27" s="195">
        <v>0</v>
      </c>
      <c r="CE27" s="196">
        <v>0</v>
      </c>
      <c r="CF27" s="196">
        <v>0</v>
      </c>
      <c r="CG27" s="196">
        <v>0</v>
      </c>
      <c r="CH27" s="196">
        <v>6</v>
      </c>
      <c r="CI27" s="196">
        <v>0</v>
      </c>
      <c r="CJ27" s="193">
        <v>6</v>
      </c>
      <c r="CK27" s="198">
        <v>6</v>
      </c>
      <c r="CL27" s="192">
        <v>0</v>
      </c>
      <c r="CM27" s="196">
        <v>0</v>
      </c>
      <c r="CN27" s="193">
        <v>0</v>
      </c>
      <c r="CO27" s="195">
        <v>0</v>
      </c>
      <c r="CP27" s="196">
        <v>0</v>
      </c>
      <c r="CQ27" s="196">
        <v>0</v>
      </c>
      <c r="CR27" s="196">
        <v>0</v>
      </c>
      <c r="CS27" s="196">
        <v>0</v>
      </c>
      <c r="CT27" s="196">
        <v>0</v>
      </c>
      <c r="CU27" s="193">
        <v>0</v>
      </c>
      <c r="CV27" s="198">
        <v>0</v>
      </c>
      <c r="CW27" s="192">
        <v>0</v>
      </c>
      <c r="CX27" s="196">
        <v>0</v>
      </c>
      <c r="CY27" s="193">
        <v>0</v>
      </c>
      <c r="CZ27" s="195">
        <v>0</v>
      </c>
      <c r="DA27" s="196">
        <v>0</v>
      </c>
      <c r="DB27" s="196">
        <v>0</v>
      </c>
      <c r="DC27" s="196">
        <v>0</v>
      </c>
      <c r="DD27" s="196">
        <v>0</v>
      </c>
      <c r="DE27" s="196">
        <v>0</v>
      </c>
      <c r="DF27" s="193">
        <v>0</v>
      </c>
      <c r="DG27" s="198">
        <v>0</v>
      </c>
    </row>
    <row r="28" spans="1:111" ht="18.75" customHeight="1" x14ac:dyDescent="0.2">
      <c r="A28" s="177" t="s">
        <v>26</v>
      </c>
      <c r="B28" s="192">
        <v>0</v>
      </c>
      <c r="C28" s="196">
        <v>0</v>
      </c>
      <c r="D28" s="458">
        <v>0</v>
      </c>
      <c r="E28" s="195">
        <v>0</v>
      </c>
      <c r="F28" s="196">
        <v>34</v>
      </c>
      <c r="G28" s="196">
        <v>103</v>
      </c>
      <c r="H28" s="196">
        <v>129</v>
      </c>
      <c r="I28" s="196">
        <v>32</v>
      </c>
      <c r="J28" s="196">
        <v>49</v>
      </c>
      <c r="K28" s="197">
        <v>347</v>
      </c>
      <c r="L28" s="198">
        <v>347</v>
      </c>
      <c r="M28" s="192">
        <v>0</v>
      </c>
      <c r="N28" s="196">
        <v>0</v>
      </c>
      <c r="O28" s="193">
        <v>0</v>
      </c>
      <c r="P28" s="195">
        <v>0</v>
      </c>
      <c r="Q28" s="196">
        <v>0</v>
      </c>
      <c r="R28" s="196">
        <v>0</v>
      </c>
      <c r="S28" s="196">
        <v>0</v>
      </c>
      <c r="T28" s="196">
        <v>7</v>
      </c>
      <c r="U28" s="196">
        <v>9</v>
      </c>
      <c r="V28" s="193">
        <v>16</v>
      </c>
      <c r="W28" s="198">
        <v>16</v>
      </c>
      <c r="X28" s="192">
        <v>0</v>
      </c>
      <c r="Y28" s="196">
        <v>20</v>
      </c>
      <c r="Z28" s="193">
        <v>20</v>
      </c>
      <c r="AA28" s="195">
        <v>0</v>
      </c>
      <c r="AB28" s="196">
        <v>26</v>
      </c>
      <c r="AC28" s="196">
        <v>19</v>
      </c>
      <c r="AD28" s="196">
        <v>68</v>
      </c>
      <c r="AE28" s="196">
        <v>19</v>
      </c>
      <c r="AF28" s="196">
        <v>32</v>
      </c>
      <c r="AG28" s="193">
        <v>164</v>
      </c>
      <c r="AH28" s="198">
        <v>184</v>
      </c>
      <c r="AI28" s="192">
        <v>0</v>
      </c>
      <c r="AJ28" s="196">
        <v>0</v>
      </c>
      <c r="AK28" s="193">
        <v>0</v>
      </c>
      <c r="AL28" s="195">
        <v>0</v>
      </c>
      <c r="AM28" s="196">
        <v>0</v>
      </c>
      <c r="AN28" s="196">
        <v>15</v>
      </c>
      <c r="AO28" s="196">
        <v>35</v>
      </c>
      <c r="AP28" s="196">
        <v>0</v>
      </c>
      <c r="AQ28" s="196">
        <v>0</v>
      </c>
      <c r="AR28" s="193">
        <v>50</v>
      </c>
      <c r="AS28" s="198">
        <v>50</v>
      </c>
      <c r="AT28" s="192">
        <v>0</v>
      </c>
      <c r="AU28" s="196">
        <v>0</v>
      </c>
      <c r="AV28" s="193">
        <v>0</v>
      </c>
      <c r="AW28" s="195">
        <v>0</v>
      </c>
      <c r="AX28" s="196">
        <v>83</v>
      </c>
      <c r="AY28" s="196">
        <v>72</v>
      </c>
      <c r="AZ28" s="196">
        <v>24</v>
      </c>
      <c r="BA28" s="196">
        <v>44</v>
      </c>
      <c r="BB28" s="196">
        <v>38</v>
      </c>
      <c r="BC28" s="197">
        <v>261</v>
      </c>
      <c r="BD28" s="198">
        <v>261</v>
      </c>
      <c r="BE28" s="192">
        <v>0</v>
      </c>
      <c r="BF28" s="196">
        <v>0</v>
      </c>
      <c r="BG28" s="193">
        <v>0</v>
      </c>
      <c r="BH28" s="195">
        <v>0</v>
      </c>
      <c r="BI28" s="196">
        <v>2</v>
      </c>
      <c r="BJ28" s="196">
        <v>26</v>
      </c>
      <c r="BK28" s="196">
        <v>44</v>
      </c>
      <c r="BL28" s="196">
        <v>0</v>
      </c>
      <c r="BM28" s="196">
        <v>0</v>
      </c>
      <c r="BN28" s="193">
        <v>72</v>
      </c>
      <c r="BO28" s="198">
        <v>72</v>
      </c>
      <c r="BP28" s="192">
        <v>0</v>
      </c>
      <c r="BQ28" s="196">
        <v>0</v>
      </c>
      <c r="BR28" s="193">
        <v>0</v>
      </c>
      <c r="BS28" s="195">
        <v>0</v>
      </c>
      <c r="BT28" s="196">
        <v>5</v>
      </c>
      <c r="BU28" s="196">
        <v>25</v>
      </c>
      <c r="BV28" s="196">
        <v>8</v>
      </c>
      <c r="BW28" s="196">
        <v>37</v>
      </c>
      <c r="BX28" s="196">
        <v>2</v>
      </c>
      <c r="BY28" s="193">
        <v>77</v>
      </c>
      <c r="BZ28" s="198">
        <v>77</v>
      </c>
      <c r="CA28" s="192">
        <v>0</v>
      </c>
      <c r="CB28" s="196">
        <v>0</v>
      </c>
      <c r="CC28" s="193">
        <v>0</v>
      </c>
      <c r="CD28" s="195">
        <v>0</v>
      </c>
      <c r="CE28" s="196">
        <v>0</v>
      </c>
      <c r="CF28" s="196">
        <v>0</v>
      </c>
      <c r="CG28" s="196">
        <v>6</v>
      </c>
      <c r="CH28" s="196">
        <v>0</v>
      </c>
      <c r="CI28" s="196">
        <v>0</v>
      </c>
      <c r="CJ28" s="193">
        <v>6</v>
      </c>
      <c r="CK28" s="198">
        <v>6</v>
      </c>
      <c r="CL28" s="192">
        <v>0</v>
      </c>
      <c r="CM28" s="196">
        <v>0</v>
      </c>
      <c r="CN28" s="193">
        <v>0</v>
      </c>
      <c r="CO28" s="195">
        <v>0</v>
      </c>
      <c r="CP28" s="196">
        <v>0</v>
      </c>
      <c r="CQ28" s="196">
        <v>0</v>
      </c>
      <c r="CR28" s="196">
        <v>0</v>
      </c>
      <c r="CS28" s="196">
        <v>0</v>
      </c>
      <c r="CT28" s="196">
        <v>0</v>
      </c>
      <c r="CU28" s="193">
        <v>0</v>
      </c>
      <c r="CV28" s="198">
        <v>0</v>
      </c>
      <c r="CW28" s="192">
        <v>0</v>
      </c>
      <c r="CX28" s="196">
        <v>0</v>
      </c>
      <c r="CY28" s="193">
        <v>0</v>
      </c>
      <c r="CZ28" s="195">
        <v>0</v>
      </c>
      <c r="DA28" s="196">
        <v>0</v>
      </c>
      <c r="DB28" s="196">
        <v>0</v>
      </c>
      <c r="DC28" s="196">
        <v>0</v>
      </c>
      <c r="DD28" s="196">
        <v>0</v>
      </c>
      <c r="DE28" s="196">
        <v>0</v>
      </c>
      <c r="DF28" s="193">
        <v>0</v>
      </c>
      <c r="DG28" s="198">
        <v>0</v>
      </c>
    </row>
    <row r="29" spans="1:111" ht="18.75" customHeight="1" x14ac:dyDescent="0.2">
      <c r="A29" s="177" t="s">
        <v>27</v>
      </c>
      <c r="B29" s="192">
        <v>0</v>
      </c>
      <c r="C29" s="196">
        <v>0</v>
      </c>
      <c r="D29" s="458">
        <v>0</v>
      </c>
      <c r="E29" s="195">
        <v>0</v>
      </c>
      <c r="F29" s="196">
        <v>98</v>
      </c>
      <c r="G29" s="196">
        <v>8</v>
      </c>
      <c r="H29" s="196">
        <v>220</v>
      </c>
      <c r="I29" s="196">
        <v>346</v>
      </c>
      <c r="J29" s="196">
        <v>145</v>
      </c>
      <c r="K29" s="197">
        <v>817</v>
      </c>
      <c r="L29" s="198">
        <v>817</v>
      </c>
      <c r="M29" s="192">
        <v>0</v>
      </c>
      <c r="N29" s="196">
        <v>0</v>
      </c>
      <c r="O29" s="193">
        <v>0</v>
      </c>
      <c r="P29" s="195">
        <v>0</v>
      </c>
      <c r="Q29" s="196">
        <v>0</v>
      </c>
      <c r="R29" s="196">
        <v>2</v>
      </c>
      <c r="S29" s="196">
        <v>0</v>
      </c>
      <c r="T29" s="196">
        <v>9</v>
      </c>
      <c r="U29" s="196">
        <v>4</v>
      </c>
      <c r="V29" s="193">
        <v>15</v>
      </c>
      <c r="W29" s="198">
        <v>15</v>
      </c>
      <c r="X29" s="192">
        <v>3</v>
      </c>
      <c r="Y29" s="196">
        <v>24</v>
      </c>
      <c r="Z29" s="193">
        <v>27</v>
      </c>
      <c r="AA29" s="195">
        <v>0</v>
      </c>
      <c r="AB29" s="196">
        <v>22</v>
      </c>
      <c r="AC29" s="196">
        <v>25</v>
      </c>
      <c r="AD29" s="196">
        <v>6</v>
      </c>
      <c r="AE29" s="196">
        <v>63</v>
      </c>
      <c r="AF29" s="196">
        <v>20</v>
      </c>
      <c r="AG29" s="193">
        <v>136</v>
      </c>
      <c r="AH29" s="198">
        <v>163</v>
      </c>
      <c r="AI29" s="192">
        <v>0</v>
      </c>
      <c r="AJ29" s="196">
        <v>12</v>
      </c>
      <c r="AK29" s="193">
        <v>12</v>
      </c>
      <c r="AL29" s="195">
        <v>0</v>
      </c>
      <c r="AM29" s="196">
        <v>0</v>
      </c>
      <c r="AN29" s="196">
        <v>6</v>
      </c>
      <c r="AO29" s="196">
        <v>0</v>
      </c>
      <c r="AP29" s="196">
        <v>0</v>
      </c>
      <c r="AQ29" s="196">
        <v>0</v>
      </c>
      <c r="AR29" s="193">
        <v>6</v>
      </c>
      <c r="AS29" s="198">
        <v>18</v>
      </c>
      <c r="AT29" s="192">
        <v>0</v>
      </c>
      <c r="AU29" s="196">
        <v>0</v>
      </c>
      <c r="AV29" s="193">
        <v>0</v>
      </c>
      <c r="AW29" s="195">
        <v>0</v>
      </c>
      <c r="AX29" s="196">
        <v>66</v>
      </c>
      <c r="AY29" s="196">
        <v>94</v>
      </c>
      <c r="AZ29" s="196">
        <v>63</v>
      </c>
      <c r="BA29" s="196">
        <v>75</v>
      </c>
      <c r="BB29" s="196">
        <v>22</v>
      </c>
      <c r="BC29" s="197">
        <v>320</v>
      </c>
      <c r="BD29" s="198">
        <v>320</v>
      </c>
      <c r="BE29" s="192">
        <v>0</v>
      </c>
      <c r="BF29" s="196">
        <v>0</v>
      </c>
      <c r="BG29" s="193">
        <v>0</v>
      </c>
      <c r="BH29" s="195">
        <v>0</v>
      </c>
      <c r="BI29" s="196">
        <v>4</v>
      </c>
      <c r="BJ29" s="196">
        <v>29</v>
      </c>
      <c r="BK29" s="196">
        <v>12</v>
      </c>
      <c r="BL29" s="196">
        <v>7</v>
      </c>
      <c r="BM29" s="196">
        <v>7</v>
      </c>
      <c r="BN29" s="193">
        <v>59</v>
      </c>
      <c r="BO29" s="198">
        <v>59</v>
      </c>
      <c r="BP29" s="192">
        <v>0</v>
      </c>
      <c r="BQ29" s="196">
        <v>0</v>
      </c>
      <c r="BR29" s="193">
        <v>0</v>
      </c>
      <c r="BS29" s="195">
        <v>0</v>
      </c>
      <c r="BT29" s="196">
        <v>0</v>
      </c>
      <c r="BU29" s="196">
        <v>2</v>
      </c>
      <c r="BV29" s="196">
        <v>8</v>
      </c>
      <c r="BW29" s="196">
        <v>0</v>
      </c>
      <c r="BX29" s="196">
        <v>9</v>
      </c>
      <c r="BY29" s="193">
        <v>19</v>
      </c>
      <c r="BZ29" s="198">
        <v>19</v>
      </c>
      <c r="CA29" s="192">
        <v>0</v>
      </c>
      <c r="CB29" s="196">
        <v>0</v>
      </c>
      <c r="CC29" s="193">
        <v>0</v>
      </c>
      <c r="CD29" s="195">
        <v>0</v>
      </c>
      <c r="CE29" s="196">
        <v>0</v>
      </c>
      <c r="CF29" s="196">
        <v>0</v>
      </c>
      <c r="CG29" s="196">
        <v>10</v>
      </c>
      <c r="CH29" s="196">
        <v>0</v>
      </c>
      <c r="CI29" s="196">
        <v>0</v>
      </c>
      <c r="CJ29" s="193">
        <v>10</v>
      </c>
      <c r="CK29" s="198">
        <v>10</v>
      </c>
      <c r="CL29" s="192">
        <v>0</v>
      </c>
      <c r="CM29" s="196">
        <v>0</v>
      </c>
      <c r="CN29" s="193">
        <v>0</v>
      </c>
      <c r="CO29" s="195">
        <v>0</v>
      </c>
      <c r="CP29" s="196">
        <v>0</v>
      </c>
      <c r="CQ29" s="196">
        <v>0</v>
      </c>
      <c r="CR29" s="196">
        <v>0</v>
      </c>
      <c r="CS29" s="196">
        <v>0</v>
      </c>
      <c r="CT29" s="196">
        <v>0</v>
      </c>
      <c r="CU29" s="193">
        <v>0</v>
      </c>
      <c r="CV29" s="198">
        <v>0</v>
      </c>
      <c r="CW29" s="192">
        <v>0</v>
      </c>
      <c r="CX29" s="196">
        <v>0</v>
      </c>
      <c r="CY29" s="193">
        <v>0</v>
      </c>
      <c r="CZ29" s="195">
        <v>0</v>
      </c>
      <c r="DA29" s="196">
        <v>0</v>
      </c>
      <c r="DB29" s="196">
        <v>0</v>
      </c>
      <c r="DC29" s="196">
        <v>0</v>
      </c>
      <c r="DD29" s="196">
        <v>0</v>
      </c>
      <c r="DE29" s="196">
        <v>0</v>
      </c>
      <c r="DF29" s="193">
        <v>0</v>
      </c>
      <c r="DG29" s="198">
        <v>0</v>
      </c>
    </row>
    <row r="30" spans="1:111" ht="18.75" customHeight="1" x14ac:dyDescent="0.2">
      <c r="A30" s="177" t="s">
        <v>28</v>
      </c>
      <c r="B30" s="192">
        <v>0</v>
      </c>
      <c r="C30" s="196">
        <v>0</v>
      </c>
      <c r="D30" s="458">
        <v>0</v>
      </c>
      <c r="E30" s="195">
        <v>0</v>
      </c>
      <c r="F30" s="196">
        <v>0</v>
      </c>
      <c r="G30" s="196">
        <v>4</v>
      </c>
      <c r="H30" s="196">
        <v>9</v>
      </c>
      <c r="I30" s="196">
        <v>0</v>
      </c>
      <c r="J30" s="196">
        <v>0</v>
      </c>
      <c r="K30" s="197">
        <v>13</v>
      </c>
      <c r="L30" s="198">
        <v>13</v>
      </c>
      <c r="M30" s="192">
        <v>0</v>
      </c>
      <c r="N30" s="196">
        <v>0</v>
      </c>
      <c r="O30" s="193">
        <v>0</v>
      </c>
      <c r="P30" s="195">
        <v>0</v>
      </c>
      <c r="Q30" s="196">
        <v>0</v>
      </c>
      <c r="R30" s="196">
        <v>0</v>
      </c>
      <c r="S30" s="196">
        <v>0</v>
      </c>
      <c r="T30" s="196">
        <v>0</v>
      </c>
      <c r="U30" s="196">
        <v>0</v>
      </c>
      <c r="V30" s="193">
        <v>0</v>
      </c>
      <c r="W30" s="198">
        <v>0</v>
      </c>
      <c r="X30" s="192">
        <v>0</v>
      </c>
      <c r="Y30" s="196">
        <v>0</v>
      </c>
      <c r="Z30" s="193">
        <v>0</v>
      </c>
      <c r="AA30" s="195">
        <v>0</v>
      </c>
      <c r="AB30" s="196">
        <v>5</v>
      </c>
      <c r="AC30" s="196">
        <v>3</v>
      </c>
      <c r="AD30" s="196">
        <v>0</v>
      </c>
      <c r="AE30" s="196">
        <v>0</v>
      </c>
      <c r="AF30" s="196">
        <v>0</v>
      </c>
      <c r="AG30" s="193">
        <v>8</v>
      </c>
      <c r="AH30" s="198">
        <v>8</v>
      </c>
      <c r="AI30" s="192">
        <v>0</v>
      </c>
      <c r="AJ30" s="196">
        <v>0</v>
      </c>
      <c r="AK30" s="193">
        <v>0</v>
      </c>
      <c r="AL30" s="195">
        <v>0</v>
      </c>
      <c r="AM30" s="196">
        <v>0</v>
      </c>
      <c r="AN30" s="196">
        <v>0</v>
      </c>
      <c r="AO30" s="196">
        <v>0</v>
      </c>
      <c r="AP30" s="196">
        <v>0</v>
      </c>
      <c r="AQ30" s="196">
        <v>0</v>
      </c>
      <c r="AR30" s="193">
        <v>0</v>
      </c>
      <c r="AS30" s="198">
        <v>0</v>
      </c>
      <c r="AT30" s="192">
        <v>0</v>
      </c>
      <c r="AU30" s="196">
        <v>0</v>
      </c>
      <c r="AV30" s="193">
        <v>0</v>
      </c>
      <c r="AW30" s="195">
        <v>0</v>
      </c>
      <c r="AX30" s="196">
        <v>24</v>
      </c>
      <c r="AY30" s="196">
        <v>0</v>
      </c>
      <c r="AZ30" s="196">
        <v>0</v>
      </c>
      <c r="BA30" s="196">
        <v>0</v>
      </c>
      <c r="BB30" s="196">
        <v>0</v>
      </c>
      <c r="BC30" s="197">
        <v>24</v>
      </c>
      <c r="BD30" s="198">
        <v>24</v>
      </c>
      <c r="BE30" s="192">
        <v>0</v>
      </c>
      <c r="BF30" s="196">
        <v>0</v>
      </c>
      <c r="BG30" s="193">
        <v>0</v>
      </c>
      <c r="BH30" s="195">
        <v>0</v>
      </c>
      <c r="BI30" s="196">
        <v>0</v>
      </c>
      <c r="BJ30" s="196">
        <v>0</v>
      </c>
      <c r="BK30" s="196">
        <v>0</v>
      </c>
      <c r="BL30" s="196">
        <v>0</v>
      </c>
      <c r="BM30" s="196">
        <v>0</v>
      </c>
      <c r="BN30" s="193">
        <v>0</v>
      </c>
      <c r="BO30" s="198">
        <v>0</v>
      </c>
      <c r="BP30" s="192">
        <v>0</v>
      </c>
      <c r="BQ30" s="196">
        <v>0</v>
      </c>
      <c r="BR30" s="193">
        <v>0</v>
      </c>
      <c r="BS30" s="195">
        <v>0</v>
      </c>
      <c r="BT30" s="196">
        <v>0</v>
      </c>
      <c r="BU30" s="196">
        <v>0</v>
      </c>
      <c r="BV30" s="196">
        <v>1</v>
      </c>
      <c r="BW30" s="196">
        <v>0</v>
      </c>
      <c r="BX30" s="196">
        <v>0</v>
      </c>
      <c r="BY30" s="193">
        <v>1</v>
      </c>
      <c r="BZ30" s="198">
        <v>1</v>
      </c>
      <c r="CA30" s="192">
        <v>0</v>
      </c>
      <c r="CB30" s="196">
        <v>0</v>
      </c>
      <c r="CC30" s="193">
        <v>0</v>
      </c>
      <c r="CD30" s="195">
        <v>0</v>
      </c>
      <c r="CE30" s="196">
        <v>0</v>
      </c>
      <c r="CF30" s="196">
        <v>0</v>
      </c>
      <c r="CG30" s="196">
        <v>0</v>
      </c>
      <c r="CH30" s="196">
        <v>0</v>
      </c>
      <c r="CI30" s="196">
        <v>0</v>
      </c>
      <c r="CJ30" s="193">
        <v>0</v>
      </c>
      <c r="CK30" s="198">
        <v>0</v>
      </c>
      <c r="CL30" s="192">
        <v>0</v>
      </c>
      <c r="CM30" s="196">
        <v>0</v>
      </c>
      <c r="CN30" s="193">
        <v>0</v>
      </c>
      <c r="CO30" s="195">
        <v>0</v>
      </c>
      <c r="CP30" s="196">
        <v>0</v>
      </c>
      <c r="CQ30" s="196">
        <v>0</v>
      </c>
      <c r="CR30" s="196">
        <v>0</v>
      </c>
      <c r="CS30" s="196">
        <v>0</v>
      </c>
      <c r="CT30" s="196">
        <v>0</v>
      </c>
      <c r="CU30" s="193">
        <v>0</v>
      </c>
      <c r="CV30" s="198">
        <v>0</v>
      </c>
      <c r="CW30" s="192">
        <v>0</v>
      </c>
      <c r="CX30" s="196">
        <v>0</v>
      </c>
      <c r="CY30" s="193">
        <v>0</v>
      </c>
      <c r="CZ30" s="195">
        <v>0</v>
      </c>
      <c r="DA30" s="196">
        <v>0</v>
      </c>
      <c r="DB30" s="196">
        <v>0</v>
      </c>
      <c r="DC30" s="196">
        <v>0</v>
      </c>
      <c r="DD30" s="196">
        <v>0</v>
      </c>
      <c r="DE30" s="196">
        <v>0</v>
      </c>
      <c r="DF30" s="193">
        <v>0</v>
      </c>
      <c r="DG30" s="198">
        <v>0</v>
      </c>
    </row>
    <row r="31" spans="1:111" ht="18.75" customHeight="1" x14ac:dyDescent="0.2">
      <c r="A31" s="177" t="s">
        <v>29</v>
      </c>
      <c r="B31" s="192">
        <v>0</v>
      </c>
      <c r="C31" s="196">
        <v>0</v>
      </c>
      <c r="D31" s="458">
        <v>0</v>
      </c>
      <c r="E31" s="195">
        <v>0</v>
      </c>
      <c r="F31" s="196">
        <v>5</v>
      </c>
      <c r="G31" s="196">
        <v>9</v>
      </c>
      <c r="H31" s="196">
        <v>0</v>
      </c>
      <c r="I31" s="196">
        <v>61</v>
      </c>
      <c r="J31" s="196">
        <v>0</v>
      </c>
      <c r="K31" s="197">
        <v>75</v>
      </c>
      <c r="L31" s="198">
        <v>75</v>
      </c>
      <c r="M31" s="192">
        <v>0</v>
      </c>
      <c r="N31" s="196">
        <v>0</v>
      </c>
      <c r="O31" s="193">
        <v>0</v>
      </c>
      <c r="P31" s="195">
        <v>0</v>
      </c>
      <c r="Q31" s="196">
        <v>0</v>
      </c>
      <c r="R31" s="196">
        <v>0</v>
      </c>
      <c r="S31" s="196">
        <v>0</v>
      </c>
      <c r="T31" s="196">
        <v>0</v>
      </c>
      <c r="U31" s="196">
        <v>5</v>
      </c>
      <c r="V31" s="193">
        <v>5</v>
      </c>
      <c r="W31" s="198">
        <v>5</v>
      </c>
      <c r="X31" s="192">
        <v>0</v>
      </c>
      <c r="Y31" s="196">
        <v>2</v>
      </c>
      <c r="Z31" s="193">
        <v>2</v>
      </c>
      <c r="AA31" s="195">
        <v>0</v>
      </c>
      <c r="AB31" s="196">
        <v>0</v>
      </c>
      <c r="AC31" s="196">
        <v>0</v>
      </c>
      <c r="AD31" s="196">
        <v>0</v>
      </c>
      <c r="AE31" s="196">
        <v>0</v>
      </c>
      <c r="AF31" s="196">
        <v>8</v>
      </c>
      <c r="AG31" s="193">
        <v>8</v>
      </c>
      <c r="AH31" s="198">
        <v>10</v>
      </c>
      <c r="AI31" s="192">
        <v>0</v>
      </c>
      <c r="AJ31" s="196">
        <v>0</v>
      </c>
      <c r="AK31" s="193">
        <v>0</v>
      </c>
      <c r="AL31" s="195">
        <v>0</v>
      </c>
      <c r="AM31" s="196">
        <v>27</v>
      </c>
      <c r="AN31" s="196">
        <v>0</v>
      </c>
      <c r="AO31" s="196">
        <v>0</v>
      </c>
      <c r="AP31" s="196">
        <v>0</v>
      </c>
      <c r="AQ31" s="196">
        <v>0</v>
      </c>
      <c r="AR31" s="193">
        <v>27</v>
      </c>
      <c r="AS31" s="198">
        <v>27</v>
      </c>
      <c r="AT31" s="192">
        <v>0</v>
      </c>
      <c r="AU31" s="196">
        <v>0</v>
      </c>
      <c r="AV31" s="193">
        <v>0</v>
      </c>
      <c r="AW31" s="195">
        <v>0</v>
      </c>
      <c r="AX31" s="196">
        <v>22</v>
      </c>
      <c r="AY31" s="196">
        <v>4</v>
      </c>
      <c r="AZ31" s="196">
        <v>16</v>
      </c>
      <c r="BA31" s="196">
        <v>0</v>
      </c>
      <c r="BB31" s="196">
        <v>11</v>
      </c>
      <c r="BC31" s="197">
        <v>53</v>
      </c>
      <c r="BD31" s="198">
        <v>53</v>
      </c>
      <c r="BE31" s="192">
        <v>0</v>
      </c>
      <c r="BF31" s="196">
        <v>0</v>
      </c>
      <c r="BG31" s="193">
        <v>0</v>
      </c>
      <c r="BH31" s="195">
        <v>0</v>
      </c>
      <c r="BI31" s="196">
        <v>0</v>
      </c>
      <c r="BJ31" s="196">
        <v>9</v>
      </c>
      <c r="BK31" s="196">
        <v>21</v>
      </c>
      <c r="BL31" s="196">
        <v>8</v>
      </c>
      <c r="BM31" s="196">
        <v>0</v>
      </c>
      <c r="BN31" s="193">
        <v>38</v>
      </c>
      <c r="BO31" s="198">
        <v>38</v>
      </c>
      <c r="BP31" s="192">
        <v>0</v>
      </c>
      <c r="BQ31" s="196">
        <v>0</v>
      </c>
      <c r="BR31" s="193">
        <v>0</v>
      </c>
      <c r="BS31" s="195">
        <v>0</v>
      </c>
      <c r="BT31" s="196">
        <v>0</v>
      </c>
      <c r="BU31" s="196">
        <v>0</v>
      </c>
      <c r="BV31" s="196">
        <v>0</v>
      </c>
      <c r="BW31" s="196">
        <v>12</v>
      </c>
      <c r="BX31" s="196">
        <v>12</v>
      </c>
      <c r="BY31" s="193">
        <v>24</v>
      </c>
      <c r="BZ31" s="198">
        <v>24</v>
      </c>
      <c r="CA31" s="192">
        <v>0</v>
      </c>
      <c r="CB31" s="196">
        <v>0</v>
      </c>
      <c r="CC31" s="193">
        <v>0</v>
      </c>
      <c r="CD31" s="195">
        <v>0</v>
      </c>
      <c r="CE31" s="196">
        <v>0</v>
      </c>
      <c r="CF31" s="196">
        <v>0</v>
      </c>
      <c r="CG31" s="196">
        <v>0</v>
      </c>
      <c r="CH31" s="196">
        <v>22</v>
      </c>
      <c r="CI31" s="196">
        <v>0</v>
      </c>
      <c r="CJ31" s="193">
        <v>22</v>
      </c>
      <c r="CK31" s="198">
        <v>22</v>
      </c>
      <c r="CL31" s="192">
        <v>0</v>
      </c>
      <c r="CM31" s="196">
        <v>0</v>
      </c>
      <c r="CN31" s="193">
        <v>0</v>
      </c>
      <c r="CO31" s="195">
        <v>0</v>
      </c>
      <c r="CP31" s="196">
        <v>0</v>
      </c>
      <c r="CQ31" s="196">
        <v>0</v>
      </c>
      <c r="CR31" s="196">
        <v>0</v>
      </c>
      <c r="CS31" s="196">
        <v>0</v>
      </c>
      <c r="CT31" s="196">
        <v>0</v>
      </c>
      <c r="CU31" s="193">
        <v>0</v>
      </c>
      <c r="CV31" s="198">
        <v>0</v>
      </c>
      <c r="CW31" s="192">
        <v>0</v>
      </c>
      <c r="CX31" s="196">
        <v>0</v>
      </c>
      <c r="CY31" s="193">
        <v>0</v>
      </c>
      <c r="CZ31" s="195">
        <v>0</v>
      </c>
      <c r="DA31" s="196">
        <v>0</v>
      </c>
      <c r="DB31" s="196">
        <v>0</v>
      </c>
      <c r="DC31" s="196">
        <v>0</v>
      </c>
      <c r="DD31" s="196">
        <v>0</v>
      </c>
      <c r="DE31" s="196">
        <v>0</v>
      </c>
      <c r="DF31" s="193">
        <v>0</v>
      </c>
      <c r="DG31" s="198">
        <v>0</v>
      </c>
    </row>
    <row r="32" spans="1:111" ht="18.75" customHeight="1" x14ac:dyDescent="0.2">
      <c r="A32" s="177" t="s">
        <v>30</v>
      </c>
      <c r="B32" s="192">
        <v>0</v>
      </c>
      <c r="C32" s="196">
        <v>0</v>
      </c>
      <c r="D32" s="458">
        <v>0</v>
      </c>
      <c r="E32" s="195">
        <v>0</v>
      </c>
      <c r="F32" s="196">
        <v>0</v>
      </c>
      <c r="G32" s="196">
        <v>19</v>
      </c>
      <c r="H32" s="196">
        <v>4</v>
      </c>
      <c r="I32" s="196">
        <v>40</v>
      </c>
      <c r="J32" s="196">
        <v>0</v>
      </c>
      <c r="K32" s="197">
        <v>63</v>
      </c>
      <c r="L32" s="198">
        <v>63</v>
      </c>
      <c r="M32" s="192">
        <v>0</v>
      </c>
      <c r="N32" s="196">
        <v>0</v>
      </c>
      <c r="O32" s="193">
        <v>0</v>
      </c>
      <c r="P32" s="195">
        <v>0</v>
      </c>
      <c r="Q32" s="196">
        <v>0</v>
      </c>
      <c r="R32" s="196">
        <v>0</v>
      </c>
      <c r="S32" s="196">
        <v>0</v>
      </c>
      <c r="T32" s="196">
        <v>9</v>
      </c>
      <c r="U32" s="196">
        <v>0</v>
      </c>
      <c r="V32" s="193">
        <v>9</v>
      </c>
      <c r="W32" s="198">
        <v>9</v>
      </c>
      <c r="X32" s="192">
        <v>0</v>
      </c>
      <c r="Y32" s="196">
        <v>0</v>
      </c>
      <c r="Z32" s="193">
        <v>0</v>
      </c>
      <c r="AA32" s="195">
        <v>0</v>
      </c>
      <c r="AB32" s="196">
        <v>2</v>
      </c>
      <c r="AC32" s="196">
        <v>0</v>
      </c>
      <c r="AD32" s="196">
        <v>0</v>
      </c>
      <c r="AE32" s="196">
        <v>7</v>
      </c>
      <c r="AF32" s="196">
        <v>0</v>
      </c>
      <c r="AG32" s="193">
        <v>9</v>
      </c>
      <c r="AH32" s="198">
        <v>9</v>
      </c>
      <c r="AI32" s="192">
        <v>0</v>
      </c>
      <c r="AJ32" s="196">
        <v>0</v>
      </c>
      <c r="AK32" s="193">
        <v>0</v>
      </c>
      <c r="AL32" s="195">
        <v>0</v>
      </c>
      <c r="AM32" s="196">
        <v>0</v>
      </c>
      <c r="AN32" s="196">
        <v>0</v>
      </c>
      <c r="AO32" s="196">
        <v>0</v>
      </c>
      <c r="AP32" s="196">
        <v>0</v>
      </c>
      <c r="AQ32" s="196">
        <v>0</v>
      </c>
      <c r="AR32" s="193">
        <v>0</v>
      </c>
      <c r="AS32" s="198">
        <v>0</v>
      </c>
      <c r="AT32" s="192">
        <v>0</v>
      </c>
      <c r="AU32" s="196">
        <v>0</v>
      </c>
      <c r="AV32" s="193">
        <v>0</v>
      </c>
      <c r="AW32" s="195">
        <v>0</v>
      </c>
      <c r="AX32" s="196">
        <v>0</v>
      </c>
      <c r="AY32" s="196">
        <v>0</v>
      </c>
      <c r="AZ32" s="196">
        <v>0</v>
      </c>
      <c r="BA32" s="196">
        <v>13</v>
      </c>
      <c r="BB32" s="196">
        <v>0</v>
      </c>
      <c r="BC32" s="197">
        <v>13</v>
      </c>
      <c r="BD32" s="198">
        <v>13</v>
      </c>
      <c r="BE32" s="192">
        <v>0</v>
      </c>
      <c r="BF32" s="196">
        <v>0</v>
      </c>
      <c r="BG32" s="193">
        <v>0</v>
      </c>
      <c r="BH32" s="195">
        <v>0</v>
      </c>
      <c r="BI32" s="196">
        <v>7</v>
      </c>
      <c r="BJ32" s="196">
        <v>0</v>
      </c>
      <c r="BK32" s="196">
        <v>0</v>
      </c>
      <c r="BL32" s="196">
        <v>0</v>
      </c>
      <c r="BM32" s="196">
        <v>0</v>
      </c>
      <c r="BN32" s="193">
        <v>7</v>
      </c>
      <c r="BO32" s="198">
        <v>7</v>
      </c>
      <c r="BP32" s="192">
        <v>0</v>
      </c>
      <c r="BQ32" s="196">
        <v>0</v>
      </c>
      <c r="BR32" s="193">
        <v>0</v>
      </c>
      <c r="BS32" s="195">
        <v>0</v>
      </c>
      <c r="BT32" s="196">
        <v>5</v>
      </c>
      <c r="BU32" s="196">
        <v>0</v>
      </c>
      <c r="BV32" s="196">
        <v>29</v>
      </c>
      <c r="BW32" s="196">
        <v>8</v>
      </c>
      <c r="BX32" s="196">
        <v>0</v>
      </c>
      <c r="BY32" s="193">
        <v>42</v>
      </c>
      <c r="BZ32" s="198">
        <v>42</v>
      </c>
      <c r="CA32" s="192">
        <v>0</v>
      </c>
      <c r="CB32" s="196">
        <v>0</v>
      </c>
      <c r="CC32" s="193">
        <v>0</v>
      </c>
      <c r="CD32" s="195">
        <v>0</v>
      </c>
      <c r="CE32" s="196">
        <v>0</v>
      </c>
      <c r="CF32" s="196">
        <v>0</v>
      </c>
      <c r="CG32" s="196">
        <v>32</v>
      </c>
      <c r="CH32" s="196">
        <v>0</v>
      </c>
      <c r="CI32" s="196">
        <v>0</v>
      </c>
      <c r="CJ32" s="193">
        <v>32</v>
      </c>
      <c r="CK32" s="198">
        <v>32</v>
      </c>
      <c r="CL32" s="192">
        <v>0</v>
      </c>
      <c r="CM32" s="196">
        <v>0</v>
      </c>
      <c r="CN32" s="193">
        <v>0</v>
      </c>
      <c r="CO32" s="195">
        <v>0</v>
      </c>
      <c r="CP32" s="196">
        <v>0</v>
      </c>
      <c r="CQ32" s="196">
        <v>0</v>
      </c>
      <c r="CR32" s="196">
        <v>0</v>
      </c>
      <c r="CS32" s="196">
        <v>0</v>
      </c>
      <c r="CT32" s="196">
        <v>0</v>
      </c>
      <c r="CU32" s="193">
        <v>0</v>
      </c>
      <c r="CV32" s="198">
        <v>0</v>
      </c>
      <c r="CW32" s="192">
        <v>0</v>
      </c>
      <c r="CX32" s="196">
        <v>0</v>
      </c>
      <c r="CY32" s="193">
        <v>0</v>
      </c>
      <c r="CZ32" s="195">
        <v>0</v>
      </c>
      <c r="DA32" s="196">
        <v>0</v>
      </c>
      <c r="DB32" s="196">
        <v>0</v>
      </c>
      <c r="DC32" s="196">
        <v>0</v>
      </c>
      <c r="DD32" s="196">
        <v>0</v>
      </c>
      <c r="DE32" s="196">
        <v>0</v>
      </c>
      <c r="DF32" s="193">
        <v>0</v>
      </c>
      <c r="DG32" s="198">
        <v>0</v>
      </c>
    </row>
    <row r="33" spans="1:111" ht="18.75" customHeight="1" x14ac:dyDescent="0.2">
      <c r="A33" s="177" t="s">
        <v>31</v>
      </c>
      <c r="B33" s="192">
        <v>0</v>
      </c>
      <c r="C33" s="196">
        <v>0</v>
      </c>
      <c r="D33" s="458">
        <v>0</v>
      </c>
      <c r="E33" s="195">
        <v>0</v>
      </c>
      <c r="F33" s="196">
        <v>10</v>
      </c>
      <c r="G33" s="196">
        <v>0</v>
      </c>
      <c r="H33" s="196">
        <v>0</v>
      </c>
      <c r="I33" s="196">
        <v>0</v>
      </c>
      <c r="J33" s="196">
        <v>0</v>
      </c>
      <c r="K33" s="197">
        <v>10</v>
      </c>
      <c r="L33" s="198">
        <v>10</v>
      </c>
      <c r="M33" s="192">
        <v>0</v>
      </c>
      <c r="N33" s="196">
        <v>0</v>
      </c>
      <c r="O33" s="193">
        <v>0</v>
      </c>
      <c r="P33" s="195">
        <v>0</v>
      </c>
      <c r="Q33" s="196">
        <v>0</v>
      </c>
      <c r="R33" s="196">
        <v>4</v>
      </c>
      <c r="S33" s="196">
        <v>9</v>
      </c>
      <c r="T33" s="196">
        <v>0</v>
      </c>
      <c r="U33" s="196">
        <v>0</v>
      </c>
      <c r="V33" s="193">
        <v>13</v>
      </c>
      <c r="W33" s="198">
        <v>13</v>
      </c>
      <c r="X33" s="192">
        <v>0</v>
      </c>
      <c r="Y33" s="196">
        <v>0</v>
      </c>
      <c r="Z33" s="193">
        <v>0</v>
      </c>
      <c r="AA33" s="195">
        <v>0</v>
      </c>
      <c r="AB33" s="196">
        <v>4</v>
      </c>
      <c r="AC33" s="196">
        <v>0</v>
      </c>
      <c r="AD33" s="196">
        <v>5</v>
      </c>
      <c r="AE33" s="196">
        <v>0</v>
      </c>
      <c r="AF33" s="196">
        <v>0</v>
      </c>
      <c r="AG33" s="193">
        <v>9</v>
      </c>
      <c r="AH33" s="198">
        <v>9</v>
      </c>
      <c r="AI33" s="192">
        <v>0</v>
      </c>
      <c r="AJ33" s="196">
        <v>0</v>
      </c>
      <c r="AK33" s="193">
        <v>0</v>
      </c>
      <c r="AL33" s="195">
        <v>0</v>
      </c>
      <c r="AM33" s="196">
        <v>0</v>
      </c>
      <c r="AN33" s="196">
        <v>0</v>
      </c>
      <c r="AO33" s="196">
        <v>0</v>
      </c>
      <c r="AP33" s="196">
        <v>0</v>
      </c>
      <c r="AQ33" s="196">
        <v>0</v>
      </c>
      <c r="AR33" s="193">
        <v>0</v>
      </c>
      <c r="AS33" s="198">
        <v>0</v>
      </c>
      <c r="AT33" s="192">
        <v>0</v>
      </c>
      <c r="AU33" s="196">
        <v>0</v>
      </c>
      <c r="AV33" s="193">
        <v>0</v>
      </c>
      <c r="AW33" s="195">
        <v>0</v>
      </c>
      <c r="AX33" s="196">
        <v>39</v>
      </c>
      <c r="AY33" s="196">
        <v>51</v>
      </c>
      <c r="AZ33" s="196">
        <v>5</v>
      </c>
      <c r="BA33" s="196">
        <v>0</v>
      </c>
      <c r="BB33" s="196">
        <v>0</v>
      </c>
      <c r="BC33" s="197">
        <v>95</v>
      </c>
      <c r="BD33" s="198">
        <v>95</v>
      </c>
      <c r="BE33" s="192">
        <v>0</v>
      </c>
      <c r="BF33" s="196">
        <v>0</v>
      </c>
      <c r="BG33" s="193">
        <v>0</v>
      </c>
      <c r="BH33" s="195">
        <v>0</v>
      </c>
      <c r="BI33" s="196">
        <v>0</v>
      </c>
      <c r="BJ33" s="196">
        <v>5</v>
      </c>
      <c r="BK33" s="196">
        <v>12</v>
      </c>
      <c r="BL33" s="196">
        <v>0</v>
      </c>
      <c r="BM33" s="196">
        <v>0</v>
      </c>
      <c r="BN33" s="193">
        <v>17</v>
      </c>
      <c r="BO33" s="198">
        <v>17</v>
      </c>
      <c r="BP33" s="192">
        <v>0</v>
      </c>
      <c r="BQ33" s="196">
        <v>0</v>
      </c>
      <c r="BR33" s="193">
        <v>0</v>
      </c>
      <c r="BS33" s="195">
        <v>0</v>
      </c>
      <c r="BT33" s="196">
        <v>6</v>
      </c>
      <c r="BU33" s="196">
        <v>11</v>
      </c>
      <c r="BV33" s="196">
        <v>4</v>
      </c>
      <c r="BW33" s="196">
        <v>0</v>
      </c>
      <c r="BX33" s="196">
        <v>0</v>
      </c>
      <c r="BY33" s="193">
        <v>21</v>
      </c>
      <c r="BZ33" s="198">
        <v>21</v>
      </c>
      <c r="CA33" s="192">
        <v>0</v>
      </c>
      <c r="CB33" s="196">
        <v>0</v>
      </c>
      <c r="CC33" s="193">
        <v>0</v>
      </c>
      <c r="CD33" s="195">
        <v>0</v>
      </c>
      <c r="CE33" s="196">
        <v>0</v>
      </c>
      <c r="CF33" s="196">
        <v>0</v>
      </c>
      <c r="CG33" s="196">
        <v>0</v>
      </c>
      <c r="CH33" s="196">
        <v>0</v>
      </c>
      <c r="CI33" s="196">
        <v>0</v>
      </c>
      <c r="CJ33" s="193">
        <v>0</v>
      </c>
      <c r="CK33" s="198">
        <v>0</v>
      </c>
      <c r="CL33" s="192">
        <v>0</v>
      </c>
      <c r="CM33" s="196">
        <v>0</v>
      </c>
      <c r="CN33" s="193">
        <v>0</v>
      </c>
      <c r="CO33" s="195">
        <v>0</v>
      </c>
      <c r="CP33" s="196">
        <v>0</v>
      </c>
      <c r="CQ33" s="196">
        <v>0</v>
      </c>
      <c r="CR33" s="196">
        <v>0</v>
      </c>
      <c r="CS33" s="196">
        <v>0</v>
      </c>
      <c r="CT33" s="196">
        <v>0</v>
      </c>
      <c r="CU33" s="193">
        <v>0</v>
      </c>
      <c r="CV33" s="198">
        <v>0</v>
      </c>
      <c r="CW33" s="192">
        <v>0</v>
      </c>
      <c r="CX33" s="196">
        <v>0</v>
      </c>
      <c r="CY33" s="193">
        <v>0</v>
      </c>
      <c r="CZ33" s="195">
        <v>0</v>
      </c>
      <c r="DA33" s="196">
        <v>0</v>
      </c>
      <c r="DB33" s="196">
        <v>0</v>
      </c>
      <c r="DC33" s="196">
        <v>0</v>
      </c>
      <c r="DD33" s="196">
        <v>0</v>
      </c>
      <c r="DE33" s="196">
        <v>0</v>
      </c>
      <c r="DF33" s="193">
        <v>0</v>
      </c>
      <c r="DG33" s="198">
        <v>0</v>
      </c>
    </row>
    <row r="34" spans="1:111" ht="18.75" customHeight="1" x14ac:dyDescent="0.2">
      <c r="A34" s="177" t="s">
        <v>32</v>
      </c>
      <c r="B34" s="192">
        <v>0</v>
      </c>
      <c r="C34" s="196">
        <v>0</v>
      </c>
      <c r="D34" s="458">
        <v>0</v>
      </c>
      <c r="E34" s="195">
        <v>0</v>
      </c>
      <c r="F34" s="196">
        <v>5</v>
      </c>
      <c r="G34" s="196">
        <v>39</v>
      </c>
      <c r="H34" s="196">
        <v>17</v>
      </c>
      <c r="I34" s="196">
        <v>164</v>
      </c>
      <c r="J34" s="196">
        <v>0</v>
      </c>
      <c r="K34" s="197">
        <v>225</v>
      </c>
      <c r="L34" s="198">
        <v>225</v>
      </c>
      <c r="M34" s="192">
        <v>0</v>
      </c>
      <c r="N34" s="196">
        <v>0</v>
      </c>
      <c r="O34" s="193">
        <v>0</v>
      </c>
      <c r="P34" s="195">
        <v>0</v>
      </c>
      <c r="Q34" s="196">
        <v>0</v>
      </c>
      <c r="R34" s="196">
        <v>0</v>
      </c>
      <c r="S34" s="196">
        <v>0</v>
      </c>
      <c r="T34" s="196">
        <v>0</v>
      </c>
      <c r="U34" s="196">
        <v>0</v>
      </c>
      <c r="V34" s="193">
        <v>0</v>
      </c>
      <c r="W34" s="198">
        <v>0</v>
      </c>
      <c r="X34" s="192">
        <v>0</v>
      </c>
      <c r="Y34" s="196">
        <v>2</v>
      </c>
      <c r="Z34" s="193">
        <v>2</v>
      </c>
      <c r="AA34" s="195">
        <v>0</v>
      </c>
      <c r="AB34" s="196">
        <v>30</v>
      </c>
      <c r="AC34" s="196">
        <v>22</v>
      </c>
      <c r="AD34" s="196">
        <v>13</v>
      </c>
      <c r="AE34" s="196">
        <v>0</v>
      </c>
      <c r="AF34" s="196">
        <v>8</v>
      </c>
      <c r="AG34" s="193">
        <v>73</v>
      </c>
      <c r="AH34" s="198">
        <v>75</v>
      </c>
      <c r="AI34" s="192">
        <v>0</v>
      </c>
      <c r="AJ34" s="196">
        <v>0</v>
      </c>
      <c r="AK34" s="193">
        <v>0</v>
      </c>
      <c r="AL34" s="195">
        <v>0</v>
      </c>
      <c r="AM34" s="196">
        <v>0</v>
      </c>
      <c r="AN34" s="196">
        <v>0</v>
      </c>
      <c r="AO34" s="196">
        <v>0</v>
      </c>
      <c r="AP34" s="196">
        <v>0</v>
      </c>
      <c r="AQ34" s="196">
        <v>0</v>
      </c>
      <c r="AR34" s="193">
        <v>0</v>
      </c>
      <c r="AS34" s="198">
        <v>0</v>
      </c>
      <c r="AT34" s="192">
        <v>0</v>
      </c>
      <c r="AU34" s="196">
        <v>0</v>
      </c>
      <c r="AV34" s="193">
        <v>0</v>
      </c>
      <c r="AW34" s="195">
        <v>0</v>
      </c>
      <c r="AX34" s="196">
        <v>32</v>
      </c>
      <c r="AY34" s="196">
        <v>7</v>
      </c>
      <c r="AZ34" s="196">
        <v>0</v>
      </c>
      <c r="BA34" s="196">
        <v>0</v>
      </c>
      <c r="BB34" s="196">
        <v>0</v>
      </c>
      <c r="BC34" s="197">
        <v>39</v>
      </c>
      <c r="BD34" s="198">
        <v>39</v>
      </c>
      <c r="BE34" s="192">
        <v>0</v>
      </c>
      <c r="BF34" s="196">
        <v>0</v>
      </c>
      <c r="BG34" s="193">
        <v>0</v>
      </c>
      <c r="BH34" s="195">
        <v>0</v>
      </c>
      <c r="BI34" s="196">
        <v>15</v>
      </c>
      <c r="BJ34" s="196">
        <v>0</v>
      </c>
      <c r="BK34" s="196">
        <v>0</v>
      </c>
      <c r="BL34" s="196">
        <v>0</v>
      </c>
      <c r="BM34" s="196">
        <v>8</v>
      </c>
      <c r="BN34" s="193">
        <v>23</v>
      </c>
      <c r="BO34" s="198">
        <v>23</v>
      </c>
      <c r="BP34" s="192">
        <v>0</v>
      </c>
      <c r="BQ34" s="196">
        <v>0</v>
      </c>
      <c r="BR34" s="193">
        <v>0</v>
      </c>
      <c r="BS34" s="195">
        <v>0</v>
      </c>
      <c r="BT34" s="196">
        <v>1</v>
      </c>
      <c r="BU34" s="196">
        <v>6</v>
      </c>
      <c r="BV34" s="196">
        <v>0</v>
      </c>
      <c r="BW34" s="196">
        <v>0</v>
      </c>
      <c r="BX34" s="196">
        <v>0</v>
      </c>
      <c r="BY34" s="193">
        <v>7</v>
      </c>
      <c r="BZ34" s="198">
        <v>7</v>
      </c>
      <c r="CA34" s="192">
        <v>0</v>
      </c>
      <c r="CB34" s="196">
        <v>0</v>
      </c>
      <c r="CC34" s="193">
        <v>0</v>
      </c>
      <c r="CD34" s="195">
        <v>0</v>
      </c>
      <c r="CE34" s="196">
        <v>0</v>
      </c>
      <c r="CF34" s="196">
        <v>0</v>
      </c>
      <c r="CG34" s="196">
        <v>0</v>
      </c>
      <c r="CH34" s="196">
        <v>0</v>
      </c>
      <c r="CI34" s="196">
        <v>0</v>
      </c>
      <c r="CJ34" s="193">
        <v>0</v>
      </c>
      <c r="CK34" s="198">
        <v>0</v>
      </c>
      <c r="CL34" s="192">
        <v>0</v>
      </c>
      <c r="CM34" s="196">
        <v>0</v>
      </c>
      <c r="CN34" s="193">
        <v>0</v>
      </c>
      <c r="CO34" s="195">
        <v>0</v>
      </c>
      <c r="CP34" s="196">
        <v>0</v>
      </c>
      <c r="CQ34" s="196">
        <v>0</v>
      </c>
      <c r="CR34" s="196">
        <v>0</v>
      </c>
      <c r="CS34" s="196">
        <v>0</v>
      </c>
      <c r="CT34" s="196">
        <v>0</v>
      </c>
      <c r="CU34" s="193">
        <v>0</v>
      </c>
      <c r="CV34" s="198">
        <v>0</v>
      </c>
      <c r="CW34" s="192">
        <v>0</v>
      </c>
      <c r="CX34" s="196">
        <v>0</v>
      </c>
      <c r="CY34" s="193">
        <v>0</v>
      </c>
      <c r="CZ34" s="195">
        <v>0</v>
      </c>
      <c r="DA34" s="196">
        <v>0</v>
      </c>
      <c r="DB34" s="196">
        <v>0</v>
      </c>
      <c r="DC34" s="196">
        <v>0</v>
      </c>
      <c r="DD34" s="196">
        <v>0</v>
      </c>
      <c r="DE34" s="196">
        <v>0</v>
      </c>
      <c r="DF34" s="193">
        <v>0</v>
      </c>
      <c r="DG34" s="198">
        <v>0</v>
      </c>
    </row>
    <row r="35" spans="1:111" ht="18.75" customHeight="1" x14ac:dyDescent="0.2">
      <c r="A35" s="177" t="s">
        <v>33</v>
      </c>
      <c r="B35" s="192">
        <v>0</v>
      </c>
      <c r="C35" s="196">
        <v>0</v>
      </c>
      <c r="D35" s="458">
        <v>0</v>
      </c>
      <c r="E35" s="195">
        <v>0</v>
      </c>
      <c r="F35" s="196">
        <v>4</v>
      </c>
      <c r="G35" s="196">
        <v>0</v>
      </c>
      <c r="H35" s="196">
        <v>0</v>
      </c>
      <c r="I35" s="196">
        <v>0</v>
      </c>
      <c r="J35" s="196">
        <v>0</v>
      </c>
      <c r="K35" s="197">
        <v>4</v>
      </c>
      <c r="L35" s="198">
        <v>4</v>
      </c>
      <c r="M35" s="192">
        <v>0</v>
      </c>
      <c r="N35" s="196">
        <v>0</v>
      </c>
      <c r="O35" s="193">
        <v>0</v>
      </c>
      <c r="P35" s="195">
        <v>0</v>
      </c>
      <c r="Q35" s="196">
        <v>0</v>
      </c>
      <c r="R35" s="196">
        <v>0</v>
      </c>
      <c r="S35" s="196">
        <v>0</v>
      </c>
      <c r="T35" s="196">
        <v>0</v>
      </c>
      <c r="U35" s="196">
        <v>0</v>
      </c>
      <c r="V35" s="193">
        <v>0</v>
      </c>
      <c r="W35" s="198">
        <v>0</v>
      </c>
      <c r="X35" s="192">
        <v>0</v>
      </c>
      <c r="Y35" s="196">
        <v>0</v>
      </c>
      <c r="Z35" s="193">
        <v>0</v>
      </c>
      <c r="AA35" s="195">
        <v>0</v>
      </c>
      <c r="AB35" s="196">
        <v>0</v>
      </c>
      <c r="AC35" s="196">
        <v>0</v>
      </c>
      <c r="AD35" s="196">
        <v>14</v>
      </c>
      <c r="AE35" s="196">
        <v>0</v>
      </c>
      <c r="AF35" s="196">
        <v>0</v>
      </c>
      <c r="AG35" s="193">
        <v>14</v>
      </c>
      <c r="AH35" s="198">
        <v>14</v>
      </c>
      <c r="AI35" s="192">
        <v>12</v>
      </c>
      <c r="AJ35" s="196">
        <v>18</v>
      </c>
      <c r="AK35" s="193">
        <v>30</v>
      </c>
      <c r="AL35" s="195">
        <v>0</v>
      </c>
      <c r="AM35" s="196">
        <v>0</v>
      </c>
      <c r="AN35" s="196">
        <v>0</v>
      </c>
      <c r="AO35" s="196">
        <v>0</v>
      </c>
      <c r="AP35" s="196">
        <v>0</v>
      </c>
      <c r="AQ35" s="196">
        <v>0</v>
      </c>
      <c r="AR35" s="193">
        <v>0</v>
      </c>
      <c r="AS35" s="198">
        <v>30</v>
      </c>
      <c r="AT35" s="192">
        <v>0</v>
      </c>
      <c r="AU35" s="196">
        <v>0</v>
      </c>
      <c r="AV35" s="193">
        <v>0</v>
      </c>
      <c r="AW35" s="195">
        <v>0</v>
      </c>
      <c r="AX35" s="196">
        <v>0</v>
      </c>
      <c r="AY35" s="196">
        <v>0</v>
      </c>
      <c r="AZ35" s="196">
        <v>0</v>
      </c>
      <c r="BA35" s="196">
        <v>0</v>
      </c>
      <c r="BB35" s="196">
        <v>0</v>
      </c>
      <c r="BC35" s="197">
        <v>0</v>
      </c>
      <c r="BD35" s="198">
        <v>0</v>
      </c>
      <c r="BE35" s="192">
        <v>0</v>
      </c>
      <c r="BF35" s="196">
        <v>0</v>
      </c>
      <c r="BG35" s="193">
        <v>0</v>
      </c>
      <c r="BH35" s="195">
        <v>0</v>
      </c>
      <c r="BI35" s="196">
        <v>6</v>
      </c>
      <c r="BJ35" s="196">
        <v>16</v>
      </c>
      <c r="BK35" s="196">
        <v>0</v>
      </c>
      <c r="BL35" s="196">
        <v>0</v>
      </c>
      <c r="BM35" s="196">
        <v>0</v>
      </c>
      <c r="BN35" s="193">
        <v>22</v>
      </c>
      <c r="BO35" s="198">
        <v>22</v>
      </c>
      <c r="BP35" s="192">
        <v>0</v>
      </c>
      <c r="BQ35" s="196">
        <v>0</v>
      </c>
      <c r="BR35" s="193">
        <v>0</v>
      </c>
      <c r="BS35" s="195">
        <v>0</v>
      </c>
      <c r="BT35" s="196">
        <v>0</v>
      </c>
      <c r="BU35" s="196">
        <v>0</v>
      </c>
      <c r="BV35" s="196">
        <v>0</v>
      </c>
      <c r="BW35" s="196">
        <v>0</v>
      </c>
      <c r="BX35" s="196">
        <v>0</v>
      </c>
      <c r="BY35" s="193">
        <v>0</v>
      </c>
      <c r="BZ35" s="198">
        <v>0</v>
      </c>
      <c r="CA35" s="192">
        <v>0</v>
      </c>
      <c r="CB35" s="196">
        <v>0</v>
      </c>
      <c r="CC35" s="193">
        <v>0</v>
      </c>
      <c r="CD35" s="195">
        <v>0</v>
      </c>
      <c r="CE35" s="196">
        <v>14</v>
      </c>
      <c r="CF35" s="196">
        <v>6</v>
      </c>
      <c r="CG35" s="196">
        <v>0</v>
      </c>
      <c r="CH35" s="196">
        <v>0</v>
      </c>
      <c r="CI35" s="196">
        <v>0</v>
      </c>
      <c r="CJ35" s="193">
        <v>20</v>
      </c>
      <c r="CK35" s="198">
        <v>20</v>
      </c>
      <c r="CL35" s="192">
        <v>0</v>
      </c>
      <c r="CM35" s="196">
        <v>0</v>
      </c>
      <c r="CN35" s="193">
        <v>0</v>
      </c>
      <c r="CO35" s="195">
        <v>0</v>
      </c>
      <c r="CP35" s="196">
        <v>0</v>
      </c>
      <c r="CQ35" s="196">
        <v>0</v>
      </c>
      <c r="CR35" s="196">
        <v>0</v>
      </c>
      <c r="CS35" s="196">
        <v>0</v>
      </c>
      <c r="CT35" s="196">
        <v>0</v>
      </c>
      <c r="CU35" s="193">
        <v>0</v>
      </c>
      <c r="CV35" s="198">
        <v>0</v>
      </c>
      <c r="CW35" s="192">
        <v>0</v>
      </c>
      <c r="CX35" s="196">
        <v>0</v>
      </c>
      <c r="CY35" s="193">
        <v>0</v>
      </c>
      <c r="CZ35" s="195">
        <v>0</v>
      </c>
      <c r="DA35" s="196">
        <v>0</v>
      </c>
      <c r="DB35" s="196">
        <v>0</v>
      </c>
      <c r="DC35" s="196">
        <v>0</v>
      </c>
      <c r="DD35" s="196">
        <v>0</v>
      </c>
      <c r="DE35" s="196">
        <v>0</v>
      </c>
      <c r="DF35" s="193">
        <v>0</v>
      </c>
      <c r="DG35" s="198">
        <v>0</v>
      </c>
    </row>
    <row r="36" spans="1:111" ht="18.75" customHeight="1" x14ac:dyDescent="0.2">
      <c r="A36" s="177" t="s">
        <v>34</v>
      </c>
      <c r="B36" s="192">
        <v>0</v>
      </c>
      <c r="C36" s="196">
        <v>0</v>
      </c>
      <c r="D36" s="458">
        <v>0</v>
      </c>
      <c r="E36" s="195">
        <v>0</v>
      </c>
      <c r="F36" s="196">
        <v>0</v>
      </c>
      <c r="G36" s="196">
        <v>21</v>
      </c>
      <c r="H36" s="196">
        <v>0</v>
      </c>
      <c r="I36" s="196">
        <v>0</v>
      </c>
      <c r="J36" s="196">
        <v>0</v>
      </c>
      <c r="K36" s="197">
        <v>21</v>
      </c>
      <c r="L36" s="198">
        <v>21</v>
      </c>
      <c r="M36" s="192">
        <v>0</v>
      </c>
      <c r="N36" s="196">
        <v>0</v>
      </c>
      <c r="O36" s="193">
        <v>0</v>
      </c>
      <c r="P36" s="195">
        <v>0</v>
      </c>
      <c r="Q36" s="196">
        <v>0</v>
      </c>
      <c r="R36" s="196">
        <v>0</v>
      </c>
      <c r="S36" s="196">
        <v>0</v>
      </c>
      <c r="T36" s="196">
        <v>0</v>
      </c>
      <c r="U36" s="196">
        <v>0</v>
      </c>
      <c r="V36" s="193">
        <v>0</v>
      </c>
      <c r="W36" s="198">
        <v>0</v>
      </c>
      <c r="X36" s="192">
        <v>0</v>
      </c>
      <c r="Y36" s="196">
        <v>9</v>
      </c>
      <c r="Z36" s="193">
        <v>9</v>
      </c>
      <c r="AA36" s="195">
        <v>0</v>
      </c>
      <c r="AB36" s="196">
        <v>0</v>
      </c>
      <c r="AC36" s="196">
        <v>0</v>
      </c>
      <c r="AD36" s="196">
        <v>9</v>
      </c>
      <c r="AE36" s="196">
        <v>0</v>
      </c>
      <c r="AF36" s="196">
        <v>0</v>
      </c>
      <c r="AG36" s="193">
        <v>9</v>
      </c>
      <c r="AH36" s="198">
        <v>18</v>
      </c>
      <c r="AI36" s="192">
        <v>0</v>
      </c>
      <c r="AJ36" s="196">
        <v>0</v>
      </c>
      <c r="AK36" s="193">
        <v>0</v>
      </c>
      <c r="AL36" s="195">
        <v>0</v>
      </c>
      <c r="AM36" s="196">
        <v>0</v>
      </c>
      <c r="AN36" s="196">
        <v>22</v>
      </c>
      <c r="AO36" s="196">
        <v>0</v>
      </c>
      <c r="AP36" s="196">
        <v>0</v>
      </c>
      <c r="AQ36" s="196">
        <v>0</v>
      </c>
      <c r="AR36" s="193">
        <v>22</v>
      </c>
      <c r="AS36" s="198">
        <v>22</v>
      </c>
      <c r="AT36" s="192">
        <v>0</v>
      </c>
      <c r="AU36" s="196">
        <v>0</v>
      </c>
      <c r="AV36" s="193">
        <v>0</v>
      </c>
      <c r="AW36" s="195">
        <v>0</v>
      </c>
      <c r="AX36" s="196">
        <v>4</v>
      </c>
      <c r="AY36" s="196">
        <v>26</v>
      </c>
      <c r="AZ36" s="196">
        <v>0</v>
      </c>
      <c r="BA36" s="196">
        <v>0</v>
      </c>
      <c r="BB36" s="196">
        <v>0</v>
      </c>
      <c r="BC36" s="197">
        <v>30</v>
      </c>
      <c r="BD36" s="198">
        <v>30</v>
      </c>
      <c r="BE36" s="192">
        <v>0</v>
      </c>
      <c r="BF36" s="196">
        <v>0</v>
      </c>
      <c r="BG36" s="193">
        <v>0</v>
      </c>
      <c r="BH36" s="195">
        <v>0</v>
      </c>
      <c r="BI36" s="196">
        <v>8</v>
      </c>
      <c r="BJ36" s="196">
        <v>0</v>
      </c>
      <c r="BK36" s="196">
        <v>0</v>
      </c>
      <c r="BL36" s="196">
        <v>0</v>
      </c>
      <c r="BM36" s="196">
        <v>0</v>
      </c>
      <c r="BN36" s="193">
        <v>8</v>
      </c>
      <c r="BO36" s="198">
        <v>8</v>
      </c>
      <c r="BP36" s="192">
        <v>0</v>
      </c>
      <c r="BQ36" s="196">
        <v>0</v>
      </c>
      <c r="BR36" s="193">
        <v>0</v>
      </c>
      <c r="BS36" s="195">
        <v>0</v>
      </c>
      <c r="BT36" s="196">
        <v>0</v>
      </c>
      <c r="BU36" s="196">
        <v>0</v>
      </c>
      <c r="BV36" s="196">
        <v>0</v>
      </c>
      <c r="BW36" s="196">
        <v>0</v>
      </c>
      <c r="BX36" s="196">
        <v>0</v>
      </c>
      <c r="BY36" s="193">
        <v>0</v>
      </c>
      <c r="BZ36" s="198">
        <v>0</v>
      </c>
      <c r="CA36" s="192">
        <v>0</v>
      </c>
      <c r="CB36" s="196">
        <v>0</v>
      </c>
      <c r="CC36" s="193">
        <v>0</v>
      </c>
      <c r="CD36" s="195">
        <v>0</v>
      </c>
      <c r="CE36" s="196">
        <v>0</v>
      </c>
      <c r="CF36" s="196">
        <v>0</v>
      </c>
      <c r="CG36" s="196">
        <v>0</v>
      </c>
      <c r="CH36" s="196">
        <v>0</v>
      </c>
      <c r="CI36" s="196">
        <v>0</v>
      </c>
      <c r="CJ36" s="193">
        <v>0</v>
      </c>
      <c r="CK36" s="198">
        <v>0</v>
      </c>
      <c r="CL36" s="192">
        <v>0</v>
      </c>
      <c r="CM36" s="196">
        <v>0</v>
      </c>
      <c r="CN36" s="193">
        <v>0</v>
      </c>
      <c r="CO36" s="195">
        <v>0</v>
      </c>
      <c r="CP36" s="196">
        <v>0</v>
      </c>
      <c r="CQ36" s="196">
        <v>0</v>
      </c>
      <c r="CR36" s="196">
        <v>0</v>
      </c>
      <c r="CS36" s="196">
        <v>0</v>
      </c>
      <c r="CT36" s="196">
        <v>0</v>
      </c>
      <c r="CU36" s="193">
        <v>0</v>
      </c>
      <c r="CV36" s="198">
        <v>0</v>
      </c>
      <c r="CW36" s="192">
        <v>0</v>
      </c>
      <c r="CX36" s="196">
        <v>0</v>
      </c>
      <c r="CY36" s="193">
        <v>0</v>
      </c>
      <c r="CZ36" s="195">
        <v>0</v>
      </c>
      <c r="DA36" s="196">
        <v>0</v>
      </c>
      <c r="DB36" s="196">
        <v>0</v>
      </c>
      <c r="DC36" s="196">
        <v>0</v>
      </c>
      <c r="DD36" s="196">
        <v>0</v>
      </c>
      <c r="DE36" s="196">
        <v>0</v>
      </c>
      <c r="DF36" s="193">
        <v>0</v>
      </c>
      <c r="DG36" s="198">
        <v>0</v>
      </c>
    </row>
    <row r="37" spans="1:111" ht="18.75" customHeight="1" x14ac:dyDescent="0.2">
      <c r="A37" s="177" t="s">
        <v>35</v>
      </c>
      <c r="B37" s="192">
        <v>0</v>
      </c>
      <c r="C37" s="196">
        <v>0</v>
      </c>
      <c r="D37" s="458">
        <v>0</v>
      </c>
      <c r="E37" s="195">
        <v>0</v>
      </c>
      <c r="F37" s="196">
        <v>43</v>
      </c>
      <c r="G37" s="196">
        <v>110</v>
      </c>
      <c r="H37" s="196">
        <v>0</v>
      </c>
      <c r="I37" s="196">
        <v>0</v>
      </c>
      <c r="J37" s="196">
        <v>86</v>
      </c>
      <c r="K37" s="197">
        <v>239</v>
      </c>
      <c r="L37" s="198">
        <v>239</v>
      </c>
      <c r="M37" s="192">
        <v>0</v>
      </c>
      <c r="N37" s="196">
        <v>0</v>
      </c>
      <c r="O37" s="193">
        <v>0</v>
      </c>
      <c r="P37" s="195">
        <v>0</v>
      </c>
      <c r="Q37" s="196">
        <v>0</v>
      </c>
      <c r="R37" s="196">
        <v>0</v>
      </c>
      <c r="S37" s="196">
        <v>0</v>
      </c>
      <c r="T37" s="196">
        <v>0</v>
      </c>
      <c r="U37" s="196">
        <v>9</v>
      </c>
      <c r="V37" s="193">
        <v>9</v>
      </c>
      <c r="W37" s="198">
        <v>9</v>
      </c>
      <c r="X37" s="192">
        <v>0</v>
      </c>
      <c r="Y37" s="196">
        <v>0</v>
      </c>
      <c r="Z37" s="193">
        <v>0</v>
      </c>
      <c r="AA37" s="195">
        <v>0</v>
      </c>
      <c r="AB37" s="196">
        <v>6</v>
      </c>
      <c r="AC37" s="196">
        <v>43</v>
      </c>
      <c r="AD37" s="196">
        <v>0</v>
      </c>
      <c r="AE37" s="196">
        <v>0</v>
      </c>
      <c r="AF37" s="196">
        <v>0</v>
      </c>
      <c r="AG37" s="193">
        <v>49</v>
      </c>
      <c r="AH37" s="198">
        <v>49</v>
      </c>
      <c r="AI37" s="192">
        <v>0</v>
      </c>
      <c r="AJ37" s="196">
        <v>0</v>
      </c>
      <c r="AK37" s="193">
        <v>0</v>
      </c>
      <c r="AL37" s="195">
        <v>0</v>
      </c>
      <c r="AM37" s="196">
        <v>28</v>
      </c>
      <c r="AN37" s="196">
        <v>12</v>
      </c>
      <c r="AO37" s="196">
        <v>12</v>
      </c>
      <c r="AP37" s="196">
        <v>0</v>
      </c>
      <c r="AQ37" s="196">
        <v>0</v>
      </c>
      <c r="AR37" s="193">
        <v>52</v>
      </c>
      <c r="AS37" s="198">
        <v>52</v>
      </c>
      <c r="AT37" s="192">
        <v>0</v>
      </c>
      <c r="AU37" s="196">
        <v>0</v>
      </c>
      <c r="AV37" s="193">
        <v>0</v>
      </c>
      <c r="AW37" s="195">
        <v>0</v>
      </c>
      <c r="AX37" s="196">
        <v>40</v>
      </c>
      <c r="AY37" s="196">
        <v>66</v>
      </c>
      <c r="AZ37" s="196">
        <v>0</v>
      </c>
      <c r="BA37" s="196">
        <v>30</v>
      </c>
      <c r="BB37" s="196">
        <v>0</v>
      </c>
      <c r="BC37" s="197">
        <v>136</v>
      </c>
      <c r="BD37" s="198">
        <v>136</v>
      </c>
      <c r="BE37" s="192">
        <v>0</v>
      </c>
      <c r="BF37" s="196">
        <v>0</v>
      </c>
      <c r="BG37" s="193">
        <v>0</v>
      </c>
      <c r="BH37" s="195">
        <v>0</v>
      </c>
      <c r="BI37" s="196">
        <v>9</v>
      </c>
      <c r="BJ37" s="196">
        <v>12</v>
      </c>
      <c r="BK37" s="196">
        <v>0</v>
      </c>
      <c r="BL37" s="196">
        <v>13</v>
      </c>
      <c r="BM37" s="196">
        <v>0</v>
      </c>
      <c r="BN37" s="193">
        <v>34</v>
      </c>
      <c r="BO37" s="198">
        <v>34</v>
      </c>
      <c r="BP37" s="192">
        <v>0</v>
      </c>
      <c r="BQ37" s="196">
        <v>0</v>
      </c>
      <c r="BR37" s="193">
        <v>0</v>
      </c>
      <c r="BS37" s="195">
        <v>0</v>
      </c>
      <c r="BT37" s="196">
        <v>0</v>
      </c>
      <c r="BU37" s="196">
        <v>12</v>
      </c>
      <c r="BV37" s="196">
        <v>0</v>
      </c>
      <c r="BW37" s="196">
        <v>0</v>
      </c>
      <c r="BX37" s="196">
        <v>0</v>
      </c>
      <c r="BY37" s="193">
        <v>12</v>
      </c>
      <c r="BZ37" s="198">
        <v>12</v>
      </c>
      <c r="CA37" s="192">
        <v>0</v>
      </c>
      <c r="CB37" s="196">
        <v>0</v>
      </c>
      <c r="CC37" s="193">
        <v>0</v>
      </c>
      <c r="CD37" s="195">
        <v>0</v>
      </c>
      <c r="CE37" s="196">
        <v>0</v>
      </c>
      <c r="CF37" s="196">
        <v>0</v>
      </c>
      <c r="CG37" s="196">
        <v>0</v>
      </c>
      <c r="CH37" s="196">
        <v>18</v>
      </c>
      <c r="CI37" s="196">
        <v>0</v>
      </c>
      <c r="CJ37" s="193">
        <v>18</v>
      </c>
      <c r="CK37" s="198">
        <v>18</v>
      </c>
      <c r="CL37" s="192">
        <v>0</v>
      </c>
      <c r="CM37" s="196">
        <v>0</v>
      </c>
      <c r="CN37" s="193">
        <v>0</v>
      </c>
      <c r="CO37" s="195">
        <v>0</v>
      </c>
      <c r="CP37" s="196">
        <v>0</v>
      </c>
      <c r="CQ37" s="196">
        <v>0</v>
      </c>
      <c r="CR37" s="196">
        <v>0</v>
      </c>
      <c r="CS37" s="196">
        <v>0</v>
      </c>
      <c r="CT37" s="196">
        <v>0</v>
      </c>
      <c r="CU37" s="193">
        <v>0</v>
      </c>
      <c r="CV37" s="198">
        <v>0</v>
      </c>
      <c r="CW37" s="192">
        <v>0</v>
      </c>
      <c r="CX37" s="196">
        <v>0</v>
      </c>
      <c r="CY37" s="193">
        <v>0</v>
      </c>
      <c r="CZ37" s="195">
        <v>0</v>
      </c>
      <c r="DA37" s="196">
        <v>0</v>
      </c>
      <c r="DB37" s="196">
        <v>0</v>
      </c>
      <c r="DC37" s="196">
        <v>0</v>
      </c>
      <c r="DD37" s="196">
        <v>0</v>
      </c>
      <c r="DE37" s="196">
        <v>0</v>
      </c>
      <c r="DF37" s="193">
        <v>0</v>
      </c>
      <c r="DG37" s="198">
        <v>0</v>
      </c>
    </row>
    <row r="38" spans="1:111" ht="18.75" customHeight="1" x14ac:dyDescent="0.2">
      <c r="A38" s="177" t="s">
        <v>36</v>
      </c>
      <c r="B38" s="192">
        <v>0</v>
      </c>
      <c r="C38" s="196">
        <v>0</v>
      </c>
      <c r="D38" s="458">
        <v>0</v>
      </c>
      <c r="E38" s="195">
        <v>0</v>
      </c>
      <c r="F38" s="196">
        <v>21</v>
      </c>
      <c r="G38" s="196">
        <v>4</v>
      </c>
      <c r="H38" s="196">
        <v>0</v>
      </c>
      <c r="I38" s="196">
        <v>0</v>
      </c>
      <c r="J38" s="196">
        <v>0</v>
      </c>
      <c r="K38" s="197">
        <v>25</v>
      </c>
      <c r="L38" s="198">
        <v>25</v>
      </c>
      <c r="M38" s="192">
        <v>0</v>
      </c>
      <c r="N38" s="196">
        <v>0</v>
      </c>
      <c r="O38" s="193">
        <v>0</v>
      </c>
      <c r="P38" s="195">
        <v>0</v>
      </c>
      <c r="Q38" s="196">
        <v>0</v>
      </c>
      <c r="R38" s="196">
        <v>0</v>
      </c>
      <c r="S38" s="196">
        <v>0</v>
      </c>
      <c r="T38" s="196">
        <v>4</v>
      </c>
      <c r="U38" s="196">
        <v>0</v>
      </c>
      <c r="V38" s="193">
        <v>4</v>
      </c>
      <c r="W38" s="198">
        <v>4</v>
      </c>
      <c r="X38" s="192">
        <v>6</v>
      </c>
      <c r="Y38" s="196">
        <v>9</v>
      </c>
      <c r="Z38" s="193">
        <v>15</v>
      </c>
      <c r="AA38" s="195">
        <v>0</v>
      </c>
      <c r="AB38" s="196">
        <v>6</v>
      </c>
      <c r="AC38" s="196">
        <v>12</v>
      </c>
      <c r="AD38" s="196">
        <v>4</v>
      </c>
      <c r="AE38" s="196">
        <v>18</v>
      </c>
      <c r="AF38" s="196">
        <v>3</v>
      </c>
      <c r="AG38" s="193">
        <v>43</v>
      </c>
      <c r="AH38" s="198">
        <v>58</v>
      </c>
      <c r="AI38" s="192">
        <v>0</v>
      </c>
      <c r="AJ38" s="196">
        <v>0</v>
      </c>
      <c r="AK38" s="193">
        <v>0</v>
      </c>
      <c r="AL38" s="195">
        <v>0</v>
      </c>
      <c r="AM38" s="196">
        <v>0</v>
      </c>
      <c r="AN38" s="196">
        <v>0</v>
      </c>
      <c r="AO38" s="196">
        <v>0</v>
      </c>
      <c r="AP38" s="196">
        <v>0</v>
      </c>
      <c r="AQ38" s="196">
        <v>0</v>
      </c>
      <c r="AR38" s="193">
        <v>0</v>
      </c>
      <c r="AS38" s="198">
        <v>0</v>
      </c>
      <c r="AT38" s="192">
        <v>0</v>
      </c>
      <c r="AU38" s="196">
        <v>0</v>
      </c>
      <c r="AV38" s="193">
        <v>0</v>
      </c>
      <c r="AW38" s="195">
        <v>0</v>
      </c>
      <c r="AX38" s="196">
        <v>6</v>
      </c>
      <c r="AY38" s="196">
        <v>13</v>
      </c>
      <c r="AZ38" s="196">
        <v>10</v>
      </c>
      <c r="BA38" s="196">
        <v>4</v>
      </c>
      <c r="BB38" s="196">
        <v>0</v>
      </c>
      <c r="BC38" s="197">
        <v>33</v>
      </c>
      <c r="BD38" s="198">
        <v>33</v>
      </c>
      <c r="BE38" s="192">
        <v>0</v>
      </c>
      <c r="BF38" s="196">
        <v>0</v>
      </c>
      <c r="BG38" s="193">
        <v>0</v>
      </c>
      <c r="BH38" s="195">
        <v>0</v>
      </c>
      <c r="BI38" s="196">
        <v>0</v>
      </c>
      <c r="BJ38" s="196">
        <v>9</v>
      </c>
      <c r="BK38" s="196">
        <v>5</v>
      </c>
      <c r="BL38" s="196">
        <v>0</v>
      </c>
      <c r="BM38" s="196">
        <v>0</v>
      </c>
      <c r="BN38" s="193">
        <v>14</v>
      </c>
      <c r="BO38" s="198">
        <v>14</v>
      </c>
      <c r="BP38" s="192">
        <v>0</v>
      </c>
      <c r="BQ38" s="196">
        <v>0</v>
      </c>
      <c r="BR38" s="193">
        <v>0</v>
      </c>
      <c r="BS38" s="195">
        <v>0</v>
      </c>
      <c r="BT38" s="196">
        <v>0</v>
      </c>
      <c r="BU38" s="196">
        <v>0</v>
      </c>
      <c r="BV38" s="196">
        <v>4</v>
      </c>
      <c r="BW38" s="196">
        <v>6</v>
      </c>
      <c r="BX38" s="196">
        <v>0</v>
      </c>
      <c r="BY38" s="193">
        <v>10</v>
      </c>
      <c r="BZ38" s="198">
        <v>10</v>
      </c>
      <c r="CA38" s="192">
        <v>0</v>
      </c>
      <c r="CB38" s="196">
        <v>0</v>
      </c>
      <c r="CC38" s="193">
        <v>0</v>
      </c>
      <c r="CD38" s="195">
        <v>0</v>
      </c>
      <c r="CE38" s="196">
        <v>0</v>
      </c>
      <c r="CF38" s="196">
        <v>0</v>
      </c>
      <c r="CG38" s="196">
        <v>0</v>
      </c>
      <c r="CH38" s="196">
        <v>0</v>
      </c>
      <c r="CI38" s="196">
        <v>0</v>
      </c>
      <c r="CJ38" s="193">
        <v>0</v>
      </c>
      <c r="CK38" s="198">
        <v>0</v>
      </c>
      <c r="CL38" s="192">
        <v>0</v>
      </c>
      <c r="CM38" s="196">
        <v>0</v>
      </c>
      <c r="CN38" s="193">
        <v>0</v>
      </c>
      <c r="CO38" s="195">
        <v>0</v>
      </c>
      <c r="CP38" s="196">
        <v>0</v>
      </c>
      <c r="CQ38" s="196">
        <v>0</v>
      </c>
      <c r="CR38" s="196">
        <v>0</v>
      </c>
      <c r="CS38" s="196">
        <v>0</v>
      </c>
      <c r="CT38" s="196">
        <v>0</v>
      </c>
      <c r="CU38" s="193">
        <v>0</v>
      </c>
      <c r="CV38" s="198">
        <v>0</v>
      </c>
      <c r="CW38" s="192">
        <v>0</v>
      </c>
      <c r="CX38" s="196">
        <v>0</v>
      </c>
      <c r="CY38" s="193">
        <v>0</v>
      </c>
      <c r="CZ38" s="195">
        <v>0</v>
      </c>
      <c r="DA38" s="196">
        <v>0</v>
      </c>
      <c r="DB38" s="196">
        <v>0</v>
      </c>
      <c r="DC38" s="196">
        <v>0</v>
      </c>
      <c r="DD38" s="196">
        <v>0</v>
      </c>
      <c r="DE38" s="196">
        <v>0</v>
      </c>
      <c r="DF38" s="193">
        <v>0</v>
      </c>
      <c r="DG38" s="198">
        <v>0</v>
      </c>
    </row>
    <row r="39" spans="1:111" ht="18.75" customHeight="1" thickBot="1" x14ac:dyDescent="0.25">
      <c r="A39" s="178" t="s">
        <v>37</v>
      </c>
      <c r="B39" s="199">
        <v>0</v>
      </c>
      <c r="C39" s="203">
        <v>0</v>
      </c>
      <c r="D39" s="459">
        <v>0</v>
      </c>
      <c r="E39" s="202">
        <v>0</v>
      </c>
      <c r="F39" s="203">
        <v>0</v>
      </c>
      <c r="G39" s="203">
        <v>0</v>
      </c>
      <c r="H39" s="203">
        <v>0</v>
      </c>
      <c r="I39" s="203">
        <v>0</v>
      </c>
      <c r="J39" s="203">
        <v>0</v>
      </c>
      <c r="K39" s="204">
        <v>0</v>
      </c>
      <c r="L39" s="205">
        <v>0</v>
      </c>
      <c r="M39" s="199">
        <v>0</v>
      </c>
      <c r="N39" s="203">
        <v>0</v>
      </c>
      <c r="O39" s="200">
        <v>0</v>
      </c>
      <c r="P39" s="202">
        <v>0</v>
      </c>
      <c r="Q39" s="203">
        <v>0</v>
      </c>
      <c r="R39" s="203">
        <v>0</v>
      </c>
      <c r="S39" s="203">
        <v>0</v>
      </c>
      <c r="T39" s="203">
        <v>0</v>
      </c>
      <c r="U39" s="203">
        <v>0</v>
      </c>
      <c r="V39" s="200">
        <v>0</v>
      </c>
      <c r="W39" s="205">
        <v>0</v>
      </c>
      <c r="X39" s="199">
        <v>0</v>
      </c>
      <c r="Y39" s="203">
        <v>0</v>
      </c>
      <c r="Z39" s="200">
        <v>0</v>
      </c>
      <c r="AA39" s="202">
        <v>0</v>
      </c>
      <c r="AB39" s="203">
        <v>10</v>
      </c>
      <c r="AC39" s="203">
        <v>0</v>
      </c>
      <c r="AD39" s="203">
        <v>0</v>
      </c>
      <c r="AE39" s="203">
        <v>0</v>
      </c>
      <c r="AF39" s="203">
        <v>0</v>
      </c>
      <c r="AG39" s="200">
        <v>10</v>
      </c>
      <c r="AH39" s="205">
        <v>10</v>
      </c>
      <c r="AI39" s="199">
        <v>0</v>
      </c>
      <c r="AJ39" s="203">
        <v>0</v>
      </c>
      <c r="AK39" s="200">
        <v>0</v>
      </c>
      <c r="AL39" s="202">
        <v>0</v>
      </c>
      <c r="AM39" s="203">
        <v>21</v>
      </c>
      <c r="AN39" s="203">
        <v>0</v>
      </c>
      <c r="AO39" s="203">
        <v>0</v>
      </c>
      <c r="AP39" s="203">
        <v>0</v>
      </c>
      <c r="AQ39" s="203">
        <v>0</v>
      </c>
      <c r="AR39" s="200">
        <v>21</v>
      </c>
      <c r="AS39" s="205">
        <v>21</v>
      </c>
      <c r="AT39" s="199">
        <v>0</v>
      </c>
      <c r="AU39" s="203">
        <v>0</v>
      </c>
      <c r="AV39" s="200">
        <v>0</v>
      </c>
      <c r="AW39" s="202">
        <v>0</v>
      </c>
      <c r="AX39" s="203">
        <v>4</v>
      </c>
      <c r="AY39" s="203">
        <v>12</v>
      </c>
      <c r="AZ39" s="203">
        <v>0</v>
      </c>
      <c r="BA39" s="203">
        <v>0</v>
      </c>
      <c r="BB39" s="203">
        <v>0</v>
      </c>
      <c r="BC39" s="204">
        <v>16</v>
      </c>
      <c r="BD39" s="205">
        <v>16</v>
      </c>
      <c r="BE39" s="199">
        <v>0</v>
      </c>
      <c r="BF39" s="203">
        <v>0</v>
      </c>
      <c r="BG39" s="200">
        <v>0</v>
      </c>
      <c r="BH39" s="202">
        <v>0</v>
      </c>
      <c r="BI39" s="203">
        <v>0</v>
      </c>
      <c r="BJ39" s="203">
        <v>13</v>
      </c>
      <c r="BK39" s="203">
        <v>0</v>
      </c>
      <c r="BL39" s="203">
        <v>0</v>
      </c>
      <c r="BM39" s="203">
        <v>0</v>
      </c>
      <c r="BN39" s="200">
        <v>13</v>
      </c>
      <c r="BO39" s="205">
        <v>13</v>
      </c>
      <c r="BP39" s="199">
        <v>0</v>
      </c>
      <c r="BQ39" s="203">
        <v>0</v>
      </c>
      <c r="BR39" s="200">
        <v>0</v>
      </c>
      <c r="BS39" s="202">
        <v>0</v>
      </c>
      <c r="BT39" s="203">
        <v>0</v>
      </c>
      <c r="BU39" s="203">
        <v>0</v>
      </c>
      <c r="BV39" s="203">
        <v>0</v>
      </c>
      <c r="BW39" s="203">
        <v>0</v>
      </c>
      <c r="BX39" s="203">
        <v>0</v>
      </c>
      <c r="BY39" s="200">
        <v>0</v>
      </c>
      <c r="BZ39" s="205">
        <v>0</v>
      </c>
      <c r="CA39" s="199">
        <v>0</v>
      </c>
      <c r="CB39" s="203">
        <v>0</v>
      </c>
      <c r="CC39" s="200">
        <v>0</v>
      </c>
      <c r="CD39" s="202">
        <v>0</v>
      </c>
      <c r="CE39" s="203">
        <v>0</v>
      </c>
      <c r="CF39" s="203">
        <v>0</v>
      </c>
      <c r="CG39" s="203">
        <v>0</v>
      </c>
      <c r="CH39" s="203">
        <v>0</v>
      </c>
      <c r="CI39" s="203">
        <v>0</v>
      </c>
      <c r="CJ39" s="200">
        <v>0</v>
      </c>
      <c r="CK39" s="205">
        <v>0</v>
      </c>
      <c r="CL39" s="199">
        <v>0</v>
      </c>
      <c r="CM39" s="203">
        <v>0</v>
      </c>
      <c r="CN39" s="200">
        <v>0</v>
      </c>
      <c r="CO39" s="202">
        <v>0</v>
      </c>
      <c r="CP39" s="203">
        <v>0</v>
      </c>
      <c r="CQ39" s="203">
        <v>0</v>
      </c>
      <c r="CR39" s="203">
        <v>0</v>
      </c>
      <c r="CS39" s="203">
        <v>0</v>
      </c>
      <c r="CT39" s="203">
        <v>0</v>
      </c>
      <c r="CU39" s="200">
        <v>0</v>
      </c>
      <c r="CV39" s="205">
        <v>0</v>
      </c>
      <c r="CW39" s="199">
        <v>0</v>
      </c>
      <c r="CX39" s="203">
        <v>0</v>
      </c>
      <c r="CY39" s="200">
        <v>0</v>
      </c>
      <c r="CZ39" s="202">
        <v>0</v>
      </c>
      <c r="DA39" s="203">
        <v>0</v>
      </c>
      <c r="DB39" s="203">
        <v>0</v>
      </c>
      <c r="DC39" s="203">
        <v>0</v>
      </c>
      <c r="DD39" s="203">
        <v>0</v>
      </c>
      <c r="DE39" s="203">
        <v>0</v>
      </c>
      <c r="DF39" s="200">
        <v>0</v>
      </c>
      <c r="DG39" s="205">
        <v>0</v>
      </c>
    </row>
    <row r="40" spans="1:111" ht="27" customHeight="1" x14ac:dyDescent="0.2">
      <c r="B40" s="171" t="s">
        <v>127</v>
      </c>
    </row>
  </sheetData>
  <mergeCells count="43">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 ref="X3:AH3"/>
    <mergeCell ref="B4:D4"/>
    <mergeCell ref="E4:K4"/>
    <mergeCell ref="L4:L5"/>
    <mergeCell ref="M4:O4"/>
    <mergeCell ref="P4:V4"/>
    <mergeCell ref="W4:W5"/>
    <mergeCell ref="X4:Z4"/>
    <mergeCell ref="AA4:AG4"/>
    <mergeCell ref="AH4:AH5"/>
    <mergeCell ref="I1:J1"/>
    <mergeCell ref="L1:M1"/>
    <mergeCell ref="A3:A5"/>
    <mergeCell ref="B3:L3"/>
    <mergeCell ref="M3:W3"/>
    <mergeCell ref="CW3:DG3"/>
    <mergeCell ref="CW4:CY4"/>
    <mergeCell ref="CZ4:DF4"/>
    <mergeCell ref="DG4:DG5"/>
    <mergeCell ref="CA3:CK3"/>
    <mergeCell ref="CL3:CV3"/>
    <mergeCell ref="CA4:CC4"/>
    <mergeCell ref="CD4:CJ4"/>
    <mergeCell ref="CK4:CK5"/>
    <mergeCell ref="CL4:CN4"/>
    <mergeCell ref="CO4:CU4"/>
    <mergeCell ref="CV4:CV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171"/>
    <col min="5" max="5" width="7.77734375" style="171" customWidth="1"/>
    <col min="6" max="6" width="9" style="171"/>
    <col min="7" max="7" width="10.6640625" style="171" customWidth="1"/>
    <col min="8" max="15" width="9" style="171"/>
    <col min="16" max="16" width="7.88671875" style="171" customWidth="1"/>
    <col min="17" max="26" width="9" style="171"/>
    <col min="27" max="27" width="7.77734375" style="171" customWidth="1"/>
    <col min="28" max="37" width="9" style="171"/>
    <col min="38" max="38" width="6.77734375" style="171" customWidth="1"/>
    <col min="39" max="48" width="9" style="171"/>
    <col min="49" max="49" width="7.77734375" style="171" customWidth="1"/>
    <col min="50" max="59" width="9" style="171"/>
    <col min="60" max="60" width="7.44140625" style="171" customWidth="1"/>
    <col min="61" max="70" width="9" style="171"/>
    <col min="71" max="71" width="7.33203125" style="171" customWidth="1"/>
    <col min="72" max="81" width="9" style="171"/>
    <col min="82" max="82" width="7.44140625" style="171" customWidth="1"/>
    <col min="83" max="92" width="9" style="171"/>
    <col min="93" max="93" width="7.6640625" style="171" customWidth="1"/>
    <col min="94" max="16384" width="9" style="171"/>
  </cols>
  <sheetData>
    <row r="1" spans="1:111" ht="20.25" customHeight="1" x14ac:dyDescent="0.2">
      <c r="A1" s="206" t="s">
        <v>123</v>
      </c>
      <c r="I1" s="487">
        <f>第１表!F2</f>
        <v>4</v>
      </c>
      <c r="J1" s="487"/>
      <c r="K1" s="163">
        <f>第１表!G2</f>
        <v>1</v>
      </c>
      <c r="L1" s="488">
        <f>IF(K1&lt;3,K1+12-2,K1-2)</f>
        <v>11</v>
      </c>
      <c r="M1" s="488"/>
    </row>
    <row r="2" spans="1:111" ht="18.75" customHeight="1" thickBot="1" x14ac:dyDescent="0.25">
      <c r="A2" s="206" t="s">
        <v>154</v>
      </c>
    </row>
    <row r="3" spans="1:111" ht="13.8" thickBot="1" x14ac:dyDescent="0.25">
      <c r="A3" s="508"/>
      <c r="B3" s="511" t="s">
        <v>112</v>
      </c>
      <c r="C3" s="511"/>
      <c r="D3" s="511"/>
      <c r="E3" s="511"/>
      <c r="F3" s="511"/>
      <c r="G3" s="511"/>
      <c r="H3" s="511"/>
      <c r="I3" s="511"/>
      <c r="J3" s="511"/>
      <c r="K3" s="511"/>
      <c r="L3" s="512"/>
      <c r="M3" s="506" t="s">
        <v>111</v>
      </c>
      <c r="N3" s="506"/>
      <c r="O3" s="506"/>
      <c r="P3" s="506"/>
      <c r="Q3" s="506"/>
      <c r="R3" s="506"/>
      <c r="S3" s="506"/>
      <c r="T3" s="506"/>
      <c r="U3" s="506"/>
      <c r="V3" s="506"/>
      <c r="W3" s="507"/>
      <c r="X3" s="505" t="s">
        <v>110</v>
      </c>
      <c r="Y3" s="506"/>
      <c r="Z3" s="506"/>
      <c r="AA3" s="506"/>
      <c r="AB3" s="506"/>
      <c r="AC3" s="506"/>
      <c r="AD3" s="506"/>
      <c r="AE3" s="506"/>
      <c r="AF3" s="506"/>
      <c r="AG3" s="506"/>
      <c r="AH3" s="507"/>
      <c r="AI3" s="505" t="s">
        <v>109</v>
      </c>
      <c r="AJ3" s="506"/>
      <c r="AK3" s="506"/>
      <c r="AL3" s="506"/>
      <c r="AM3" s="506"/>
      <c r="AN3" s="506"/>
      <c r="AO3" s="506"/>
      <c r="AP3" s="506"/>
      <c r="AQ3" s="506"/>
      <c r="AR3" s="506"/>
      <c r="AS3" s="507"/>
      <c r="AT3" s="505" t="s">
        <v>108</v>
      </c>
      <c r="AU3" s="506"/>
      <c r="AV3" s="506"/>
      <c r="AW3" s="506"/>
      <c r="AX3" s="506"/>
      <c r="AY3" s="506"/>
      <c r="AZ3" s="506"/>
      <c r="BA3" s="506"/>
      <c r="BB3" s="506"/>
      <c r="BC3" s="506"/>
      <c r="BD3" s="507"/>
      <c r="BE3" s="505" t="s">
        <v>107</v>
      </c>
      <c r="BF3" s="506"/>
      <c r="BG3" s="506"/>
      <c r="BH3" s="506"/>
      <c r="BI3" s="506"/>
      <c r="BJ3" s="506"/>
      <c r="BK3" s="506"/>
      <c r="BL3" s="506"/>
      <c r="BM3" s="506"/>
      <c r="BN3" s="506"/>
      <c r="BO3" s="507"/>
      <c r="BP3" s="505" t="s">
        <v>106</v>
      </c>
      <c r="BQ3" s="506"/>
      <c r="BR3" s="506"/>
      <c r="BS3" s="506"/>
      <c r="BT3" s="506"/>
      <c r="BU3" s="506"/>
      <c r="BV3" s="506"/>
      <c r="BW3" s="506"/>
      <c r="BX3" s="506"/>
      <c r="BY3" s="506"/>
      <c r="BZ3" s="507"/>
      <c r="CA3" s="505" t="s">
        <v>128</v>
      </c>
      <c r="CB3" s="506"/>
      <c r="CC3" s="506"/>
      <c r="CD3" s="506"/>
      <c r="CE3" s="506"/>
      <c r="CF3" s="506"/>
      <c r="CG3" s="506"/>
      <c r="CH3" s="506"/>
      <c r="CI3" s="506"/>
      <c r="CJ3" s="506"/>
      <c r="CK3" s="507"/>
      <c r="CL3" s="505" t="s">
        <v>161</v>
      </c>
      <c r="CM3" s="506"/>
      <c r="CN3" s="506"/>
      <c r="CO3" s="506"/>
      <c r="CP3" s="506"/>
      <c r="CQ3" s="506"/>
      <c r="CR3" s="506"/>
      <c r="CS3" s="506"/>
      <c r="CT3" s="506"/>
      <c r="CU3" s="506"/>
      <c r="CV3" s="507"/>
      <c r="CW3" s="505" t="s">
        <v>157</v>
      </c>
      <c r="CX3" s="506"/>
      <c r="CY3" s="506"/>
      <c r="CZ3" s="506"/>
      <c r="DA3" s="506"/>
      <c r="DB3" s="506"/>
      <c r="DC3" s="506"/>
      <c r="DD3" s="506"/>
      <c r="DE3" s="506"/>
      <c r="DF3" s="506"/>
      <c r="DG3" s="507"/>
    </row>
    <row r="4" spans="1:111" x14ac:dyDescent="0.2">
      <c r="A4" s="509"/>
      <c r="B4" s="513" t="s">
        <v>61</v>
      </c>
      <c r="C4" s="496"/>
      <c r="D4" s="497"/>
      <c r="E4" s="495" t="s">
        <v>62</v>
      </c>
      <c r="F4" s="496"/>
      <c r="G4" s="496"/>
      <c r="H4" s="496"/>
      <c r="I4" s="496"/>
      <c r="J4" s="496"/>
      <c r="K4" s="504"/>
      <c r="L4" s="498" t="s">
        <v>52</v>
      </c>
      <c r="M4" s="513" t="s">
        <v>61</v>
      </c>
      <c r="N4" s="496"/>
      <c r="O4" s="497"/>
      <c r="P4" s="495" t="s">
        <v>62</v>
      </c>
      <c r="Q4" s="496"/>
      <c r="R4" s="496"/>
      <c r="S4" s="496"/>
      <c r="T4" s="496"/>
      <c r="U4" s="496"/>
      <c r="V4" s="497"/>
      <c r="W4" s="498" t="s">
        <v>52</v>
      </c>
      <c r="X4" s="500" t="s">
        <v>61</v>
      </c>
      <c r="Y4" s="496"/>
      <c r="Z4" s="504"/>
      <c r="AA4" s="495" t="s">
        <v>62</v>
      </c>
      <c r="AB4" s="496"/>
      <c r="AC4" s="496"/>
      <c r="AD4" s="496"/>
      <c r="AE4" s="496"/>
      <c r="AF4" s="496"/>
      <c r="AG4" s="497"/>
      <c r="AH4" s="498" t="s">
        <v>52</v>
      </c>
      <c r="AI4" s="500" t="s">
        <v>61</v>
      </c>
      <c r="AJ4" s="496"/>
      <c r="AK4" s="497"/>
      <c r="AL4" s="495" t="s">
        <v>62</v>
      </c>
      <c r="AM4" s="496"/>
      <c r="AN4" s="496"/>
      <c r="AO4" s="496"/>
      <c r="AP4" s="496"/>
      <c r="AQ4" s="496"/>
      <c r="AR4" s="497"/>
      <c r="AS4" s="498" t="s">
        <v>52</v>
      </c>
      <c r="AT4" s="500" t="s">
        <v>61</v>
      </c>
      <c r="AU4" s="496"/>
      <c r="AV4" s="504"/>
      <c r="AW4" s="495" t="s">
        <v>62</v>
      </c>
      <c r="AX4" s="496"/>
      <c r="AY4" s="496"/>
      <c r="AZ4" s="496"/>
      <c r="BA4" s="496"/>
      <c r="BB4" s="496"/>
      <c r="BC4" s="504"/>
      <c r="BD4" s="498" t="s">
        <v>52</v>
      </c>
      <c r="BE4" s="500" t="s">
        <v>61</v>
      </c>
      <c r="BF4" s="496"/>
      <c r="BG4" s="497"/>
      <c r="BH4" s="495" t="s">
        <v>62</v>
      </c>
      <c r="BI4" s="496"/>
      <c r="BJ4" s="496"/>
      <c r="BK4" s="496"/>
      <c r="BL4" s="496"/>
      <c r="BM4" s="496"/>
      <c r="BN4" s="497"/>
      <c r="BO4" s="498" t="s">
        <v>52</v>
      </c>
      <c r="BP4" s="500" t="s">
        <v>61</v>
      </c>
      <c r="BQ4" s="496"/>
      <c r="BR4" s="497"/>
      <c r="BS4" s="495" t="s">
        <v>62</v>
      </c>
      <c r="BT4" s="496"/>
      <c r="BU4" s="496"/>
      <c r="BV4" s="496"/>
      <c r="BW4" s="496"/>
      <c r="BX4" s="496"/>
      <c r="BY4" s="497"/>
      <c r="BZ4" s="498" t="s">
        <v>52</v>
      </c>
      <c r="CA4" s="500" t="s">
        <v>61</v>
      </c>
      <c r="CB4" s="496"/>
      <c r="CC4" s="497"/>
      <c r="CD4" s="495" t="s">
        <v>62</v>
      </c>
      <c r="CE4" s="496"/>
      <c r="CF4" s="496"/>
      <c r="CG4" s="496"/>
      <c r="CH4" s="496"/>
      <c r="CI4" s="496"/>
      <c r="CJ4" s="497"/>
      <c r="CK4" s="498" t="s">
        <v>52</v>
      </c>
      <c r="CL4" s="500" t="s">
        <v>61</v>
      </c>
      <c r="CM4" s="496"/>
      <c r="CN4" s="497"/>
      <c r="CO4" s="495" t="s">
        <v>62</v>
      </c>
      <c r="CP4" s="496"/>
      <c r="CQ4" s="496"/>
      <c r="CR4" s="496"/>
      <c r="CS4" s="496"/>
      <c r="CT4" s="496"/>
      <c r="CU4" s="497"/>
      <c r="CV4" s="498" t="s">
        <v>52</v>
      </c>
      <c r="CW4" s="500" t="s">
        <v>61</v>
      </c>
      <c r="CX4" s="496"/>
      <c r="CY4" s="497"/>
      <c r="CZ4" s="495" t="s">
        <v>62</v>
      </c>
      <c r="DA4" s="496"/>
      <c r="DB4" s="496"/>
      <c r="DC4" s="496"/>
      <c r="DD4" s="496"/>
      <c r="DE4" s="496"/>
      <c r="DF4" s="497"/>
      <c r="DG4" s="498" t="s">
        <v>52</v>
      </c>
    </row>
    <row r="5" spans="1:111" ht="28.5" customHeight="1" thickBot="1" x14ac:dyDescent="0.25">
      <c r="A5" s="510"/>
      <c r="B5" s="180" t="s">
        <v>43</v>
      </c>
      <c r="C5" s="175" t="s">
        <v>44</v>
      </c>
      <c r="D5" s="456" t="s">
        <v>45</v>
      </c>
      <c r="E5" s="183" t="s">
        <v>83</v>
      </c>
      <c r="F5" s="175" t="s">
        <v>47</v>
      </c>
      <c r="G5" s="175" t="s">
        <v>48</v>
      </c>
      <c r="H5" s="175" t="s">
        <v>49</v>
      </c>
      <c r="I5" s="175" t="s">
        <v>50</v>
      </c>
      <c r="J5" s="175" t="s">
        <v>51</v>
      </c>
      <c r="K5" s="184" t="s">
        <v>45</v>
      </c>
      <c r="L5" s="499"/>
      <c r="M5" s="180" t="s">
        <v>43</v>
      </c>
      <c r="N5" s="175" t="s">
        <v>44</v>
      </c>
      <c r="O5" s="181" t="s">
        <v>45</v>
      </c>
      <c r="P5" s="183" t="s">
        <v>83</v>
      </c>
      <c r="Q5" s="175" t="s">
        <v>47</v>
      </c>
      <c r="R5" s="175" t="s">
        <v>48</v>
      </c>
      <c r="S5" s="175" t="s">
        <v>49</v>
      </c>
      <c r="T5" s="175" t="s">
        <v>50</v>
      </c>
      <c r="U5" s="175" t="s">
        <v>51</v>
      </c>
      <c r="V5" s="181" t="s">
        <v>45</v>
      </c>
      <c r="W5" s="499"/>
      <c r="X5" s="233" t="s">
        <v>43</v>
      </c>
      <c r="Y5" s="175" t="s">
        <v>44</v>
      </c>
      <c r="Z5" s="184" t="s">
        <v>45</v>
      </c>
      <c r="AA5" s="183" t="s">
        <v>83</v>
      </c>
      <c r="AB5" s="175" t="s">
        <v>47</v>
      </c>
      <c r="AC5" s="175" t="s">
        <v>48</v>
      </c>
      <c r="AD5" s="175" t="s">
        <v>49</v>
      </c>
      <c r="AE5" s="175" t="s">
        <v>50</v>
      </c>
      <c r="AF5" s="175" t="s">
        <v>51</v>
      </c>
      <c r="AG5" s="181" t="s">
        <v>45</v>
      </c>
      <c r="AH5" s="499"/>
      <c r="AI5" s="233" t="s">
        <v>43</v>
      </c>
      <c r="AJ5" s="175" t="s">
        <v>44</v>
      </c>
      <c r="AK5" s="181" t="s">
        <v>45</v>
      </c>
      <c r="AL5" s="183" t="s">
        <v>83</v>
      </c>
      <c r="AM5" s="175" t="s">
        <v>47</v>
      </c>
      <c r="AN5" s="175" t="s">
        <v>48</v>
      </c>
      <c r="AO5" s="175" t="s">
        <v>49</v>
      </c>
      <c r="AP5" s="175" t="s">
        <v>50</v>
      </c>
      <c r="AQ5" s="175" t="s">
        <v>51</v>
      </c>
      <c r="AR5" s="181" t="s">
        <v>45</v>
      </c>
      <c r="AS5" s="499"/>
      <c r="AT5" s="233" t="s">
        <v>43</v>
      </c>
      <c r="AU5" s="175" t="s">
        <v>44</v>
      </c>
      <c r="AV5" s="184" t="s">
        <v>45</v>
      </c>
      <c r="AW5" s="183" t="s">
        <v>83</v>
      </c>
      <c r="AX5" s="175" t="s">
        <v>47</v>
      </c>
      <c r="AY5" s="175" t="s">
        <v>48</v>
      </c>
      <c r="AZ5" s="175" t="s">
        <v>49</v>
      </c>
      <c r="BA5" s="175" t="s">
        <v>50</v>
      </c>
      <c r="BB5" s="175" t="s">
        <v>51</v>
      </c>
      <c r="BC5" s="184" t="s">
        <v>45</v>
      </c>
      <c r="BD5" s="499"/>
      <c r="BE5" s="233" t="s">
        <v>43</v>
      </c>
      <c r="BF5" s="175" t="s">
        <v>44</v>
      </c>
      <c r="BG5" s="181" t="s">
        <v>45</v>
      </c>
      <c r="BH5" s="183" t="s">
        <v>83</v>
      </c>
      <c r="BI5" s="175" t="s">
        <v>47</v>
      </c>
      <c r="BJ5" s="175" t="s">
        <v>48</v>
      </c>
      <c r="BK5" s="175" t="s">
        <v>49</v>
      </c>
      <c r="BL5" s="175" t="s">
        <v>50</v>
      </c>
      <c r="BM5" s="175" t="s">
        <v>51</v>
      </c>
      <c r="BN5" s="181" t="s">
        <v>45</v>
      </c>
      <c r="BO5" s="499"/>
      <c r="BP5" s="233" t="s">
        <v>43</v>
      </c>
      <c r="BQ5" s="175" t="s">
        <v>44</v>
      </c>
      <c r="BR5" s="181" t="s">
        <v>45</v>
      </c>
      <c r="BS5" s="183" t="s">
        <v>83</v>
      </c>
      <c r="BT5" s="175" t="s">
        <v>47</v>
      </c>
      <c r="BU5" s="175" t="s">
        <v>48</v>
      </c>
      <c r="BV5" s="175" t="s">
        <v>49</v>
      </c>
      <c r="BW5" s="175" t="s">
        <v>50</v>
      </c>
      <c r="BX5" s="175" t="s">
        <v>51</v>
      </c>
      <c r="BY5" s="181" t="s">
        <v>45</v>
      </c>
      <c r="BZ5" s="499"/>
      <c r="CA5" s="233" t="s">
        <v>43</v>
      </c>
      <c r="CB5" s="175" t="s">
        <v>44</v>
      </c>
      <c r="CC5" s="181" t="s">
        <v>45</v>
      </c>
      <c r="CD5" s="183" t="s">
        <v>83</v>
      </c>
      <c r="CE5" s="175" t="s">
        <v>47</v>
      </c>
      <c r="CF5" s="175" t="s">
        <v>48</v>
      </c>
      <c r="CG5" s="175" t="s">
        <v>49</v>
      </c>
      <c r="CH5" s="175" t="s">
        <v>50</v>
      </c>
      <c r="CI5" s="175" t="s">
        <v>51</v>
      </c>
      <c r="CJ5" s="181" t="s">
        <v>45</v>
      </c>
      <c r="CK5" s="499"/>
      <c r="CL5" s="249" t="s">
        <v>43</v>
      </c>
      <c r="CM5" s="175" t="s">
        <v>44</v>
      </c>
      <c r="CN5" s="181" t="s">
        <v>45</v>
      </c>
      <c r="CO5" s="183" t="s">
        <v>83</v>
      </c>
      <c r="CP5" s="175" t="s">
        <v>47</v>
      </c>
      <c r="CQ5" s="175" t="s">
        <v>48</v>
      </c>
      <c r="CR5" s="175" t="s">
        <v>49</v>
      </c>
      <c r="CS5" s="175" t="s">
        <v>50</v>
      </c>
      <c r="CT5" s="175" t="s">
        <v>51</v>
      </c>
      <c r="CU5" s="181" t="s">
        <v>45</v>
      </c>
      <c r="CV5" s="499"/>
      <c r="CW5" s="249" t="s">
        <v>43</v>
      </c>
      <c r="CX5" s="175" t="s">
        <v>44</v>
      </c>
      <c r="CY5" s="181" t="s">
        <v>45</v>
      </c>
      <c r="CZ5" s="183" t="s">
        <v>83</v>
      </c>
      <c r="DA5" s="175" t="s">
        <v>47</v>
      </c>
      <c r="DB5" s="175" t="s">
        <v>48</v>
      </c>
      <c r="DC5" s="175" t="s">
        <v>49</v>
      </c>
      <c r="DD5" s="175" t="s">
        <v>50</v>
      </c>
      <c r="DE5" s="175" t="s">
        <v>51</v>
      </c>
      <c r="DF5" s="181" t="s">
        <v>45</v>
      </c>
      <c r="DG5" s="499"/>
    </row>
    <row r="6" spans="1:111" ht="18.75" customHeight="1" x14ac:dyDescent="0.2">
      <c r="A6" s="176" t="s">
        <v>4</v>
      </c>
      <c r="B6" s="185">
        <v>0</v>
      </c>
      <c r="C6" s="189">
        <v>0</v>
      </c>
      <c r="D6" s="457">
        <v>0</v>
      </c>
      <c r="E6" s="188">
        <v>0</v>
      </c>
      <c r="F6" s="189">
        <v>12867</v>
      </c>
      <c r="G6" s="189">
        <v>18544</v>
      </c>
      <c r="H6" s="189">
        <v>18150</v>
      </c>
      <c r="I6" s="189">
        <v>23271</v>
      </c>
      <c r="J6" s="189">
        <v>21818</v>
      </c>
      <c r="K6" s="190">
        <v>94650</v>
      </c>
      <c r="L6" s="191">
        <v>94650</v>
      </c>
      <c r="M6" s="185">
        <v>0</v>
      </c>
      <c r="N6" s="189">
        <v>14</v>
      </c>
      <c r="O6" s="186">
        <v>14</v>
      </c>
      <c r="P6" s="188">
        <v>0</v>
      </c>
      <c r="Q6" s="189">
        <v>54</v>
      </c>
      <c r="R6" s="189">
        <v>110</v>
      </c>
      <c r="S6" s="189">
        <v>263</v>
      </c>
      <c r="T6" s="189">
        <v>662</v>
      </c>
      <c r="U6" s="189">
        <v>1192</v>
      </c>
      <c r="V6" s="186">
        <v>2281</v>
      </c>
      <c r="W6" s="191">
        <v>2295</v>
      </c>
      <c r="X6" s="185">
        <v>1109</v>
      </c>
      <c r="Y6" s="189">
        <v>3491</v>
      </c>
      <c r="Z6" s="186">
        <v>4600</v>
      </c>
      <c r="AA6" s="188">
        <v>0</v>
      </c>
      <c r="AB6" s="189">
        <v>8016</v>
      </c>
      <c r="AC6" s="189">
        <v>11936</v>
      </c>
      <c r="AD6" s="189">
        <v>7359</v>
      </c>
      <c r="AE6" s="189">
        <v>6837</v>
      </c>
      <c r="AF6" s="189">
        <v>5523</v>
      </c>
      <c r="AG6" s="186">
        <v>39671</v>
      </c>
      <c r="AH6" s="191">
        <v>44271</v>
      </c>
      <c r="AI6" s="185">
        <v>171</v>
      </c>
      <c r="AJ6" s="189">
        <v>640</v>
      </c>
      <c r="AK6" s="186">
        <v>811</v>
      </c>
      <c r="AL6" s="188">
        <v>0</v>
      </c>
      <c r="AM6" s="189">
        <v>961</v>
      </c>
      <c r="AN6" s="189">
        <v>2065</v>
      </c>
      <c r="AO6" s="189">
        <v>1168</v>
      </c>
      <c r="AP6" s="189">
        <v>1011</v>
      </c>
      <c r="AQ6" s="189">
        <v>668</v>
      </c>
      <c r="AR6" s="186">
        <v>5873</v>
      </c>
      <c r="AS6" s="191">
        <v>6684</v>
      </c>
      <c r="AT6" s="185">
        <v>0</v>
      </c>
      <c r="AU6" s="189">
        <v>0</v>
      </c>
      <c r="AV6" s="186">
        <v>0</v>
      </c>
      <c r="AW6" s="188">
        <v>0</v>
      </c>
      <c r="AX6" s="189">
        <v>11206</v>
      </c>
      <c r="AY6" s="189">
        <v>10351</v>
      </c>
      <c r="AZ6" s="189">
        <v>5418</v>
      </c>
      <c r="BA6" s="189">
        <v>3224</v>
      </c>
      <c r="BB6" s="189">
        <v>1384</v>
      </c>
      <c r="BC6" s="190">
        <v>31583</v>
      </c>
      <c r="BD6" s="191">
        <v>31583</v>
      </c>
      <c r="BE6" s="185">
        <v>0</v>
      </c>
      <c r="BF6" s="189">
        <v>0</v>
      </c>
      <c r="BG6" s="186">
        <v>0</v>
      </c>
      <c r="BH6" s="188">
        <v>0</v>
      </c>
      <c r="BI6" s="189">
        <v>2291</v>
      </c>
      <c r="BJ6" s="189">
        <v>3354</v>
      </c>
      <c r="BK6" s="189">
        <v>1940</v>
      </c>
      <c r="BL6" s="189">
        <v>1456</v>
      </c>
      <c r="BM6" s="189">
        <v>526</v>
      </c>
      <c r="BN6" s="186">
        <v>9567</v>
      </c>
      <c r="BO6" s="191">
        <v>9567</v>
      </c>
      <c r="BP6" s="185">
        <v>59</v>
      </c>
      <c r="BQ6" s="189">
        <v>69</v>
      </c>
      <c r="BR6" s="186">
        <v>128</v>
      </c>
      <c r="BS6" s="188">
        <v>0</v>
      </c>
      <c r="BT6" s="189">
        <v>915</v>
      </c>
      <c r="BU6" s="189">
        <v>1833</v>
      </c>
      <c r="BV6" s="189">
        <v>2411</v>
      </c>
      <c r="BW6" s="189">
        <v>1956</v>
      </c>
      <c r="BX6" s="189">
        <v>1081</v>
      </c>
      <c r="BY6" s="186">
        <v>8196</v>
      </c>
      <c r="BZ6" s="191">
        <v>8324</v>
      </c>
      <c r="CA6" s="185">
        <v>7</v>
      </c>
      <c r="CB6" s="189">
        <v>13</v>
      </c>
      <c r="CC6" s="186">
        <v>20</v>
      </c>
      <c r="CD6" s="188">
        <v>0</v>
      </c>
      <c r="CE6" s="189">
        <v>61</v>
      </c>
      <c r="CF6" s="189">
        <v>355</v>
      </c>
      <c r="CG6" s="189">
        <v>385</v>
      </c>
      <c r="CH6" s="189">
        <v>461</v>
      </c>
      <c r="CI6" s="189">
        <v>301</v>
      </c>
      <c r="CJ6" s="186">
        <v>1563</v>
      </c>
      <c r="CK6" s="191">
        <v>1583</v>
      </c>
      <c r="CL6" s="185">
        <v>0</v>
      </c>
      <c r="CM6" s="189">
        <v>0</v>
      </c>
      <c r="CN6" s="186">
        <v>0</v>
      </c>
      <c r="CO6" s="188">
        <v>0</v>
      </c>
      <c r="CP6" s="189">
        <v>0</v>
      </c>
      <c r="CQ6" s="189">
        <v>0</v>
      </c>
      <c r="CR6" s="189">
        <v>0</v>
      </c>
      <c r="CS6" s="189">
        <v>0</v>
      </c>
      <c r="CT6" s="189">
        <v>0</v>
      </c>
      <c r="CU6" s="186">
        <v>0</v>
      </c>
      <c r="CV6" s="191">
        <v>0</v>
      </c>
      <c r="CW6" s="185">
        <v>0</v>
      </c>
      <c r="CX6" s="189">
        <v>0</v>
      </c>
      <c r="CY6" s="186">
        <v>0</v>
      </c>
      <c r="CZ6" s="188">
        <v>0</v>
      </c>
      <c r="DA6" s="189">
        <v>0</v>
      </c>
      <c r="DB6" s="189">
        <v>0</v>
      </c>
      <c r="DC6" s="189">
        <v>0</v>
      </c>
      <c r="DD6" s="189">
        <v>0</v>
      </c>
      <c r="DE6" s="189">
        <v>0</v>
      </c>
      <c r="DF6" s="186">
        <v>0</v>
      </c>
      <c r="DG6" s="191">
        <v>0</v>
      </c>
    </row>
    <row r="7" spans="1:111" ht="18.75" customHeight="1" x14ac:dyDescent="0.2">
      <c r="A7" s="177" t="s">
        <v>5</v>
      </c>
      <c r="B7" s="192">
        <v>0</v>
      </c>
      <c r="C7" s="196">
        <v>0</v>
      </c>
      <c r="D7" s="458">
        <v>0</v>
      </c>
      <c r="E7" s="195">
        <v>0</v>
      </c>
      <c r="F7" s="196">
        <v>4602</v>
      </c>
      <c r="G7" s="196">
        <v>8490</v>
      </c>
      <c r="H7" s="196">
        <v>7377</v>
      </c>
      <c r="I7" s="196">
        <v>9221</v>
      </c>
      <c r="J7" s="196">
        <v>9774</v>
      </c>
      <c r="K7" s="197">
        <v>39464</v>
      </c>
      <c r="L7" s="198">
        <v>39464</v>
      </c>
      <c r="M7" s="192">
        <v>0</v>
      </c>
      <c r="N7" s="196">
        <v>5</v>
      </c>
      <c r="O7" s="193">
        <v>5</v>
      </c>
      <c r="P7" s="195">
        <v>0</v>
      </c>
      <c r="Q7" s="196">
        <v>1</v>
      </c>
      <c r="R7" s="196">
        <v>40</v>
      </c>
      <c r="S7" s="196">
        <v>103</v>
      </c>
      <c r="T7" s="196">
        <v>316</v>
      </c>
      <c r="U7" s="196">
        <v>485</v>
      </c>
      <c r="V7" s="193">
        <v>945</v>
      </c>
      <c r="W7" s="198">
        <v>950</v>
      </c>
      <c r="X7" s="192">
        <v>542</v>
      </c>
      <c r="Y7" s="196">
        <v>1917</v>
      </c>
      <c r="Z7" s="193">
        <v>2459</v>
      </c>
      <c r="AA7" s="195">
        <v>0</v>
      </c>
      <c r="AB7" s="196">
        <v>3012</v>
      </c>
      <c r="AC7" s="196">
        <v>6812</v>
      </c>
      <c r="AD7" s="196">
        <v>3562</v>
      </c>
      <c r="AE7" s="196">
        <v>3325</v>
      </c>
      <c r="AF7" s="196">
        <v>2779</v>
      </c>
      <c r="AG7" s="193">
        <v>19490</v>
      </c>
      <c r="AH7" s="198">
        <v>21949</v>
      </c>
      <c r="AI7" s="192">
        <v>63</v>
      </c>
      <c r="AJ7" s="196">
        <v>320</v>
      </c>
      <c r="AK7" s="193">
        <v>383</v>
      </c>
      <c r="AL7" s="195">
        <v>0</v>
      </c>
      <c r="AM7" s="196">
        <v>294</v>
      </c>
      <c r="AN7" s="196">
        <v>1102</v>
      </c>
      <c r="AO7" s="196">
        <v>425</v>
      </c>
      <c r="AP7" s="196">
        <v>571</v>
      </c>
      <c r="AQ7" s="196">
        <v>251</v>
      </c>
      <c r="AR7" s="193">
        <v>2643</v>
      </c>
      <c r="AS7" s="198">
        <v>3026</v>
      </c>
      <c r="AT7" s="192">
        <v>0</v>
      </c>
      <c r="AU7" s="196">
        <v>0</v>
      </c>
      <c r="AV7" s="193">
        <v>0</v>
      </c>
      <c r="AW7" s="195">
        <v>0</v>
      </c>
      <c r="AX7" s="196">
        <v>3698</v>
      </c>
      <c r="AY7" s="196">
        <v>4470</v>
      </c>
      <c r="AZ7" s="196">
        <v>2427</v>
      </c>
      <c r="BA7" s="196">
        <v>1142</v>
      </c>
      <c r="BB7" s="196">
        <v>612</v>
      </c>
      <c r="BC7" s="197">
        <v>12349</v>
      </c>
      <c r="BD7" s="198">
        <v>12349</v>
      </c>
      <c r="BE7" s="192">
        <v>0</v>
      </c>
      <c r="BF7" s="196">
        <v>0</v>
      </c>
      <c r="BG7" s="193">
        <v>0</v>
      </c>
      <c r="BH7" s="195">
        <v>0</v>
      </c>
      <c r="BI7" s="196">
        <v>800</v>
      </c>
      <c r="BJ7" s="196">
        <v>1751</v>
      </c>
      <c r="BK7" s="196">
        <v>915</v>
      </c>
      <c r="BL7" s="196">
        <v>641</v>
      </c>
      <c r="BM7" s="196">
        <v>278</v>
      </c>
      <c r="BN7" s="193">
        <v>4385</v>
      </c>
      <c r="BO7" s="198">
        <v>4385</v>
      </c>
      <c r="BP7" s="192">
        <v>10</v>
      </c>
      <c r="BQ7" s="196">
        <v>29</v>
      </c>
      <c r="BR7" s="193">
        <v>39</v>
      </c>
      <c r="BS7" s="195">
        <v>0</v>
      </c>
      <c r="BT7" s="196">
        <v>325</v>
      </c>
      <c r="BU7" s="196">
        <v>934</v>
      </c>
      <c r="BV7" s="196">
        <v>1015</v>
      </c>
      <c r="BW7" s="196">
        <v>671</v>
      </c>
      <c r="BX7" s="196">
        <v>475</v>
      </c>
      <c r="BY7" s="193">
        <v>3420</v>
      </c>
      <c r="BZ7" s="198">
        <v>3459</v>
      </c>
      <c r="CA7" s="192">
        <v>3</v>
      </c>
      <c r="CB7" s="196">
        <v>13</v>
      </c>
      <c r="CC7" s="193">
        <v>16</v>
      </c>
      <c r="CD7" s="195">
        <v>0</v>
      </c>
      <c r="CE7" s="196">
        <v>44</v>
      </c>
      <c r="CF7" s="196">
        <v>152</v>
      </c>
      <c r="CG7" s="196">
        <v>186</v>
      </c>
      <c r="CH7" s="196">
        <v>244</v>
      </c>
      <c r="CI7" s="196">
        <v>216</v>
      </c>
      <c r="CJ7" s="193">
        <v>842</v>
      </c>
      <c r="CK7" s="198">
        <v>858</v>
      </c>
      <c r="CL7" s="192">
        <v>0</v>
      </c>
      <c r="CM7" s="196">
        <v>0</v>
      </c>
      <c r="CN7" s="193">
        <v>0</v>
      </c>
      <c r="CO7" s="195">
        <v>0</v>
      </c>
      <c r="CP7" s="196">
        <v>0</v>
      </c>
      <c r="CQ7" s="196">
        <v>0</v>
      </c>
      <c r="CR7" s="196">
        <v>0</v>
      </c>
      <c r="CS7" s="196">
        <v>0</v>
      </c>
      <c r="CT7" s="196">
        <v>0</v>
      </c>
      <c r="CU7" s="193">
        <v>0</v>
      </c>
      <c r="CV7" s="198">
        <v>0</v>
      </c>
      <c r="CW7" s="192">
        <v>0</v>
      </c>
      <c r="CX7" s="196">
        <v>0</v>
      </c>
      <c r="CY7" s="193">
        <v>0</v>
      </c>
      <c r="CZ7" s="195">
        <v>0</v>
      </c>
      <c r="DA7" s="196">
        <v>0</v>
      </c>
      <c r="DB7" s="196">
        <v>0</v>
      </c>
      <c r="DC7" s="196">
        <v>0</v>
      </c>
      <c r="DD7" s="196">
        <v>0</v>
      </c>
      <c r="DE7" s="196">
        <v>0</v>
      </c>
      <c r="DF7" s="193">
        <v>0</v>
      </c>
      <c r="DG7" s="198">
        <v>0</v>
      </c>
    </row>
    <row r="8" spans="1:111" ht="18.75" customHeight="1" x14ac:dyDescent="0.2">
      <c r="A8" s="177" t="s">
        <v>6</v>
      </c>
      <c r="B8" s="192">
        <v>0</v>
      </c>
      <c r="C8" s="196">
        <v>0</v>
      </c>
      <c r="D8" s="458">
        <v>0</v>
      </c>
      <c r="E8" s="195">
        <v>0</v>
      </c>
      <c r="F8" s="196">
        <v>2373</v>
      </c>
      <c r="G8" s="196">
        <v>3336</v>
      </c>
      <c r="H8" s="196">
        <v>2709</v>
      </c>
      <c r="I8" s="196">
        <v>4305</v>
      </c>
      <c r="J8" s="196">
        <v>3192</v>
      </c>
      <c r="K8" s="197">
        <v>15915</v>
      </c>
      <c r="L8" s="198">
        <v>15915</v>
      </c>
      <c r="M8" s="192">
        <v>0</v>
      </c>
      <c r="N8" s="196">
        <v>9</v>
      </c>
      <c r="O8" s="193">
        <v>9</v>
      </c>
      <c r="P8" s="195">
        <v>0</v>
      </c>
      <c r="Q8" s="196">
        <v>1</v>
      </c>
      <c r="R8" s="196">
        <v>11</v>
      </c>
      <c r="S8" s="196">
        <v>71</v>
      </c>
      <c r="T8" s="196">
        <v>112</v>
      </c>
      <c r="U8" s="196">
        <v>155</v>
      </c>
      <c r="V8" s="193">
        <v>350</v>
      </c>
      <c r="W8" s="198">
        <v>359</v>
      </c>
      <c r="X8" s="192">
        <v>199</v>
      </c>
      <c r="Y8" s="196">
        <v>715</v>
      </c>
      <c r="Z8" s="193">
        <v>914</v>
      </c>
      <c r="AA8" s="195">
        <v>0</v>
      </c>
      <c r="AB8" s="196">
        <v>2030</v>
      </c>
      <c r="AC8" s="196">
        <v>2019</v>
      </c>
      <c r="AD8" s="196">
        <v>1473</v>
      </c>
      <c r="AE8" s="196">
        <v>1221</v>
      </c>
      <c r="AF8" s="196">
        <v>931</v>
      </c>
      <c r="AG8" s="193">
        <v>7674</v>
      </c>
      <c r="AH8" s="198">
        <v>8588</v>
      </c>
      <c r="AI8" s="192">
        <v>46</v>
      </c>
      <c r="AJ8" s="196">
        <v>77</v>
      </c>
      <c r="AK8" s="193">
        <v>123</v>
      </c>
      <c r="AL8" s="195">
        <v>0</v>
      </c>
      <c r="AM8" s="196">
        <v>235</v>
      </c>
      <c r="AN8" s="196">
        <v>235</v>
      </c>
      <c r="AO8" s="196">
        <v>188</v>
      </c>
      <c r="AP8" s="196">
        <v>130</v>
      </c>
      <c r="AQ8" s="196">
        <v>56</v>
      </c>
      <c r="AR8" s="193">
        <v>844</v>
      </c>
      <c r="AS8" s="198">
        <v>967</v>
      </c>
      <c r="AT8" s="192">
        <v>0</v>
      </c>
      <c r="AU8" s="196">
        <v>0</v>
      </c>
      <c r="AV8" s="193">
        <v>0</v>
      </c>
      <c r="AW8" s="195">
        <v>0</v>
      </c>
      <c r="AX8" s="196">
        <v>2093</v>
      </c>
      <c r="AY8" s="196">
        <v>1494</v>
      </c>
      <c r="AZ8" s="196">
        <v>804</v>
      </c>
      <c r="BA8" s="196">
        <v>574</v>
      </c>
      <c r="BB8" s="196">
        <v>245</v>
      </c>
      <c r="BC8" s="197">
        <v>5210</v>
      </c>
      <c r="BD8" s="198">
        <v>5210</v>
      </c>
      <c r="BE8" s="192">
        <v>0</v>
      </c>
      <c r="BF8" s="196">
        <v>0</v>
      </c>
      <c r="BG8" s="193">
        <v>0</v>
      </c>
      <c r="BH8" s="195">
        <v>0</v>
      </c>
      <c r="BI8" s="196">
        <v>313</v>
      </c>
      <c r="BJ8" s="196">
        <v>395</v>
      </c>
      <c r="BK8" s="196">
        <v>183</v>
      </c>
      <c r="BL8" s="196">
        <v>261</v>
      </c>
      <c r="BM8" s="196">
        <v>65</v>
      </c>
      <c r="BN8" s="193">
        <v>1217</v>
      </c>
      <c r="BO8" s="198">
        <v>1217</v>
      </c>
      <c r="BP8" s="192">
        <v>0</v>
      </c>
      <c r="BQ8" s="196">
        <v>2</v>
      </c>
      <c r="BR8" s="193">
        <v>2</v>
      </c>
      <c r="BS8" s="195">
        <v>0</v>
      </c>
      <c r="BT8" s="196">
        <v>132</v>
      </c>
      <c r="BU8" s="196">
        <v>198</v>
      </c>
      <c r="BV8" s="196">
        <v>382</v>
      </c>
      <c r="BW8" s="196">
        <v>266</v>
      </c>
      <c r="BX8" s="196">
        <v>167</v>
      </c>
      <c r="BY8" s="193">
        <v>1145</v>
      </c>
      <c r="BZ8" s="198">
        <v>1147</v>
      </c>
      <c r="CA8" s="192">
        <v>0</v>
      </c>
      <c r="CB8" s="196">
        <v>0</v>
      </c>
      <c r="CC8" s="193">
        <v>0</v>
      </c>
      <c r="CD8" s="195">
        <v>0</v>
      </c>
      <c r="CE8" s="196">
        <v>17</v>
      </c>
      <c r="CF8" s="196">
        <v>48</v>
      </c>
      <c r="CG8" s="196">
        <v>53</v>
      </c>
      <c r="CH8" s="196">
        <v>87</v>
      </c>
      <c r="CI8" s="196">
        <v>24</v>
      </c>
      <c r="CJ8" s="193">
        <v>229</v>
      </c>
      <c r="CK8" s="198">
        <v>229</v>
      </c>
      <c r="CL8" s="192">
        <v>0</v>
      </c>
      <c r="CM8" s="196">
        <v>0</v>
      </c>
      <c r="CN8" s="193">
        <v>0</v>
      </c>
      <c r="CO8" s="195">
        <v>0</v>
      </c>
      <c r="CP8" s="196">
        <v>0</v>
      </c>
      <c r="CQ8" s="196">
        <v>0</v>
      </c>
      <c r="CR8" s="196">
        <v>0</v>
      </c>
      <c r="CS8" s="196">
        <v>0</v>
      </c>
      <c r="CT8" s="196">
        <v>0</v>
      </c>
      <c r="CU8" s="193">
        <v>0</v>
      </c>
      <c r="CV8" s="198">
        <v>0</v>
      </c>
      <c r="CW8" s="192">
        <v>0</v>
      </c>
      <c r="CX8" s="196">
        <v>0</v>
      </c>
      <c r="CY8" s="193">
        <v>0</v>
      </c>
      <c r="CZ8" s="195">
        <v>0</v>
      </c>
      <c r="DA8" s="196">
        <v>0</v>
      </c>
      <c r="DB8" s="196">
        <v>0</v>
      </c>
      <c r="DC8" s="196">
        <v>0</v>
      </c>
      <c r="DD8" s="196">
        <v>0</v>
      </c>
      <c r="DE8" s="196">
        <v>0</v>
      </c>
      <c r="DF8" s="193">
        <v>0</v>
      </c>
      <c r="DG8" s="198">
        <v>0</v>
      </c>
    </row>
    <row r="9" spans="1:111" ht="18.75" customHeight="1" x14ac:dyDescent="0.2">
      <c r="A9" s="177" t="s">
        <v>14</v>
      </c>
      <c r="B9" s="192">
        <v>0</v>
      </c>
      <c r="C9" s="196">
        <v>0</v>
      </c>
      <c r="D9" s="458">
        <v>0</v>
      </c>
      <c r="E9" s="195">
        <v>0</v>
      </c>
      <c r="F9" s="196">
        <v>862</v>
      </c>
      <c r="G9" s="196">
        <v>860</v>
      </c>
      <c r="H9" s="196">
        <v>1250</v>
      </c>
      <c r="I9" s="196">
        <v>1340</v>
      </c>
      <c r="J9" s="196">
        <v>1018</v>
      </c>
      <c r="K9" s="197">
        <v>5330</v>
      </c>
      <c r="L9" s="198">
        <v>5330</v>
      </c>
      <c r="M9" s="192">
        <v>0</v>
      </c>
      <c r="N9" s="196">
        <v>0</v>
      </c>
      <c r="O9" s="193">
        <v>0</v>
      </c>
      <c r="P9" s="195">
        <v>0</v>
      </c>
      <c r="Q9" s="196">
        <v>0</v>
      </c>
      <c r="R9" s="196">
        <v>4</v>
      </c>
      <c r="S9" s="196">
        <v>9</v>
      </c>
      <c r="T9" s="196">
        <v>80</v>
      </c>
      <c r="U9" s="196">
        <v>85</v>
      </c>
      <c r="V9" s="193">
        <v>178</v>
      </c>
      <c r="W9" s="198">
        <v>178</v>
      </c>
      <c r="X9" s="192">
        <v>40</v>
      </c>
      <c r="Y9" s="196">
        <v>164</v>
      </c>
      <c r="Z9" s="193">
        <v>204</v>
      </c>
      <c r="AA9" s="195">
        <v>0</v>
      </c>
      <c r="AB9" s="196">
        <v>414</v>
      </c>
      <c r="AC9" s="196">
        <v>524</v>
      </c>
      <c r="AD9" s="196">
        <v>469</v>
      </c>
      <c r="AE9" s="196">
        <v>538</v>
      </c>
      <c r="AF9" s="196">
        <v>324</v>
      </c>
      <c r="AG9" s="193">
        <v>2269</v>
      </c>
      <c r="AH9" s="198">
        <v>2473</v>
      </c>
      <c r="AI9" s="192">
        <v>0</v>
      </c>
      <c r="AJ9" s="196">
        <v>30</v>
      </c>
      <c r="AK9" s="193">
        <v>30</v>
      </c>
      <c r="AL9" s="195">
        <v>0</v>
      </c>
      <c r="AM9" s="196">
        <v>12</v>
      </c>
      <c r="AN9" s="196">
        <v>48</v>
      </c>
      <c r="AO9" s="196">
        <v>60</v>
      </c>
      <c r="AP9" s="196">
        <v>18</v>
      </c>
      <c r="AQ9" s="196">
        <v>8</v>
      </c>
      <c r="AR9" s="193">
        <v>146</v>
      </c>
      <c r="AS9" s="198">
        <v>176</v>
      </c>
      <c r="AT9" s="192">
        <v>0</v>
      </c>
      <c r="AU9" s="196">
        <v>0</v>
      </c>
      <c r="AV9" s="193">
        <v>0</v>
      </c>
      <c r="AW9" s="195">
        <v>0</v>
      </c>
      <c r="AX9" s="196">
        <v>858</v>
      </c>
      <c r="AY9" s="196">
        <v>722</v>
      </c>
      <c r="AZ9" s="196">
        <v>416</v>
      </c>
      <c r="BA9" s="196">
        <v>274</v>
      </c>
      <c r="BB9" s="196">
        <v>150</v>
      </c>
      <c r="BC9" s="197">
        <v>2420</v>
      </c>
      <c r="BD9" s="198">
        <v>2420</v>
      </c>
      <c r="BE9" s="192">
        <v>0</v>
      </c>
      <c r="BF9" s="196">
        <v>0</v>
      </c>
      <c r="BG9" s="193">
        <v>0</v>
      </c>
      <c r="BH9" s="195">
        <v>0</v>
      </c>
      <c r="BI9" s="196">
        <v>58</v>
      </c>
      <c r="BJ9" s="196">
        <v>137</v>
      </c>
      <c r="BK9" s="196">
        <v>66</v>
      </c>
      <c r="BL9" s="196">
        <v>97</v>
      </c>
      <c r="BM9" s="196">
        <v>13</v>
      </c>
      <c r="BN9" s="193">
        <v>371</v>
      </c>
      <c r="BO9" s="198">
        <v>371</v>
      </c>
      <c r="BP9" s="192">
        <v>3</v>
      </c>
      <c r="BQ9" s="196">
        <v>15</v>
      </c>
      <c r="BR9" s="193">
        <v>18</v>
      </c>
      <c r="BS9" s="195">
        <v>0</v>
      </c>
      <c r="BT9" s="196">
        <v>40</v>
      </c>
      <c r="BU9" s="196">
        <v>116</v>
      </c>
      <c r="BV9" s="196">
        <v>172</v>
      </c>
      <c r="BW9" s="196">
        <v>174</v>
      </c>
      <c r="BX9" s="196">
        <v>99</v>
      </c>
      <c r="BY9" s="193">
        <v>601</v>
      </c>
      <c r="BZ9" s="198">
        <v>619</v>
      </c>
      <c r="CA9" s="192">
        <v>0</v>
      </c>
      <c r="CB9" s="196">
        <v>0</v>
      </c>
      <c r="CC9" s="193">
        <v>0</v>
      </c>
      <c r="CD9" s="195">
        <v>0</v>
      </c>
      <c r="CE9" s="196">
        <v>0</v>
      </c>
      <c r="CF9" s="196">
        <v>4</v>
      </c>
      <c r="CG9" s="196">
        <v>1</v>
      </c>
      <c r="CH9" s="196">
        <v>73</v>
      </c>
      <c r="CI9" s="196">
        <v>6</v>
      </c>
      <c r="CJ9" s="193">
        <v>84</v>
      </c>
      <c r="CK9" s="198">
        <v>84</v>
      </c>
      <c r="CL9" s="192">
        <v>0</v>
      </c>
      <c r="CM9" s="196">
        <v>0</v>
      </c>
      <c r="CN9" s="193">
        <v>0</v>
      </c>
      <c r="CO9" s="195">
        <v>0</v>
      </c>
      <c r="CP9" s="196">
        <v>0</v>
      </c>
      <c r="CQ9" s="196">
        <v>0</v>
      </c>
      <c r="CR9" s="196">
        <v>0</v>
      </c>
      <c r="CS9" s="196">
        <v>0</v>
      </c>
      <c r="CT9" s="196">
        <v>0</v>
      </c>
      <c r="CU9" s="193">
        <v>0</v>
      </c>
      <c r="CV9" s="198">
        <v>0</v>
      </c>
      <c r="CW9" s="192">
        <v>0</v>
      </c>
      <c r="CX9" s="196">
        <v>0</v>
      </c>
      <c r="CY9" s="193">
        <v>0</v>
      </c>
      <c r="CZ9" s="195">
        <v>0</v>
      </c>
      <c r="DA9" s="196">
        <v>0</v>
      </c>
      <c r="DB9" s="196">
        <v>0</v>
      </c>
      <c r="DC9" s="196">
        <v>0</v>
      </c>
      <c r="DD9" s="196">
        <v>0</v>
      </c>
      <c r="DE9" s="196">
        <v>0</v>
      </c>
      <c r="DF9" s="193">
        <v>0</v>
      </c>
      <c r="DG9" s="198">
        <v>0</v>
      </c>
    </row>
    <row r="10" spans="1:111" ht="18.75" customHeight="1" x14ac:dyDescent="0.2">
      <c r="A10" s="177" t="s">
        <v>7</v>
      </c>
      <c r="B10" s="192">
        <v>0</v>
      </c>
      <c r="C10" s="196">
        <v>0</v>
      </c>
      <c r="D10" s="458">
        <v>0</v>
      </c>
      <c r="E10" s="195">
        <v>0</v>
      </c>
      <c r="F10" s="196">
        <v>678</v>
      </c>
      <c r="G10" s="196">
        <v>710</v>
      </c>
      <c r="H10" s="196">
        <v>683</v>
      </c>
      <c r="I10" s="196">
        <v>296</v>
      </c>
      <c r="J10" s="196">
        <v>814</v>
      </c>
      <c r="K10" s="197">
        <v>3181</v>
      </c>
      <c r="L10" s="198">
        <v>3181</v>
      </c>
      <c r="M10" s="192">
        <v>0</v>
      </c>
      <c r="N10" s="196">
        <v>0</v>
      </c>
      <c r="O10" s="193">
        <v>0</v>
      </c>
      <c r="P10" s="195">
        <v>0</v>
      </c>
      <c r="Q10" s="196">
        <v>10</v>
      </c>
      <c r="R10" s="196">
        <v>8</v>
      </c>
      <c r="S10" s="196">
        <v>4</v>
      </c>
      <c r="T10" s="196">
        <v>4</v>
      </c>
      <c r="U10" s="196">
        <v>49</v>
      </c>
      <c r="V10" s="193">
        <v>75</v>
      </c>
      <c r="W10" s="198">
        <v>75</v>
      </c>
      <c r="X10" s="192">
        <v>0</v>
      </c>
      <c r="Y10" s="196">
        <v>21</v>
      </c>
      <c r="Z10" s="193">
        <v>21</v>
      </c>
      <c r="AA10" s="195">
        <v>0</v>
      </c>
      <c r="AB10" s="196">
        <v>218</v>
      </c>
      <c r="AC10" s="196">
        <v>267</v>
      </c>
      <c r="AD10" s="196">
        <v>79</v>
      </c>
      <c r="AE10" s="196">
        <v>125</v>
      </c>
      <c r="AF10" s="196">
        <v>140</v>
      </c>
      <c r="AG10" s="193">
        <v>829</v>
      </c>
      <c r="AH10" s="198">
        <v>850</v>
      </c>
      <c r="AI10" s="192">
        <v>0</v>
      </c>
      <c r="AJ10" s="196">
        <v>0</v>
      </c>
      <c r="AK10" s="193">
        <v>0</v>
      </c>
      <c r="AL10" s="195">
        <v>0</v>
      </c>
      <c r="AM10" s="196">
        <v>54</v>
      </c>
      <c r="AN10" s="196">
        <v>73</v>
      </c>
      <c r="AO10" s="196">
        <v>18</v>
      </c>
      <c r="AP10" s="196">
        <v>26</v>
      </c>
      <c r="AQ10" s="196">
        <v>0</v>
      </c>
      <c r="AR10" s="193">
        <v>171</v>
      </c>
      <c r="AS10" s="198">
        <v>171</v>
      </c>
      <c r="AT10" s="192">
        <v>0</v>
      </c>
      <c r="AU10" s="196">
        <v>0</v>
      </c>
      <c r="AV10" s="193">
        <v>0</v>
      </c>
      <c r="AW10" s="195">
        <v>0</v>
      </c>
      <c r="AX10" s="196">
        <v>511</v>
      </c>
      <c r="AY10" s="196">
        <v>346</v>
      </c>
      <c r="AZ10" s="196">
        <v>99</v>
      </c>
      <c r="BA10" s="196">
        <v>51</v>
      </c>
      <c r="BB10" s="196">
        <v>38</v>
      </c>
      <c r="BC10" s="197">
        <v>1045</v>
      </c>
      <c r="BD10" s="198">
        <v>1045</v>
      </c>
      <c r="BE10" s="192">
        <v>0</v>
      </c>
      <c r="BF10" s="196">
        <v>0</v>
      </c>
      <c r="BG10" s="193">
        <v>0</v>
      </c>
      <c r="BH10" s="195">
        <v>0</v>
      </c>
      <c r="BI10" s="196">
        <v>175</v>
      </c>
      <c r="BJ10" s="196">
        <v>100</v>
      </c>
      <c r="BK10" s="196">
        <v>55</v>
      </c>
      <c r="BL10" s="196">
        <v>16</v>
      </c>
      <c r="BM10" s="196">
        <v>16</v>
      </c>
      <c r="BN10" s="193">
        <v>362</v>
      </c>
      <c r="BO10" s="198">
        <v>362</v>
      </c>
      <c r="BP10" s="192">
        <v>0</v>
      </c>
      <c r="BQ10" s="196">
        <v>0</v>
      </c>
      <c r="BR10" s="193">
        <v>0</v>
      </c>
      <c r="BS10" s="195">
        <v>0</v>
      </c>
      <c r="BT10" s="196">
        <v>47</v>
      </c>
      <c r="BU10" s="196">
        <v>57</v>
      </c>
      <c r="BV10" s="196">
        <v>116</v>
      </c>
      <c r="BW10" s="196">
        <v>87</v>
      </c>
      <c r="BX10" s="196">
        <v>17</v>
      </c>
      <c r="BY10" s="193">
        <v>324</v>
      </c>
      <c r="BZ10" s="198">
        <v>324</v>
      </c>
      <c r="CA10" s="192">
        <v>0</v>
      </c>
      <c r="CB10" s="196">
        <v>0</v>
      </c>
      <c r="CC10" s="193">
        <v>0</v>
      </c>
      <c r="CD10" s="195">
        <v>0</v>
      </c>
      <c r="CE10" s="196">
        <v>0</v>
      </c>
      <c r="CF10" s="196">
        <v>24</v>
      </c>
      <c r="CG10" s="196">
        <v>0</v>
      </c>
      <c r="CH10" s="196">
        <v>0</v>
      </c>
      <c r="CI10" s="196">
        <v>7</v>
      </c>
      <c r="CJ10" s="193">
        <v>31</v>
      </c>
      <c r="CK10" s="198">
        <v>31</v>
      </c>
      <c r="CL10" s="192">
        <v>0</v>
      </c>
      <c r="CM10" s="196">
        <v>0</v>
      </c>
      <c r="CN10" s="193">
        <v>0</v>
      </c>
      <c r="CO10" s="195">
        <v>0</v>
      </c>
      <c r="CP10" s="196">
        <v>0</v>
      </c>
      <c r="CQ10" s="196">
        <v>0</v>
      </c>
      <c r="CR10" s="196">
        <v>0</v>
      </c>
      <c r="CS10" s="196">
        <v>0</v>
      </c>
      <c r="CT10" s="196">
        <v>0</v>
      </c>
      <c r="CU10" s="193">
        <v>0</v>
      </c>
      <c r="CV10" s="198">
        <v>0</v>
      </c>
      <c r="CW10" s="192">
        <v>0</v>
      </c>
      <c r="CX10" s="196">
        <v>0</v>
      </c>
      <c r="CY10" s="193">
        <v>0</v>
      </c>
      <c r="CZ10" s="195">
        <v>0</v>
      </c>
      <c r="DA10" s="196">
        <v>0</v>
      </c>
      <c r="DB10" s="196">
        <v>0</v>
      </c>
      <c r="DC10" s="196">
        <v>0</v>
      </c>
      <c r="DD10" s="196">
        <v>0</v>
      </c>
      <c r="DE10" s="196">
        <v>0</v>
      </c>
      <c r="DF10" s="193">
        <v>0</v>
      </c>
      <c r="DG10" s="198">
        <v>0</v>
      </c>
    </row>
    <row r="11" spans="1:111" ht="18.75" customHeight="1" x14ac:dyDescent="0.2">
      <c r="A11" s="177" t="s">
        <v>8</v>
      </c>
      <c r="B11" s="192">
        <v>0</v>
      </c>
      <c r="C11" s="196">
        <v>0</v>
      </c>
      <c r="D11" s="458">
        <v>0</v>
      </c>
      <c r="E11" s="195">
        <v>0</v>
      </c>
      <c r="F11" s="196">
        <v>169</v>
      </c>
      <c r="G11" s="196">
        <v>379</v>
      </c>
      <c r="H11" s="196">
        <v>83</v>
      </c>
      <c r="I11" s="196">
        <v>414</v>
      </c>
      <c r="J11" s="196">
        <v>139</v>
      </c>
      <c r="K11" s="197">
        <v>1184</v>
      </c>
      <c r="L11" s="198">
        <v>1184</v>
      </c>
      <c r="M11" s="192">
        <v>0</v>
      </c>
      <c r="N11" s="196">
        <v>0</v>
      </c>
      <c r="O11" s="193">
        <v>0</v>
      </c>
      <c r="P11" s="195">
        <v>0</v>
      </c>
      <c r="Q11" s="196">
        <v>1</v>
      </c>
      <c r="R11" s="196">
        <v>0</v>
      </c>
      <c r="S11" s="196">
        <v>0</v>
      </c>
      <c r="T11" s="196">
        <v>36</v>
      </c>
      <c r="U11" s="196">
        <v>17</v>
      </c>
      <c r="V11" s="193">
        <v>54</v>
      </c>
      <c r="W11" s="198">
        <v>54</v>
      </c>
      <c r="X11" s="192">
        <v>5</v>
      </c>
      <c r="Y11" s="196">
        <v>3</v>
      </c>
      <c r="Z11" s="193">
        <v>8</v>
      </c>
      <c r="AA11" s="195">
        <v>0</v>
      </c>
      <c r="AB11" s="196">
        <v>48</v>
      </c>
      <c r="AC11" s="196">
        <v>85</v>
      </c>
      <c r="AD11" s="196">
        <v>48</v>
      </c>
      <c r="AE11" s="196">
        <v>63</v>
      </c>
      <c r="AF11" s="196">
        <v>25</v>
      </c>
      <c r="AG11" s="193">
        <v>269</v>
      </c>
      <c r="AH11" s="198">
        <v>277</v>
      </c>
      <c r="AI11" s="192">
        <v>0</v>
      </c>
      <c r="AJ11" s="196">
        <v>18</v>
      </c>
      <c r="AK11" s="193">
        <v>18</v>
      </c>
      <c r="AL11" s="195">
        <v>0</v>
      </c>
      <c r="AM11" s="196">
        <v>0</v>
      </c>
      <c r="AN11" s="196">
        <v>55</v>
      </c>
      <c r="AO11" s="196">
        <v>75</v>
      </c>
      <c r="AP11" s="196">
        <v>26</v>
      </c>
      <c r="AQ11" s="196">
        <v>24</v>
      </c>
      <c r="AR11" s="193">
        <v>180</v>
      </c>
      <c r="AS11" s="198">
        <v>198</v>
      </c>
      <c r="AT11" s="192">
        <v>0</v>
      </c>
      <c r="AU11" s="196">
        <v>0</v>
      </c>
      <c r="AV11" s="193">
        <v>0</v>
      </c>
      <c r="AW11" s="195">
        <v>0</v>
      </c>
      <c r="AX11" s="196">
        <v>171</v>
      </c>
      <c r="AY11" s="196">
        <v>222</v>
      </c>
      <c r="AZ11" s="196">
        <v>50</v>
      </c>
      <c r="BA11" s="196">
        <v>110</v>
      </c>
      <c r="BB11" s="196">
        <v>13</v>
      </c>
      <c r="BC11" s="197">
        <v>566</v>
      </c>
      <c r="BD11" s="198">
        <v>566</v>
      </c>
      <c r="BE11" s="192">
        <v>0</v>
      </c>
      <c r="BF11" s="196">
        <v>0</v>
      </c>
      <c r="BG11" s="193">
        <v>0</v>
      </c>
      <c r="BH11" s="195">
        <v>0</v>
      </c>
      <c r="BI11" s="196">
        <v>131</v>
      </c>
      <c r="BJ11" s="196">
        <v>68</v>
      </c>
      <c r="BK11" s="196">
        <v>29</v>
      </c>
      <c r="BL11" s="196">
        <v>48</v>
      </c>
      <c r="BM11" s="196">
        <v>9</v>
      </c>
      <c r="BN11" s="193">
        <v>285</v>
      </c>
      <c r="BO11" s="198">
        <v>285</v>
      </c>
      <c r="BP11" s="192">
        <v>0</v>
      </c>
      <c r="BQ11" s="196">
        <v>0</v>
      </c>
      <c r="BR11" s="193">
        <v>0</v>
      </c>
      <c r="BS11" s="195">
        <v>0</v>
      </c>
      <c r="BT11" s="196">
        <v>18</v>
      </c>
      <c r="BU11" s="196">
        <v>49</v>
      </c>
      <c r="BV11" s="196">
        <v>19</v>
      </c>
      <c r="BW11" s="196">
        <v>68</v>
      </c>
      <c r="BX11" s="196">
        <v>41</v>
      </c>
      <c r="BY11" s="193">
        <v>195</v>
      </c>
      <c r="BZ11" s="198">
        <v>195</v>
      </c>
      <c r="CA11" s="192">
        <v>0</v>
      </c>
      <c r="CB11" s="196">
        <v>0</v>
      </c>
      <c r="CC11" s="193">
        <v>0</v>
      </c>
      <c r="CD11" s="195">
        <v>0</v>
      </c>
      <c r="CE11" s="196">
        <v>0</v>
      </c>
      <c r="CF11" s="196">
        <v>3</v>
      </c>
      <c r="CG11" s="196">
        <v>0</v>
      </c>
      <c r="CH11" s="196">
        <v>0</v>
      </c>
      <c r="CI11" s="196">
        <v>1</v>
      </c>
      <c r="CJ11" s="193">
        <v>4</v>
      </c>
      <c r="CK11" s="198">
        <v>4</v>
      </c>
      <c r="CL11" s="192">
        <v>0</v>
      </c>
      <c r="CM11" s="196">
        <v>0</v>
      </c>
      <c r="CN11" s="193">
        <v>0</v>
      </c>
      <c r="CO11" s="195">
        <v>0</v>
      </c>
      <c r="CP11" s="196">
        <v>0</v>
      </c>
      <c r="CQ11" s="196">
        <v>0</v>
      </c>
      <c r="CR11" s="196">
        <v>0</v>
      </c>
      <c r="CS11" s="196">
        <v>0</v>
      </c>
      <c r="CT11" s="196">
        <v>0</v>
      </c>
      <c r="CU11" s="193">
        <v>0</v>
      </c>
      <c r="CV11" s="198">
        <v>0</v>
      </c>
      <c r="CW11" s="192">
        <v>0</v>
      </c>
      <c r="CX11" s="196">
        <v>0</v>
      </c>
      <c r="CY11" s="193">
        <v>0</v>
      </c>
      <c r="CZ11" s="195">
        <v>0</v>
      </c>
      <c r="DA11" s="196">
        <v>0</v>
      </c>
      <c r="DB11" s="196">
        <v>0</v>
      </c>
      <c r="DC11" s="196">
        <v>0</v>
      </c>
      <c r="DD11" s="196">
        <v>0</v>
      </c>
      <c r="DE11" s="196">
        <v>0</v>
      </c>
      <c r="DF11" s="193">
        <v>0</v>
      </c>
      <c r="DG11" s="198">
        <v>0</v>
      </c>
    </row>
    <row r="12" spans="1:111" ht="18.75" customHeight="1" x14ac:dyDescent="0.2">
      <c r="A12" s="177" t="s">
        <v>9</v>
      </c>
      <c r="B12" s="192">
        <v>0</v>
      </c>
      <c r="C12" s="196">
        <v>0</v>
      </c>
      <c r="D12" s="458">
        <v>0</v>
      </c>
      <c r="E12" s="195">
        <v>0</v>
      </c>
      <c r="F12" s="196">
        <v>687</v>
      </c>
      <c r="G12" s="196">
        <v>834</v>
      </c>
      <c r="H12" s="196">
        <v>1155</v>
      </c>
      <c r="I12" s="196">
        <v>1913</v>
      </c>
      <c r="J12" s="196">
        <v>1941</v>
      </c>
      <c r="K12" s="197">
        <v>6530</v>
      </c>
      <c r="L12" s="198">
        <v>6530</v>
      </c>
      <c r="M12" s="192">
        <v>0</v>
      </c>
      <c r="N12" s="196">
        <v>0</v>
      </c>
      <c r="O12" s="193">
        <v>0</v>
      </c>
      <c r="P12" s="195">
        <v>0</v>
      </c>
      <c r="Q12" s="196">
        <v>24</v>
      </c>
      <c r="R12" s="196">
        <v>0</v>
      </c>
      <c r="S12" s="196">
        <v>17</v>
      </c>
      <c r="T12" s="196">
        <v>30</v>
      </c>
      <c r="U12" s="196">
        <v>101</v>
      </c>
      <c r="V12" s="193">
        <v>172</v>
      </c>
      <c r="W12" s="198">
        <v>172</v>
      </c>
      <c r="X12" s="192">
        <v>32</v>
      </c>
      <c r="Y12" s="196">
        <v>45</v>
      </c>
      <c r="Z12" s="193">
        <v>77</v>
      </c>
      <c r="AA12" s="195">
        <v>0</v>
      </c>
      <c r="AB12" s="196">
        <v>478</v>
      </c>
      <c r="AC12" s="196">
        <v>367</v>
      </c>
      <c r="AD12" s="196">
        <v>262</v>
      </c>
      <c r="AE12" s="196">
        <v>277</v>
      </c>
      <c r="AF12" s="196">
        <v>194</v>
      </c>
      <c r="AG12" s="193">
        <v>1578</v>
      </c>
      <c r="AH12" s="198">
        <v>1655</v>
      </c>
      <c r="AI12" s="192">
        <v>8</v>
      </c>
      <c r="AJ12" s="196">
        <v>0</v>
      </c>
      <c r="AK12" s="193">
        <v>8</v>
      </c>
      <c r="AL12" s="195">
        <v>0</v>
      </c>
      <c r="AM12" s="196">
        <v>130</v>
      </c>
      <c r="AN12" s="196">
        <v>190</v>
      </c>
      <c r="AO12" s="196">
        <v>67</v>
      </c>
      <c r="AP12" s="196">
        <v>120</v>
      </c>
      <c r="AQ12" s="196">
        <v>136</v>
      </c>
      <c r="AR12" s="193">
        <v>643</v>
      </c>
      <c r="AS12" s="198">
        <v>651</v>
      </c>
      <c r="AT12" s="192">
        <v>0</v>
      </c>
      <c r="AU12" s="196">
        <v>0</v>
      </c>
      <c r="AV12" s="193">
        <v>0</v>
      </c>
      <c r="AW12" s="195">
        <v>0</v>
      </c>
      <c r="AX12" s="196">
        <v>367</v>
      </c>
      <c r="AY12" s="196">
        <v>335</v>
      </c>
      <c r="AZ12" s="196">
        <v>225</v>
      </c>
      <c r="BA12" s="196">
        <v>118</v>
      </c>
      <c r="BB12" s="196">
        <v>55</v>
      </c>
      <c r="BC12" s="197">
        <v>1100</v>
      </c>
      <c r="BD12" s="198">
        <v>1100</v>
      </c>
      <c r="BE12" s="192">
        <v>0</v>
      </c>
      <c r="BF12" s="196">
        <v>0</v>
      </c>
      <c r="BG12" s="193">
        <v>0</v>
      </c>
      <c r="BH12" s="195">
        <v>0</v>
      </c>
      <c r="BI12" s="196">
        <v>79</v>
      </c>
      <c r="BJ12" s="196">
        <v>127</v>
      </c>
      <c r="BK12" s="196">
        <v>57</v>
      </c>
      <c r="BL12" s="196">
        <v>71</v>
      </c>
      <c r="BM12" s="196">
        <v>5</v>
      </c>
      <c r="BN12" s="193">
        <v>339</v>
      </c>
      <c r="BO12" s="198">
        <v>339</v>
      </c>
      <c r="BP12" s="192">
        <v>0</v>
      </c>
      <c r="BQ12" s="196">
        <v>0</v>
      </c>
      <c r="BR12" s="193">
        <v>0</v>
      </c>
      <c r="BS12" s="195">
        <v>0</v>
      </c>
      <c r="BT12" s="196">
        <v>26</v>
      </c>
      <c r="BU12" s="196">
        <v>52</v>
      </c>
      <c r="BV12" s="196">
        <v>81</v>
      </c>
      <c r="BW12" s="196">
        <v>66</v>
      </c>
      <c r="BX12" s="196">
        <v>56</v>
      </c>
      <c r="BY12" s="193">
        <v>281</v>
      </c>
      <c r="BZ12" s="198">
        <v>281</v>
      </c>
      <c r="CA12" s="192">
        <v>0</v>
      </c>
      <c r="CB12" s="196">
        <v>0</v>
      </c>
      <c r="CC12" s="193">
        <v>0</v>
      </c>
      <c r="CD12" s="195">
        <v>0</v>
      </c>
      <c r="CE12" s="196">
        <v>0</v>
      </c>
      <c r="CF12" s="196">
        <v>4</v>
      </c>
      <c r="CG12" s="196">
        <v>30</v>
      </c>
      <c r="CH12" s="196">
        <v>5</v>
      </c>
      <c r="CI12" s="196">
        <v>12</v>
      </c>
      <c r="CJ12" s="193">
        <v>51</v>
      </c>
      <c r="CK12" s="198">
        <v>51</v>
      </c>
      <c r="CL12" s="192">
        <v>0</v>
      </c>
      <c r="CM12" s="196">
        <v>0</v>
      </c>
      <c r="CN12" s="193">
        <v>0</v>
      </c>
      <c r="CO12" s="195">
        <v>0</v>
      </c>
      <c r="CP12" s="196">
        <v>0</v>
      </c>
      <c r="CQ12" s="196">
        <v>0</v>
      </c>
      <c r="CR12" s="196">
        <v>0</v>
      </c>
      <c r="CS12" s="196">
        <v>0</v>
      </c>
      <c r="CT12" s="196">
        <v>0</v>
      </c>
      <c r="CU12" s="193">
        <v>0</v>
      </c>
      <c r="CV12" s="198">
        <v>0</v>
      </c>
      <c r="CW12" s="192">
        <v>0</v>
      </c>
      <c r="CX12" s="196">
        <v>0</v>
      </c>
      <c r="CY12" s="193">
        <v>0</v>
      </c>
      <c r="CZ12" s="195">
        <v>0</v>
      </c>
      <c r="DA12" s="196">
        <v>0</v>
      </c>
      <c r="DB12" s="196">
        <v>0</v>
      </c>
      <c r="DC12" s="196">
        <v>0</v>
      </c>
      <c r="DD12" s="196">
        <v>0</v>
      </c>
      <c r="DE12" s="196">
        <v>0</v>
      </c>
      <c r="DF12" s="193">
        <v>0</v>
      </c>
      <c r="DG12" s="198">
        <v>0</v>
      </c>
    </row>
    <row r="13" spans="1:111" ht="18.75" customHeight="1" x14ac:dyDescent="0.2">
      <c r="A13" s="177" t="s">
        <v>10</v>
      </c>
      <c r="B13" s="192">
        <v>0</v>
      </c>
      <c r="C13" s="196">
        <v>0</v>
      </c>
      <c r="D13" s="458">
        <v>0</v>
      </c>
      <c r="E13" s="195">
        <v>0</v>
      </c>
      <c r="F13" s="196">
        <v>1163</v>
      </c>
      <c r="G13" s="196">
        <v>1063</v>
      </c>
      <c r="H13" s="196">
        <v>1112</v>
      </c>
      <c r="I13" s="196">
        <v>1922</v>
      </c>
      <c r="J13" s="196">
        <v>1513</v>
      </c>
      <c r="K13" s="197">
        <v>6773</v>
      </c>
      <c r="L13" s="198">
        <v>6773</v>
      </c>
      <c r="M13" s="192">
        <v>0</v>
      </c>
      <c r="N13" s="196">
        <v>0</v>
      </c>
      <c r="O13" s="193">
        <v>0</v>
      </c>
      <c r="P13" s="195">
        <v>0</v>
      </c>
      <c r="Q13" s="196">
        <v>12</v>
      </c>
      <c r="R13" s="196">
        <v>6</v>
      </c>
      <c r="S13" s="196">
        <v>4</v>
      </c>
      <c r="T13" s="196">
        <v>1</v>
      </c>
      <c r="U13" s="196">
        <v>53</v>
      </c>
      <c r="V13" s="193">
        <v>76</v>
      </c>
      <c r="W13" s="198">
        <v>76</v>
      </c>
      <c r="X13" s="192">
        <v>43</v>
      </c>
      <c r="Y13" s="196">
        <v>194</v>
      </c>
      <c r="Z13" s="193">
        <v>237</v>
      </c>
      <c r="AA13" s="195">
        <v>0</v>
      </c>
      <c r="AB13" s="196">
        <v>572</v>
      </c>
      <c r="AC13" s="196">
        <v>334</v>
      </c>
      <c r="AD13" s="196">
        <v>296</v>
      </c>
      <c r="AE13" s="196">
        <v>240</v>
      </c>
      <c r="AF13" s="196">
        <v>133</v>
      </c>
      <c r="AG13" s="193">
        <v>1575</v>
      </c>
      <c r="AH13" s="198">
        <v>1812</v>
      </c>
      <c r="AI13" s="192">
        <v>28</v>
      </c>
      <c r="AJ13" s="196">
        <v>121</v>
      </c>
      <c r="AK13" s="193">
        <v>149</v>
      </c>
      <c r="AL13" s="195">
        <v>0</v>
      </c>
      <c r="AM13" s="196">
        <v>28</v>
      </c>
      <c r="AN13" s="196">
        <v>41</v>
      </c>
      <c r="AO13" s="196">
        <v>78</v>
      </c>
      <c r="AP13" s="196">
        <v>42</v>
      </c>
      <c r="AQ13" s="196">
        <v>24</v>
      </c>
      <c r="AR13" s="193">
        <v>213</v>
      </c>
      <c r="AS13" s="198">
        <v>362</v>
      </c>
      <c r="AT13" s="192">
        <v>0</v>
      </c>
      <c r="AU13" s="196">
        <v>0</v>
      </c>
      <c r="AV13" s="193">
        <v>0</v>
      </c>
      <c r="AW13" s="195">
        <v>0</v>
      </c>
      <c r="AX13" s="196">
        <v>1103</v>
      </c>
      <c r="AY13" s="196">
        <v>597</v>
      </c>
      <c r="AZ13" s="196">
        <v>238</v>
      </c>
      <c r="BA13" s="196">
        <v>164</v>
      </c>
      <c r="BB13" s="196">
        <v>25</v>
      </c>
      <c r="BC13" s="197">
        <v>2127</v>
      </c>
      <c r="BD13" s="198">
        <v>2127</v>
      </c>
      <c r="BE13" s="192">
        <v>0</v>
      </c>
      <c r="BF13" s="196">
        <v>0</v>
      </c>
      <c r="BG13" s="193">
        <v>0</v>
      </c>
      <c r="BH13" s="195">
        <v>0</v>
      </c>
      <c r="BI13" s="196">
        <v>120</v>
      </c>
      <c r="BJ13" s="196">
        <v>46</v>
      </c>
      <c r="BK13" s="196">
        <v>56</v>
      </c>
      <c r="BL13" s="196">
        <v>28</v>
      </c>
      <c r="BM13" s="196">
        <v>13</v>
      </c>
      <c r="BN13" s="193">
        <v>263</v>
      </c>
      <c r="BO13" s="198">
        <v>263</v>
      </c>
      <c r="BP13" s="192">
        <v>46</v>
      </c>
      <c r="BQ13" s="196">
        <v>7</v>
      </c>
      <c r="BR13" s="193">
        <v>53</v>
      </c>
      <c r="BS13" s="195">
        <v>0</v>
      </c>
      <c r="BT13" s="196">
        <v>114</v>
      </c>
      <c r="BU13" s="196">
        <v>73</v>
      </c>
      <c r="BV13" s="196">
        <v>135</v>
      </c>
      <c r="BW13" s="196">
        <v>107</v>
      </c>
      <c r="BX13" s="196">
        <v>39</v>
      </c>
      <c r="BY13" s="193">
        <v>468</v>
      </c>
      <c r="BZ13" s="198">
        <v>521</v>
      </c>
      <c r="CA13" s="192">
        <v>0</v>
      </c>
      <c r="CB13" s="196">
        <v>0</v>
      </c>
      <c r="CC13" s="193">
        <v>0</v>
      </c>
      <c r="CD13" s="195">
        <v>0</v>
      </c>
      <c r="CE13" s="196">
        <v>0</v>
      </c>
      <c r="CF13" s="196">
        <v>60</v>
      </c>
      <c r="CG13" s="196">
        <v>10</v>
      </c>
      <c r="CH13" s="196">
        <v>1</v>
      </c>
      <c r="CI13" s="196">
        <v>0</v>
      </c>
      <c r="CJ13" s="193">
        <v>71</v>
      </c>
      <c r="CK13" s="198">
        <v>71</v>
      </c>
      <c r="CL13" s="192">
        <v>0</v>
      </c>
      <c r="CM13" s="196">
        <v>0</v>
      </c>
      <c r="CN13" s="193">
        <v>0</v>
      </c>
      <c r="CO13" s="195">
        <v>0</v>
      </c>
      <c r="CP13" s="196">
        <v>0</v>
      </c>
      <c r="CQ13" s="196">
        <v>0</v>
      </c>
      <c r="CR13" s="196">
        <v>0</v>
      </c>
      <c r="CS13" s="196">
        <v>0</v>
      </c>
      <c r="CT13" s="196">
        <v>0</v>
      </c>
      <c r="CU13" s="193">
        <v>0</v>
      </c>
      <c r="CV13" s="198">
        <v>0</v>
      </c>
      <c r="CW13" s="192">
        <v>0</v>
      </c>
      <c r="CX13" s="196">
        <v>0</v>
      </c>
      <c r="CY13" s="193">
        <v>0</v>
      </c>
      <c r="CZ13" s="195">
        <v>0</v>
      </c>
      <c r="DA13" s="196">
        <v>0</v>
      </c>
      <c r="DB13" s="196">
        <v>0</v>
      </c>
      <c r="DC13" s="196">
        <v>0</v>
      </c>
      <c r="DD13" s="196">
        <v>0</v>
      </c>
      <c r="DE13" s="196">
        <v>0</v>
      </c>
      <c r="DF13" s="193">
        <v>0</v>
      </c>
      <c r="DG13" s="198">
        <v>0</v>
      </c>
    </row>
    <row r="14" spans="1:111" ht="18.75" customHeight="1" x14ac:dyDescent="0.2">
      <c r="A14" s="177" t="s">
        <v>11</v>
      </c>
      <c r="B14" s="192">
        <v>0</v>
      </c>
      <c r="C14" s="196">
        <v>0</v>
      </c>
      <c r="D14" s="458">
        <v>0</v>
      </c>
      <c r="E14" s="195">
        <v>0</v>
      </c>
      <c r="F14" s="196">
        <v>171</v>
      </c>
      <c r="G14" s="196">
        <v>159</v>
      </c>
      <c r="H14" s="196">
        <v>220</v>
      </c>
      <c r="I14" s="196">
        <v>272</v>
      </c>
      <c r="J14" s="196">
        <v>361</v>
      </c>
      <c r="K14" s="197">
        <v>1183</v>
      </c>
      <c r="L14" s="198">
        <v>1183</v>
      </c>
      <c r="M14" s="192">
        <v>0</v>
      </c>
      <c r="N14" s="196">
        <v>0</v>
      </c>
      <c r="O14" s="193">
        <v>0</v>
      </c>
      <c r="P14" s="195">
        <v>0</v>
      </c>
      <c r="Q14" s="196">
        <v>0</v>
      </c>
      <c r="R14" s="196">
        <v>2</v>
      </c>
      <c r="S14" s="196">
        <v>8</v>
      </c>
      <c r="T14" s="196">
        <v>13</v>
      </c>
      <c r="U14" s="196">
        <v>13</v>
      </c>
      <c r="V14" s="193">
        <v>36</v>
      </c>
      <c r="W14" s="198">
        <v>36</v>
      </c>
      <c r="X14" s="192">
        <v>27</v>
      </c>
      <c r="Y14" s="196">
        <v>38</v>
      </c>
      <c r="Z14" s="193">
        <v>65</v>
      </c>
      <c r="AA14" s="195">
        <v>0</v>
      </c>
      <c r="AB14" s="196">
        <v>195</v>
      </c>
      <c r="AC14" s="196">
        <v>57</v>
      </c>
      <c r="AD14" s="196">
        <v>76</v>
      </c>
      <c r="AE14" s="196">
        <v>108</v>
      </c>
      <c r="AF14" s="196">
        <v>113</v>
      </c>
      <c r="AG14" s="193">
        <v>549</v>
      </c>
      <c r="AH14" s="198">
        <v>614</v>
      </c>
      <c r="AI14" s="192">
        <v>0</v>
      </c>
      <c r="AJ14" s="196">
        <v>16</v>
      </c>
      <c r="AK14" s="193">
        <v>16</v>
      </c>
      <c r="AL14" s="195">
        <v>0</v>
      </c>
      <c r="AM14" s="196">
        <v>59</v>
      </c>
      <c r="AN14" s="196">
        <v>8</v>
      </c>
      <c r="AO14" s="196">
        <v>39</v>
      </c>
      <c r="AP14" s="196">
        <v>0</v>
      </c>
      <c r="AQ14" s="196">
        <v>4</v>
      </c>
      <c r="AR14" s="193">
        <v>110</v>
      </c>
      <c r="AS14" s="198">
        <v>126</v>
      </c>
      <c r="AT14" s="192">
        <v>0</v>
      </c>
      <c r="AU14" s="196">
        <v>0</v>
      </c>
      <c r="AV14" s="193">
        <v>0</v>
      </c>
      <c r="AW14" s="195">
        <v>0</v>
      </c>
      <c r="AX14" s="196">
        <v>240</v>
      </c>
      <c r="AY14" s="196">
        <v>110</v>
      </c>
      <c r="AZ14" s="196">
        <v>143</v>
      </c>
      <c r="BA14" s="196">
        <v>52</v>
      </c>
      <c r="BB14" s="196">
        <v>31</v>
      </c>
      <c r="BC14" s="197">
        <v>576</v>
      </c>
      <c r="BD14" s="198">
        <v>576</v>
      </c>
      <c r="BE14" s="192">
        <v>0</v>
      </c>
      <c r="BF14" s="196">
        <v>0</v>
      </c>
      <c r="BG14" s="193">
        <v>0</v>
      </c>
      <c r="BH14" s="195">
        <v>0</v>
      </c>
      <c r="BI14" s="196">
        <v>83</v>
      </c>
      <c r="BJ14" s="196">
        <v>28</v>
      </c>
      <c r="BK14" s="196">
        <v>91</v>
      </c>
      <c r="BL14" s="196">
        <v>28</v>
      </c>
      <c r="BM14" s="196">
        <v>18</v>
      </c>
      <c r="BN14" s="193">
        <v>248</v>
      </c>
      <c r="BO14" s="198">
        <v>248</v>
      </c>
      <c r="BP14" s="192">
        <v>0</v>
      </c>
      <c r="BQ14" s="196">
        <v>2</v>
      </c>
      <c r="BR14" s="193">
        <v>2</v>
      </c>
      <c r="BS14" s="195">
        <v>0</v>
      </c>
      <c r="BT14" s="196">
        <v>25</v>
      </c>
      <c r="BU14" s="196">
        <v>20</v>
      </c>
      <c r="BV14" s="196">
        <v>36</v>
      </c>
      <c r="BW14" s="196">
        <v>69</v>
      </c>
      <c r="BX14" s="196">
        <v>48</v>
      </c>
      <c r="BY14" s="193">
        <v>198</v>
      </c>
      <c r="BZ14" s="198">
        <v>200</v>
      </c>
      <c r="CA14" s="192">
        <v>0</v>
      </c>
      <c r="CB14" s="196">
        <v>0</v>
      </c>
      <c r="CC14" s="193">
        <v>0</v>
      </c>
      <c r="CD14" s="195">
        <v>0</v>
      </c>
      <c r="CE14" s="196">
        <v>0</v>
      </c>
      <c r="CF14" s="196">
        <v>3</v>
      </c>
      <c r="CG14" s="196">
        <v>17</v>
      </c>
      <c r="CH14" s="196">
        <v>22</v>
      </c>
      <c r="CI14" s="196">
        <v>0</v>
      </c>
      <c r="CJ14" s="193">
        <v>42</v>
      </c>
      <c r="CK14" s="198">
        <v>42</v>
      </c>
      <c r="CL14" s="192">
        <v>0</v>
      </c>
      <c r="CM14" s="196">
        <v>0</v>
      </c>
      <c r="CN14" s="193">
        <v>0</v>
      </c>
      <c r="CO14" s="195">
        <v>0</v>
      </c>
      <c r="CP14" s="196">
        <v>0</v>
      </c>
      <c r="CQ14" s="196">
        <v>0</v>
      </c>
      <c r="CR14" s="196">
        <v>0</v>
      </c>
      <c r="CS14" s="196">
        <v>0</v>
      </c>
      <c r="CT14" s="196">
        <v>0</v>
      </c>
      <c r="CU14" s="193">
        <v>0</v>
      </c>
      <c r="CV14" s="198">
        <v>0</v>
      </c>
      <c r="CW14" s="192">
        <v>0</v>
      </c>
      <c r="CX14" s="196">
        <v>0</v>
      </c>
      <c r="CY14" s="193">
        <v>0</v>
      </c>
      <c r="CZ14" s="195">
        <v>0</v>
      </c>
      <c r="DA14" s="196">
        <v>0</v>
      </c>
      <c r="DB14" s="196">
        <v>0</v>
      </c>
      <c r="DC14" s="196">
        <v>0</v>
      </c>
      <c r="DD14" s="196">
        <v>0</v>
      </c>
      <c r="DE14" s="196">
        <v>0</v>
      </c>
      <c r="DF14" s="193">
        <v>0</v>
      </c>
      <c r="DG14" s="198">
        <v>0</v>
      </c>
    </row>
    <row r="15" spans="1:111" ht="18.75" customHeight="1" x14ac:dyDescent="0.2">
      <c r="A15" s="177" t="s">
        <v>12</v>
      </c>
      <c r="B15" s="192">
        <v>0</v>
      </c>
      <c r="C15" s="196">
        <v>0</v>
      </c>
      <c r="D15" s="458">
        <v>0</v>
      </c>
      <c r="E15" s="195">
        <v>0</v>
      </c>
      <c r="F15" s="196">
        <v>645</v>
      </c>
      <c r="G15" s="196">
        <v>527</v>
      </c>
      <c r="H15" s="196">
        <v>626</v>
      </c>
      <c r="I15" s="196">
        <v>472</v>
      </c>
      <c r="J15" s="196">
        <v>734</v>
      </c>
      <c r="K15" s="197">
        <v>3004</v>
      </c>
      <c r="L15" s="198">
        <v>3004</v>
      </c>
      <c r="M15" s="192">
        <v>0</v>
      </c>
      <c r="N15" s="196">
        <v>0</v>
      </c>
      <c r="O15" s="193">
        <v>0</v>
      </c>
      <c r="P15" s="195">
        <v>0</v>
      </c>
      <c r="Q15" s="196">
        <v>0</v>
      </c>
      <c r="R15" s="196">
        <v>9</v>
      </c>
      <c r="S15" s="196">
        <v>6</v>
      </c>
      <c r="T15" s="196">
        <v>8</v>
      </c>
      <c r="U15" s="196">
        <v>46</v>
      </c>
      <c r="V15" s="193">
        <v>69</v>
      </c>
      <c r="W15" s="198">
        <v>69</v>
      </c>
      <c r="X15" s="192">
        <v>50</v>
      </c>
      <c r="Y15" s="196">
        <v>66</v>
      </c>
      <c r="Z15" s="193">
        <v>116</v>
      </c>
      <c r="AA15" s="195">
        <v>0</v>
      </c>
      <c r="AB15" s="196">
        <v>175</v>
      </c>
      <c r="AC15" s="196">
        <v>114</v>
      </c>
      <c r="AD15" s="196">
        <v>118</v>
      </c>
      <c r="AE15" s="196">
        <v>96</v>
      </c>
      <c r="AF15" s="196">
        <v>162</v>
      </c>
      <c r="AG15" s="193">
        <v>665</v>
      </c>
      <c r="AH15" s="198">
        <v>781</v>
      </c>
      <c r="AI15" s="192">
        <v>0</v>
      </c>
      <c r="AJ15" s="196">
        <v>0</v>
      </c>
      <c r="AK15" s="193">
        <v>0</v>
      </c>
      <c r="AL15" s="195">
        <v>0</v>
      </c>
      <c r="AM15" s="196">
        <v>0</v>
      </c>
      <c r="AN15" s="196">
        <v>24</v>
      </c>
      <c r="AO15" s="196">
        <v>8</v>
      </c>
      <c r="AP15" s="196">
        <v>0</v>
      </c>
      <c r="AQ15" s="196">
        <v>18</v>
      </c>
      <c r="AR15" s="193">
        <v>50</v>
      </c>
      <c r="AS15" s="198">
        <v>50</v>
      </c>
      <c r="AT15" s="192">
        <v>0</v>
      </c>
      <c r="AU15" s="196">
        <v>0</v>
      </c>
      <c r="AV15" s="193">
        <v>0</v>
      </c>
      <c r="AW15" s="195">
        <v>0</v>
      </c>
      <c r="AX15" s="196">
        <v>391</v>
      </c>
      <c r="AY15" s="196">
        <v>117</v>
      </c>
      <c r="AZ15" s="196">
        <v>90</v>
      </c>
      <c r="BA15" s="196">
        <v>144</v>
      </c>
      <c r="BB15" s="196">
        <v>45</v>
      </c>
      <c r="BC15" s="197">
        <v>787</v>
      </c>
      <c r="BD15" s="198">
        <v>787</v>
      </c>
      <c r="BE15" s="192">
        <v>0</v>
      </c>
      <c r="BF15" s="196">
        <v>0</v>
      </c>
      <c r="BG15" s="193">
        <v>0</v>
      </c>
      <c r="BH15" s="195">
        <v>0</v>
      </c>
      <c r="BI15" s="196">
        <v>79</v>
      </c>
      <c r="BJ15" s="196">
        <v>78</v>
      </c>
      <c r="BK15" s="196">
        <v>87</v>
      </c>
      <c r="BL15" s="196">
        <v>34</v>
      </c>
      <c r="BM15" s="196">
        <v>20</v>
      </c>
      <c r="BN15" s="193">
        <v>298</v>
      </c>
      <c r="BO15" s="198">
        <v>298</v>
      </c>
      <c r="BP15" s="192">
        <v>0</v>
      </c>
      <c r="BQ15" s="196">
        <v>0</v>
      </c>
      <c r="BR15" s="193">
        <v>0</v>
      </c>
      <c r="BS15" s="195">
        <v>0</v>
      </c>
      <c r="BT15" s="196">
        <v>51</v>
      </c>
      <c r="BU15" s="196">
        <v>22</v>
      </c>
      <c r="BV15" s="196">
        <v>52</v>
      </c>
      <c r="BW15" s="196">
        <v>85</v>
      </c>
      <c r="BX15" s="196">
        <v>45</v>
      </c>
      <c r="BY15" s="193">
        <v>255</v>
      </c>
      <c r="BZ15" s="198">
        <v>255</v>
      </c>
      <c r="CA15" s="192">
        <v>4</v>
      </c>
      <c r="CB15" s="196">
        <v>0</v>
      </c>
      <c r="CC15" s="193">
        <v>4</v>
      </c>
      <c r="CD15" s="195">
        <v>0</v>
      </c>
      <c r="CE15" s="196">
        <v>0</v>
      </c>
      <c r="CF15" s="196">
        <v>0</v>
      </c>
      <c r="CG15" s="196">
        <v>0</v>
      </c>
      <c r="CH15" s="196">
        <v>0</v>
      </c>
      <c r="CI15" s="196">
        <v>14</v>
      </c>
      <c r="CJ15" s="193">
        <v>14</v>
      </c>
      <c r="CK15" s="198">
        <v>18</v>
      </c>
      <c r="CL15" s="192">
        <v>0</v>
      </c>
      <c r="CM15" s="196">
        <v>0</v>
      </c>
      <c r="CN15" s="193">
        <v>0</v>
      </c>
      <c r="CO15" s="195">
        <v>0</v>
      </c>
      <c r="CP15" s="196">
        <v>0</v>
      </c>
      <c r="CQ15" s="196">
        <v>0</v>
      </c>
      <c r="CR15" s="196">
        <v>0</v>
      </c>
      <c r="CS15" s="196">
        <v>0</v>
      </c>
      <c r="CT15" s="196">
        <v>0</v>
      </c>
      <c r="CU15" s="193">
        <v>0</v>
      </c>
      <c r="CV15" s="198">
        <v>0</v>
      </c>
      <c r="CW15" s="192">
        <v>0</v>
      </c>
      <c r="CX15" s="196">
        <v>0</v>
      </c>
      <c r="CY15" s="193">
        <v>0</v>
      </c>
      <c r="CZ15" s="195">
        <v>0</v>
      </c>
      <c r="DA15" s="196">
        <v>0</v>
      </c>
      <c r="DB15" s="196">
        <v>0</v>
      </c>
      <c r="DC15" s="196">
        <v>0</v>
      </c>
      <c r="DD15" s="196">
        <v>0</v>
      </c>
      <c r="DE15" s="196">
        <v>0</v>
      </c>
      <c r="DF15" s="193">
        <v>0</v>
      </c>
      <c r="DG15" s="198">
        <v>0</v>
      </c>
    </row>
    <row r="16" spans="1:111" ht="18.75" customHeight="1" x14ac:dyDescent="0.2">
      <c r="A16" s="177" t="s">
        <v>13</v>
      </c>
      <c r="B16" s="192">
        <v>0</v>
      </c>
      <c r="C16" s="196">
        <v>0</v>
      </c>
      <c r="D16" s="458">
        <v>0</v>
      </c>
      <c r="E16" s="195">
        <v>0</v>
      </c>
      <c r="F16" s="196">
        <v>121</v>
      </c>
      <c r="G16" s="196">
        <v>270</v>
      </c>
      <c r="H16" s="196">
        <v>524</v>
      </c>
      <c r="I16" s="196">
        <v>571</v>
      </c>
      <c r="J16" s="196">
        <v>484</v>
      </c>
      <c r="K16" s="197">
        <v>1970</v>
      </c>
      <c r="L16" s="198">
        <v>1970</v>
      </c>
      <c r="M16" s="192">
        <v>0</v>
      </c>
      <c r="N16" s="196">
        <v>0</v>
      </c>
      <c r="O16" s="193">
        <v>0</v>
      </c>
      <c r="P16" s="195">
        <v>0</v>
      </c>
      <c r="Q16" s="196">
        <v>0</v>
      </c>
      <c r="R16" s="196">
        <v>0</v>
      </c>
      <c r="S16" s="196">
        <v>8</v>
      </c>
      <c r="T16" s="196">
        <v>3</v>
      </c>
      <c r="U16" s="196">
        <v>0</v>
      </c>
      <c r="V16" s="193">
        <v>11</v>
      </c>
      <c r="W16" s="198">
        <v>11</v>
      </c>
      <c r="X16" s="192">
        <v>17</v>
      </c>
      <c r="Y16" s="196">
        <v>21</v>
      </c>
      <c r="Z16" s="193">
        <v>38</v>
      </c>
      <c r="AA16" s="195">
        <v>0</v>
      </c>
      <c r="AB16" s="196">
        <v>46</v>
      </c>
      <c r="AC16" s="196">
        <v>116</v>
      </c>
      <c r="AD16" s="196">
        <v>122</v>
      </c>
      <c r="AE16" s="196">
        <v>132</v>
      </c>
      <c r="AF16" s="196">
        <v>82</v>
      </c>
      <c r="AG16" s="193">
        <v>498</v>
      </c>
      <c r="AH16" s="198">
        <v>536</v>
      </c>
      <c r="AI16" s="192">
        <v>0</v>
      </c>
      <c r="AJ16" s="196">
        <v>0</v>
      </c>
      <c r="AK16" s="193">
        <v>0</v>
      </c>
      <c r="AL16" s="195">
        <v>0</v>
      </c>
      <c r="AM16" s="196">
        <v>21</v>
      </c>
      <c r="AN16" s="196">
        <v>54</v>
      </c>
      <c r="AO16" s="196">
        <v>28</v>
      </c>
      <c r="AP16" s="196">
        <v>4</v>
      </c>
      <c r="AQ16" s="196">
        <v>39</v>
      </c>
      <c r="AR16" s="193">
        <v>146</v>
      </c>
      <c r="AS16" s="198">
        <v>146</v>
      </c>
      <c r="AT16" s="192">
        <v>0</v>
      </c>
      <c r="AU16" s="196">
        <v>0</v>
      </c>
      <c r="AV16" s="193">
        <v>0</v>
      </c>
      <c r="AW16" s="195">
        <v>0</v>
      </c>
      <c r="AX16" s="196">
        <v>86</v>
      </c>
      <c r="AY16" s="196">
        <v>194</v>
      </c>
      <c r="AZ16" s="196">
        <v>116</v>
      </c>
      <c r="BA16" s="196">
        <v>77</v>
      </c>
      <c r="BB16" s="196">
        <v>2</v>
      </c>
      <c r="BC16" s="197">
        <v>475</v>
      </c>
      <c r="BD16" s="198">
        <v>475</v>
      </c>
      <c r="BE16" s="192">
        <v>0</v>
      </c>
      <c r="BF16" s="196">
        <v>0</v>
      </c>
      <c r="BG16" s="193">
        <v>0</v>
      </c>
      <c r="BH16" s="195">
        <v>0</v>
      </c>
      <c r="BI16" s="196">
        <v>10</v>
      </c>
      <c r="BJ16" s="196">
        <v>18</v>
      </c>
      <c r="BK16" s="196">
        <v>34</v>
      </c>
      <c r="BL16" s="196">
        <v>20</v>
      </c>
      <c r="BM16" s="196">
        <v>0</v>
      </c>
      <c r="BN16" s="193">
        <v>82</v>
      </c>
      <c r="BO16" s="198">
        <v>82</v>
      </c>
      <c r="BP16" s="192">
        <v>0</v>
      </c>
      <c r="BQ16" s="196">
        <v>0</v>
      </c>
      <c r="BR16" s="193">
        <v>0</v>
      </c>
      <c r="BS16" s="195">
        <v>0</v>
      </c>
      <c r="BT16" s="196">
        <v>8</v>
      </c>
      <c r="BU16" s="196">
        <v>5</v>
      </c>
      <c r="BV16" s="196">
        <v>67</v>
      </c>
      <c r="BW16" s="196">
        <v>15</v>
      </c>
      <c r="BX16" s="196">
        <v>30</v>
      </c>
      <c r="BY16" s="193">
        <v>125</v>
      </c>
      <c r="BZ16" s="198">
        <v>125</v>
      </c>
      <c r="CA16" s="192">
        <v>0</v>
      </c>
      <c r="CB16" s="196">
        <v>0</v>
      </c>
      <c r="CC16" s="193">
        <v>0</v>
      </c>
      <c r="CD16" s="195">
        <v>0</v>
      </c>
      <c r="CE16" s="196">
        <v>0</v>
      </c>
      <c r="CF16" s="196">
        <v>0</v>
      </c>
      <c r="CG16" s="196">
        <v>20</v>
      </c>
      <c r="CH16" s="196">
        <v>9</v>
      </c>
      <c r="CI16" s="196">
        <v>0</v>
      </c>
      <c r="CJ16" s="193">
        <v>29</v>
      </c>
      <c r="CK16" s="198">
        <v>29</v>
      </c>
      <c r="CL16" s="192">
        <v>0</v>
      </c>
      <c r="CM16" s="196">
        <v>0</v>
      </c>
      <c r="CN16" s="193">
        <v>0</v>
      </c>
      <c r="CO16" s="195">
        <v>0</v>
      </c>
      <c r="CP16" s="196">
        <v>0</v>
      </c>
      <c r="CQ16" s="196">
        <v>0</v>
      </c>
      <c r="CR16" s="196">
        <v>0</v>
      </c>
      <c r="CS16" s="196">
        <v>0</v>
      </c>
      <c r="CT16" s="196">
        <v>0</v>
      </c>
      <c r="CU16" s="193">
        <v>0</v>
      </c>
      <c r="CV16" s="198">
        <v>0</v>
      </c>
      <c r="CW16" s="192">
        <v>0</v>
      </c>
      <c r="CX16" s="196">
        <v>0</v>
      </c>
      <c r="CY16" s="193">
        <v>0</v>
      </c>
      <c r="CZ16" s="195">
        <v>0</v>
      </c>
      <c r="DA16" s="196">
        <v>0</v>
      </c>
      <c r="DB16" s="196">
        <v>0</v>
      </c>
      <c r="DC16" s="196">
        <v>0</v>
      </c>
      <c r="DD16" s="196">
        <v>0</v>
      </c>
      <c r="DE16" s="196">
        <v>0</v>
      </c>
      <c r="DF16" s="193">
        <v>0</v>
      </c>
      <c r="DG16" s="198">
        <v>0</v>
      </c>
    </row>
    <row r="17" spans="1:111" ht="18.75" customHeight="1" x14ac:dyDescent="0.2">
      <c r="A17" s="177" t="s">
        <v>15</v>
      </c>
      <c r="B17" s="192">
        <v>0</v>
      </c>
      <c r="C17" s="196">
        <v>0</v>
      </c>
      <c r="D17" s="458">
        <v>0</v>
      </c>
      <c r="E17" s="195">
        <v>0</v>
      </c>
      <c r="F17" s="196">
        <v>37</v>
      </c>
      <c r="G17" s="196">
        <v>24</v>
      </c>
      <c r="H17" s="196">
        <v>0</v>
      </c>
      <c r="I17" s="196">
        <v>33</v>
      </c>
      <c r="J17" s="196">
        <v>101</v>
      </c>
      <c r="K17" s="197">
        <v>195</v>
      </c>
      <c r="L17" s="198">
        <v>195</v>
      </c>
      <c r="M17" s="192">
        <v>0</v>
      </c>
      <c r="N17" s="196">
        <v>0</v>
      </c>
      <c r="O17" s="193">
        <v>0</v>
      </c>
      <c r="P17" s="195">
        <v>0</v>
      </c>
      <c r="Q17" s="196">
        <v>0</v>
      </c>
      <c r="R17" s="196">
        <v>0</v>
      </c>
      <c r="S17" s="196">
        <v>0</v>
      </c>
      <c r="T17" s="196">
        <v>0</v>
      </c>
      <c r="U17" s="196">
        <v>23</v>
      </c>
      <c r="V17" s="193">
        <v>23</v>
      </c>
      <c r="W17" s="198">
        <v>23</v>
      </c>
      <c r="X17" s="192">
        <v>0</v>
      </c>
      <c r="Y17" s="196">
        <v>0</v>
      </c>
      <c r="Z17" s="193">
        <v>0</v>
      </c>
      <c r="AA17" s="195">
        <v>0</v>
      </c>
      <c r="AB17" s="196">
        <v>17</v>
      </c>
      <c r="AC17" s="196">
        <v>10</v>
      </c>
      <c r="AD17" s="196">
        <v>38</v>
      </c>
      <c r="AE17" s="196">
        <v>19</v>
      </c>
      <c r="AF17" s="196">
        <v>40</v>
      </c>
      <c r="AG17" s="193">
        <v>124</v>
      </c>
      <c r="AH17" s="198">
        <v>124</v>
      </c>
      <c r="AI17" s="192">
        <v>0</v>
      </c>
      <c r="AJ17" s="196">
        <v>0</v>
      </c>
      <c r="AK17" s="193">
        <v>0</v>
      </c>
      <c r="AL17" s="195">
        <v>0</v>
      </c>
      <c r="AM17" s="196">
        <v>4</v>
      </c>
      <c r="AN17" s="196">
        <v>0</v>
      </c>
      <c r="AO17" s="196">
        <v>0</v>
      </c>
      <c r="AP17" s="196">
        <v>21</v>
      </c>
      <c r="AQ17" s="196">
        <v>12</v>
      </c>
      <c r="AR17" s="193">
        <v>37</v>
      </c>
      <c r="AS17" s="198">
        <v>37</v>
      </c>
      <c r="AT17" s="192">
        <v>0</v>
      </c>
      <c r="AU17" s="196">
        <v>0</v>
      </c>
      <c r="AV17" s="193">
        <v>0</v>
      </c>
      <c r="AW17" s="195">
        <v>0</v>
      </c>
      <c r="AX17" s="196">
        <v>22</v>
      </c>
      <c r="AY17" s="196">
        <v>18</v>
      </c>
      <c r="AZ17" s="196">
        <v>33</v>
      </c>
      <c r="BA17" s="196">
        <v>11</v>
      </c>
      <c r="BB17" s="196">
        <v>0</v>
      </c>
      <c r="BC17" s="197">
        <v>84</v>
      </c>
      <c r="BD17" s="198">
        <v>84</v>
      </c>
      <c r="BE17" s="192">
        <v>0</v>
      </c>
      <c r="BF17" s="196">
        <v>0</v>
      </c>
      <c r="BG17" s="193">
        <v>0</v>
      </c>
      <c r="BH17" s="195">
        <v>0</v>
      </c>
      <c r="BI17" s="196">
        <v>13</v>
      </c>
      <c r="BJ17" s="196">
        <v>7</v>
      </c>
      <c r="BK17" s="196">
        <v>10</v>
      </c>
      <c r="BL17" s="196">
        <v>0</v>
      </c>
      <c r="BM17" s="196">
        <v>8</v>
      </c>
      <c r="BN17" s="193">
        <v>38</v>
      </c>
      <c r="BO17" s="198">
        <v>38</v>
      </c>
      <c r="BP17" s="192">
        <v>0</v>
      </c>
      <c r="BQ17" s="196">
        <v>0</v>
      </c>
      <c r="BR17" s="193">
        <v>0</v>
      </c>
      <c r="BS17" s="195">
        <v>0</v>
      </c>
      <c r="BT17" s="196">
        <v>0</v>
      </c>
      <c r="BU17" s="196">
        <v>7</v>
      </c>
      <c r="BV17" s="196">
        <v>0</v>
      </c>
      <c r="BW17" s="196">
        <v>48</v>
      </c>
      <c r="BX17" s="196">
        <v>19</v>
      </c>
      <c r="BY17" s="193">
        <v>74</v>
      </c>
      <c r="BZ17" s="198">
        <v>74</v>
      </c>
      <c r="CA17" s="192">
        <v>0</v>
      </c>
      <c r="CB17" s="196">
        <v>0</v>
      </c>
      <c r="CC17" s="193">
        <v>0</v>
      </c>
      <c r="CD17" s="195">
        <v>0</v>
      </c>
      <c r="CE17" s="196">
        <v>0</v>
      </c>
      <c r="CF17" s="196">
        <v>0</v>
      </c>
      <c r="CG17" s="196">
        <v>0</v>
      </c>
      <c r="CH17" s="196">
        <v>0</v>
      </c>
      <c r="CI17" s="196">
        <v>0</v>
      </c>
      <c r="CJ17" s="193">
        <v>0</v>
      </c>
      <c r="CK17" s="198">
        <v>0</v>
      </c>
      <c r="CL17" s="192">
        <v>0</v>
      </c>
      <c r="CM17" s="196">
        <v>0</v>
      </c>
      <c r="CN17" s="193">
        <v>0</v>
      </c>
      <c r="CO17" s="195">
        <v>0</v>
      </c>
      <c r="CP17" s="196">
        <v>0</v>
      </c>
      <c r="CQ17" s="196">
        <v>0</v>
      </c>
      <c r="CR17" s="196">
        <v>0</v>
      </c>
      <c r="CS17" s="196">
        <v>0</v>
      </c>
      <c r="CT17" s="196">
        <v>0</v>
      </c>
      <c r="CU17" s="193">
        <v>0</v>
      </c>
      <c r="CV17" s="198">
        <v>0</v>
      </c>
      <c r="CW17" s="192">
        <v>0</v>
      </c>
      <c r="CX17" s="196">
        <v>0</v>
      </c>
      <c r="CY17" s="193">
        <v>0</v>
      </c>
      <c r="CZ17" s="195">
        <v>0</v>
      </c>
      <c r="DA17" s="196">
        <v>0</v>
      </c>
      <c r="DB17" s="196">
        <v>0</v>
      </c>
      <c r="DC17" s="196">
        <v>0</v>
      </c>
      <c r="DD17" s="196">
        <v>0</v>
      </c>
      <c r="DE17" s="196">
        <v>0</v>
      </c>
      <c r="DF17" s="193">
        <v>0</v>
      </c>
      <c r="DG17" s="198">
        <v>0</v>
      </c>
    </row>
    <row r="18" spans="1:111" ht="18.75" customHeight="1" x14ac:dyDescent="0.2">
      <c r="A18" s="177" t="s">
        <v>16</v>
      </c>
      <c r="B18" s="192">
        <v>0</v>
      </c>
      <c r="C18" s="196">
        <v>0</v>
      </c>
      <c r="D18" s="458">
        <v>0</v>
      </c>
      <c r="E18" s="195">
        <v>0</v>
      </c>
      <c r="F18" s="196">
        <v>85</v>
      </c>
      <c r="G18" s="196">
        <v>148</v>
      </c>
      <c r="H18" s="196">
        <v>241</v>
      </c>
      <c r="I18" s="196">
        <v>165</v>
      </c>
      <c r="J18" s="196">
        <v>168</v>
      </c>
      <c r="K18" s="197">
        <v>807</v>
      </c>
      <c r="L18" s="198">
        <v>807</v>
      </c>
      <c r="M18" s="192">
        <v>0</v>
      </c>
      <c r="N18" s="196">
        <v>0</v>
      </c>
      <c r="O18" s="193">
        <v>0</v>
      </c>
      <c r="P18" s="195">
        <v>0</v>
      </c>
      <c r="Q18" s="196">
        <v>0</v>
      </c>
      <c r="R18" s="196">
        <v>4</v>
      </c>
      <c r="S18" s="196">
        <v>2</v>
      </c>
      <c r="T18" s="196">
        <v>3</v>
      </c>
      <c r="U18" s="196">
        <v>15</v>
      </c>
      <c r="V18" s="193">
        <v>24</v>
      </c>
      <c r="W18" s="198">
        <v>24</v>
      </c>
      <c r="X18" s="192">
        <v>9</v>
      </c>
      <c r="Y18" s="196">
        <v>2</v>
      </c>
      <c r="Z18" s="193">
        <v>11</v>
      </c>
      <c r="AA18" s="195">
        <v>0</v>
      </c>
      <c r="AB18" s="196">
        <v>44</v>
      </c>
      <c r="AC18" s="196">
        <v>147</v>
      </c>
      <c r="AD18" s="196">
        <v>110</v>
      </c>
      <c r="AE18" s="196">
        <v>27</v>
      </c>
      <c r="AF18" s="196">
        <v>20</v>
      </c>
      <c r="AG18" s="193">
        <v>348</v>
      </c>
      <c r="AH18" s="198">
        <v>359</v>
      </c>
      <c r="AI18" s="192">
        <v>0</v>
      </c>
      <c r="AJ18" s="196">
        <v>0</v>
      </c>
      <c r="AK18" s="193">
        <v>0</v>
      </c>
      <c r="AL18" s="195">
        <v>0</v>
      </c>
      <c r="AM18" s="196">
        <v>0</v>
      </c>
      <c r="AN18" s="196">
        <v>0</v>
      </c>
      <c r="AO18" s="196">
        <v>23</v>
      </c>
      <c r="AP18" s="196">
        <v>0</v>
      </c>
      <c r="AQ18" s="196">
        <v>0</v>
      </c>
      <c r="AR18" s="193">
        <v>23</v>
      </c>
      <c r="AS18" s="198">
        <v>23</v>
      </c>
      <c r="AT18" s="192">
        <v>0</v>
      </c>
      <c r="AU18" s="196">
        <v>0</v>
      </c>
      <c r="AV18" s="193">
        <v>0</v>
      </c>
      <c r="AW18" s="195">
        <v>0</v>
      </c>
      <c r="AX18" s="196">
        <v>169</v>
      </c>
      <c r="AY18" s="196">
        <v>154</v>
      </c>
      <c r="AZ18" s="196">
        <v>73</v>
      </c>
      <c r="BA18" s="196">
        <v>49</v>
      </c>
      <c r="BB18" s="196">
        <v>5</v>
      </c>
      <c r="BC18" s="197">
        <v>450</v>
      </c>
      <c r="BD18" s="198">
        <v>450</v>
      </c>
      <c r="BE18" s="192">
        <v>0</v>
      </c>
      <c r="BF18" s="196">
        <v>0</v>
      </c>
      <c r="BG18" s="193">
        <v>0</v>
      </c>
      <c r="BH18" s="195">
        <v>0</v>
      </c>
      <c r="BI18" s="196">
        <v>75</v>
      </c>
      <c r="BJ18" s="196">
        <v>137</v>
      </c>
      <c r="BK18" s="196">
        <v>43</v>
      </c>
      <c r="BL18" s="196">
        <v>5</v>
      </c>
      <c r="BM18" s="196">
        <v>0</v>
      </c>
      <c r="BN18" s="193">
        <v>260</v>
      </c>
      <c r="BO18" s="198">
        <v>260</v>
      </c>
      <c r="BP18" s="192">
        <v>0</v>
      </c>
      <c r="BQ18" s="196">
        <v>0</v>
      </c>
      <c r="BR18" s="193">
        <v>0</v>
      </c>
      <c r="BS18" s="195">
        <v>0</v>
      </c>
      <c r="BT18" s="196">
        <v>3</v>
      </c>
      <c r="BU18" s="196">
        <v>14</v>
      </c>
      <c r="BV18" s="196">
        <v>9</v>
      </c>
      <c r="BW18" s="196">
        <v>0</v>
      </c>
      <c r="BX18" s="196">
        <v>12</v>
      </c>
      <c r="BY18" s="193">
        <v>38</v>
      </c>
      <c r="BZ18" s="198">
        <v>38</v>
      </c>
      <c r="CA18" s="192">
        <v>0</v>
      </c>
      <c r="CB18" s="196">
        <v>0</v>
      </c>
      <c r="CC18" s="193">
        <v>0</v>
      </c>
      <c r="CD18" s="195">
        <v>0</v>
      </c>
      <c r="CE18" s="196">
        <v>0</v>
      </c>
      <c r="CF18" s="196">
        <v>0</v>
      </c>
      <c r="CG18" s="196">
        <v>15</v>
      </c>
      <c r="CH18" s="196">
        <v>4</v>
      </c>
      <c r="CI18" s="196">
        <v>0</v>
      </c>
      <c r="CJ18" s="193">
        <v>19</v>
      </c>
      <c r="CK18" s="198">
        <v>19</v>
      </c>
      <c r="CL18" s="192">
        <v>0</v>
      </c>
      <c r="CM18" s="196">
        <v>0</v>
      </c>
      <c r="CN18" s="193">
        <v>0</v>
      </c>
      <c r="CO18" s="195">
        <v>0</v>
      </c>
      <c r="CP18" s="196">
        <v>0</v>
      </c>
      <c r="CQ18" s="196">
        <v>0</v>
      </c>
      <c r="CR18" s="196">
        <v>0</v>
      </c>
      <c r="CS18" s="196">
        <v>0</v>
      </c>
      <c r="CT18" s="196">
        <v>0</v>
      </c>
      <c r="CU18" s="193">
        <v>0</v>
      </c>
      <c r="CV18" s="198">
        <v>0</v>
      </c>
      <c r="CW18" s="192">
        <v>0</v>
      </c>
      <c r="CX18" s="196">
        <v>0</v>
      </c>
      <c r="CY18" s="193">
        <v>0</v>
      </c>
      <c r="CZ18" s="195">
        <v>0</v>
      </c>
      <c r="DA18" s="196">
        <v>0</v>
      </c>
      <c r="DB18" s="196">
        <v>0</v>
      </c>
      <c r="DC18" s="196">
        <v>0</v>
      </c>
      <c r="DD18" s="196">
        <v>0</v>
      </c>
      <c r="DE18" s="196">
        <v>0</v>
      </c>
      <c r="DF18" s="193">
        <v>0</v>
      </c>
      <c r="DG18" s="198">
        <v>0</v>
      </c>
    </row>
    <row r="19" spans="1:111" ht="18.75" customHeight="1" x14ac:dyDescent="0.2">
      <c r="A19" s="177" t="s">
        <v>17</v>
      </c>
      <c r="B19" s="192">
        <v>0</v>
      </c>
      <c r="C19" s="196">
        <v>0</v>
      </c>
      <c r="D19" s="458">
        <v>0</v>
      </c>
      <c r="E19" s="195">
        <v>0</v>
      </c>
      <c r="F19" s="196">
        <v>93</v>
      </c>
      <c r="G19" s="196">
        <v>381</v>
      </c>
      <c r="H19" s="196">
        <v>402</v>
      </c>
      <c r="I19" s="196">
        <v>230</v>
      </c>
      <c r="J19" s="196">
        <v>284</v>
      </c>
      <c r="K19" s="197">
        <v>1390</v>
      </c>
      <c r="L19" s="198">
        <v>1390</v>
      </c>
      <c r="M19" s="192">
        <v>0</v>
      </c>
      <c r="N19" s="196">
        <v>0</v>
      </c>
      <c r="O19" s="193">
        <v>0</v>
      </c>
      <c r="P19" s="195">
        <v>0</v>
      </c>
      <c r="Q19" s="196">
        <v>0</v>
      </c>
      <c r="R19" s="196">
        <v>14</v>
      </c>
      <c r="S19" s="196">
        <v>0</v>
      </c>
      <c r="T19" s="196">
        <v>3</v>
      </c>
      <c r="U19" s="196">
        <v>29</v>
      </c>
      <c r="V19" s="193">
        <v>46</v>
      </c>
      <c r="W19" s="198">
        <v>46</v>
      </c>
      <c r="X19" s="192">
        <v>34</v>
      </c>
      <c r="Y19" s="196">
        <v>68</v>
      </c>
      <c r="Z19" s="193">
        <v>102</v>
      </c>
      <c r="AA19" s="195">
        <v>0</v>
      </c>
      <c r="AB19" s="196">
        <v>102</v>
      </c>
      <c r="AC19" s="196">
        <v>190</v>
      </c>
      <c r="AD19" s="196">
        <v>94</v>
      </c>
      <c r="AE19" s="196">
        <v>80</v>
      </c>
      <c r="AF19" s="196">
        <v>71</v>
      </c>
      <c r="AG19" s="193">
        <v>537</v>
      </c>
      <c r="AH19" s="198">
        <v>639</v>
      </c>
      <c r="AI19" s="192">
        <v>0</v>
      </c>
      <c r="AJ19" s="196">
        <v>0</v>
      </c>
      <c r="AK19" s="193">
        <v>0</v>
      </c>
      <c r="AL19" s="195">
        <v>0</v>
      </c>
      <c r="AM19" s="196">
        <v>0</v>
      </c>
      <c r="AN19" s="196">
        <v>20</v>
      </c>
      <c r="AO19" s="196">
        <v>38</v>
      </c>
      <c r="AP19" s="196">
        <v>9</v>
      </c>
      <c r="AQ19" s="196">
        <v>0</v>
      </c>
      <c r="AR19" s="193">
        <v>67</v>
      </c>
      <c r="AS19" s="198">
        <v>67</v>
      </c>
      <c r="AT19" s="192">
        <v>0</v>
      </c>
      <c r="AU19" s="196">
        <v>0</v>
      </c>
      <c r="AV19" s="193">
        <v>0</v>
      </c>
      <c r="AW19" s="195">
        <v>0</v>
      </c>
      <c r="AX19" s="196">
        <v>228</v>
      </c>
      <c r="AY19" s="196">
        <v>324</v>
      </c>
      <c r="AZ19" s="196">
        <v>180</v>
      </c>
      <c r="BA19" s="196">
        <v>60</v>
      </c>
      <c r="BB19" s="196">
        <v>30</v>
      </c>
      <c r="BC19" s="197">
        <v>822</v>
      </c>
      <c r="BD19" s="198">
        <v>822</v>
      </c>
      <c r="BE19" s="192">
        <v>0</v>
      </c>
      <c r="BF19" s="196">
        <v>0</v>
      </c>
      <c r="BG19" s="193">
        <v>0</v>
      </c>
      <c r="BH19" s="195">
        <v>0</v>
      </c>
      <c r="BI19" s="196">
        <v>68</v>
      </c>
      <c r="BJ19" s="196">
        <v>33</v>
      </c>
      <c r="BK19" s="196">
        <v>62</v>
      </c>
      <c r="BL19" s="196">
        <v>18</v>
      </c>
      <c r="BM19" s="196">
        <v>0</v>
      </c>
      <c r="BN19" s="193">
        <v>181</v>
      </c>
      <c r="BO19" s="198">
        <v>181</v>
      </c>
      <c r="BP19" s="192">
        <v>0</v>
      </c>
      <c r="BQ19" s="196">
        <v>0</v>
      </c>
      <c r="BR19" s="193">
        <v>0</v>
      </c>
      <c r="BS19" s="195">
        <v>0</v>
      </c>
      <c r="BT19" s="196">
        <v>20</v>
      </c>
      <c r="BU19" s="196">
        <v>60</v>
      </c>
      <c r="BV19" s="196">
        <v>61</v>
      </c>
      <c r="BW19" s="196">
        <v>42</v>
      </c>
      <c r="BX19" s="196">
        <v>0</v>
      </c>
      <c r="BY19" s="193">
        <v>183</v>
      </c>
      <c r="BZ19" s="198">
        <v>183</v>
      </c>
      <c r="CA19" s="192">
        <v>0</v>
      </c>
      <c r="CB19" s="196">
        <v>0</v>
      </c>
      <c r="CC19" s="193">
        <v>0</v>
      </c>
      <c r="CD19" s="195">
        <v>0</v>
      </c>
      <c r="CE19" s="196">
        <v>0</v>
      </c>
      <c r="CF19" s="196">
        <v>2</v>
      </c>
      <c r="CG19" s="196">
        <v>31</v>
      </c>
      <c r="CH19" s="196">
        <v>0</v>
      </c>
      <c r="CI19" s="196">
        <v>0</v>
      </c>
      <c r="CJ19" s="193">
        <v>33</v>
      </c>
      <c r="CK19" s="198">
        <v>33</v>
      </c>
      <c r="CL19" s="192">
        <v>0</v>
      </c>
      <c r="CM19" s="196">
        <v>0</v>
      </c>
      <c r="CN19" s="193">
        <v>0</v>
      </c>
      <c r="CO19" s="195">
        <v>0</v>
      </c>
      <c r="CP19" s="196">
        <v>0</v>
      </c>
      <c r="CQ19" s="196">
        <v>0</v>
      </c>
      <c r="CR19" s="196">
        <v>0</v>
      </c>
      <c r="CS19" s="196">
        <v>0</v>
      </c>
      <c r="CT19" s="196">
        <v>0</v>
      </c>
      <c r="CU19" s="193">
        <v>0</v>
      </c>
      <c r="CV19" s="198">
        <v>0</v>
      </c>
      <c r="CW19" s="192">
        <v>0</v>
      </c>
      <c r="CX19" s="196">
        <v>0</v>
      </c>
      <c r="CY19" s="193">
        <v>0</v>
      </c>
      <c r="CZ19" s="195">
        <v>0</v>
      </c>
      <c r="DA19" s="196">
        <v>0</v>
      </c>
      <c r="DB19" s="196">
        <v>0</v>
      </c>
      <c r="DC19" s="196">
        <v>0</v>
      </c>
      <c r="DD19" s="196">
        <v>0</v>
      </c>
      <c r="DE19" s="196">
        <v>0</v>
      </c>
      <c r="DF19" s="193">
        <v>0</v>
      </c>
      <c r="DG19" s="198">
        <v>0</v>
      </c>
    </row>
    <row r="20" spans="1:111" ht="18.75" customHeight="1" x14ac:dyDescent="0.2">
      <c r="A20" s="177" t="s">
        <v>18</v>
      </c>
      <c r="B20" s="192">
        <v>0</v>
      </c>
      <c r="C20" s="196">
        <v>0</v>
      </c>
      <c r="D20" s="458">
        <v>0</v>
      </c>
      <c r="E20" s="195">
        <v>0</v>
      </c>
      <c r="F20" s="196">
        <v>285</v>
      </c>
      <c r="G20" s="196">
        <v>453</v>
      </c>
      <c r="H20" s="196">
        <v>624</v>
      </c>
      <c r="I20" s="196">
        <v>561</v>
      </c>
      <c r="J20" s="196">
        <v>395</v>
      </c>
      <c r="K20" s="197">
        <v>2318</v>
      </c>
      <c r="L20" s="198">
        <v>2318</v>
      </c>
      <c r="M20" s="192">
        <v>0</v>
      </c>
      <c r="N20" s="196">
        <v>0</v>
      </c>
      <c r="O20" s="193">
        <v>0</v>
      </c>
      <c r="P20" s="195">
        <v>0</v>
      </c>
      <c r="Q20" s="196">
        <v>0</v>
      </c>
      <c r="R20" s="196">
        <v>10</v>
      </c>
      <c r="S20" s="196">
        <v>3</v>
      </c>
      <c r="T20" s="196">
        <v>22</v>
      </c>
      <c r="U20" s="196">
        <v>18</v>
      </c>
      <c r="V20" s="193">
        <v>53</v>
      </c>
      <c r="W20" s="198">
        <v>53</v>
      </c>
      <c r="X20" s="192">
        <v>35</v>
      </c>
      <c r="Y20" s="196">
        <v>65</v>
      </c>
      <c r="Z20" s="193">
        <v>100</v>
      </c>
      <c r="AA20" s="195">
        <v>0</v>
      </c>
      <c r="AB20" s="196">
        <v>111</v>
      </c>
      <c r="AC20" s="196">
        <v>306</v>
      </c>
      <c r="AD20" s="196">
        <v>155</v>
      </c>
      <c r="AE20" s="196">
        <v>238</v>
      </c>
      <c r="AF20" s="196">
        <v>146</v>
      </c>
      <c r="AG20" s="193">
        <v>956</v>
      </c>
      <c r="AH20" s="198">
        <v>1056</v>
      </c>
      <c r="AI20" s="192">
        <v>0</v>
      </c>
      <c r="AJ20" s="196">
        <v>12</v>
      </c>
      <c r="AK20" s="193">
        <v>12</v>
      </c>
      <c r="AL20" s="195">
        <v>0</v>
      </c>
      <c r="AM20" s="196">
        <v>27</v>
      </c>
      <c r="AN20" s="196">
        <v>48</v>
      </c>
      <c r="AO20" s="196">
        <v>18</v>
      </c>
      <c r="AP20" s="196">
        <v>0</v>
      </c>
      <c r="AQ20" s="196">
        <v>12</v>
      </c>
      <c r="AR20" s="193">
        <v>105</v>
      </c>
      <c r="AS20" s="198">
        <v>117</v>
      </c>
      <c r="AT20" s="192">
        <v>0</v>
      </c>
      <c r="AU20" s="196">
        <v>0</v>
      </c>
      <c r="AV20" s="193">
        <v>0</v>
      </c>
      <c r="AW20" s="195">
        <v>0</v>
      </c>
      <c r="AX20" s="196">
        <v>268</v>
      </c>
      <c r="AY20" s="196">
        <v>497</v>
      </c>
      <c r="AZ20" s="196">
        <v>158</v>
      </c>
      <c r="BA20" s="196">
        <v>112</v>
      </c>
      <c r="BB20" s="196">
        <v>36</v>
      </c>
      <c r="BC20" s="197">
        <v>1071</v>
      </c>
      <c r="BD20" s="198">
        <v>1071</v>
      </c>
      <c r="BE20" s="192">
        <v>0</v>
      </c>
      <c r="BF20" s="196">
        <v>0</v>
      </c>
      <c r="BG20" s="193">
        <v>0</v>
      </c>
      <c r="BH20" s="195">
        <v>0</v>
      </c>
      <c r="BI20" s="196">
        <v>43</v>
      </c>
      <c r="BJ20" s="196">
        <v>102</v>
      </c>
      <c r="BK20" s="196">
        <v>49</v>
      </c>
      <c r="BL20" s="196">
        <v>25</v>
      </c>
      <c r="BM20" s="196">
        <v>11</v>
      </c>
      <c r="BN20" s="193">
        <v>230</v>
      </c>
      <c r="BO20" s="198">
        <v>230</v>
      </c>
      <c r="BP20" s="192">
        <v>0</v>
      </c>
      <c r="BQ20" s="196">
        <v>0</v>
      </c>
      <c r="BR20" s="193">
        <v>0</v>
      </c>
      <c r="BS20" s="195">
        <v>0</v>
      </c>
      <c r="BT20" s="196">
        <v>10</v>
      </c>
      <c r="BU20" s="196">
        <v>76</v>
      </c>
      <c r="BV20" s="196">
        <v>69</v>
      </c>
      <c r="BW20" s="196">
        <v>69</v>
      </c>
      <c r="BX20" s="196">
        <v>28</v>
      </c>
      <c r="BY20" s="193">
        <v>252</v>
      </c>
      <c r="BZ20" s="198">
        <v>252</v>
      </c>
      <c r="CA20" s="192">
        <v>0</v>
      </c>
      <c r="CB20" s="196">
        <v>0</v>
      </c>
      <c r="CC20" s="193">
        <v>0</v>
      </c>
      <c r="CD20" s="195">
        <v>0</v>
      </c>
      <c r="CE20" s="196">
        <v>0</v>
      </c>
      <c r="CF20" s="196">
        <v>0</v>
      </c>
      <c r="CG20" s="196">
        <v>5</v>
      </c>
      <c r="CH20" s="196">
        <v>0</v>
      </c>
      <c r="CI20" s="196">
        <v>4</v>
      </c>
      <c r="CJ20" s="193">
        <v>9</v>
      </c>
      <c r="CK20" s="198">
        <v>9</v>
      </c>
      <c r="CL20" s="192">
        <v>0</v>
      </c>
      <c r="CM20" s="196">
        <v>0</v>
      </c>
      <c r="CN20" s="193">
        <v>0</v>
      </c>
      <c r="CO20" s="195">
        <v>0</v>
      </c>
      <c r="CP20" s="196">
        <v>0</v>
      </c>
      <c r="CQ20" s="196">
        <v>0</v>
      </c>
      <c r="CR20" s="196">
        <v>0</v>
      </c>
      <c r="CS20" s="196">
        <v>0</v>
      </c>
      <c r="CT20" s="196">
        <v>0</v>
      </c>
      <c r="CU20" s="193">
        <v>0</v>
      </c>
      <c r="CV20" s="198">
        <v>0</v>
      </c>
      <c r="CW20" s="192">
        <v>0</v>
      </c>
      <c r="CX20" s="196">
        <v>0</v>
      </c>
      <c r="CY20" s="193">
        <v>0</v>
      </c>
      <c r="CZ20" s="195">
        <v>0</v>
      </c>
      <c r="DA20" s="196">
        <v>0</v>
      </c>
      <c r="DB20" s="196">
        <v>0</v>
      </c>
      <c r="DC20" s="196">
        <v>0</v>
      </c>
      <c r="DD20" s="196">
        <v>0</v>
      </c>
      <c r="DE20" s="196">
        <v>0</v>
      </c>
      <c r="DF20" s="193">
        <v>0</v>
      </c>
      <c r="DG20" s="198">
        <v>0</v>
      </c>
    </row>
    <row r="21" spans="1:111" ht="18.75" customHeight="1" x14ac:dyDescent="0.2">
      <c r="A21" s="177" t="s">
        <v>19</v>
      </c>
      <c r="B21" s="192">
        <v>0</v>
      </c>
      <c r="C21" s="196">
        <v>0</v>
      </c>
      <c r="D21" s="458">
        <v>0</v>
      </c>
      <c r="E21" s="195">
        <v>0</v>
      </c>
      <c r="F21" s="196">
        <v>82</v>
      </c>
      <c r="G21" s="196">
        <v>131</v>
      </c>
      <c r="H21" s="196">
        <v>258</v>
      </c>
      <c r="I21" s="196">
        <v>90</v>
      </c>
      <c r="J21" s="196">
        <v>79</v>
      </c>
      <c r="K21" s="197">
        <v>640</v>
      </c>
      <c r="L21" s="198">
        <v>640</v>
      </c>
      <c r="M21" s="192">
        <v>0</v>
      </c>
      <c r="N21" s="196">
        <v>0</v>
      </c>
      <c r="O21" s="193">
        <v>0</v>
      </c>
      <c r="P21" s="195">
        <v>0</v>
      </c>
      <c r="Q21" s="196">
        <v>0</v>
      </c>
      <c r="R21" s="196">
        <v>0</v>
      </c>
      <c r="S21" s="196">
        <v>5</v>
      </c>
      <c r="T21" s="196">
        <v>4</v>
      </c>
      <c r="U21" s="196">
        <v>4</v>
      </c>
      <c r="V21" s="193">
        <v>13</v>
      </c>
      <c r="W21" s="198">
        <v>13</v>
      </c>
      <c r="X21" s="192">
        <v>12</v>
      </c>
      <c r="Y21" s="196">
        <v>31</v>
      </c>
      <c r="Z21" s="193">
        <v>43</v>
      </c>
      <c r="AA21" s="195">
        <v>0</v>
      </c>
      <c r="AB21" s="196">
        <v>73</v>
      </c>
      <c r="AC21" s="196">
        <v>98</v>
      </c>
      <c r="AD21" s="196">
        <v>51</v>
      </c>
      <c r="AE21" s="196">
        <v>55</v>
      </c>
      <c r="AF21" s="196">
        <v>23</v>
      </c>
      <c r="AG21" s="193">
        <v>300</v>
      </c>
      <c r="AH21" s="198">
        <v>343</v>
      </c>
      <c r="AI21" s="192">
        <v>0</v>
      </c>
      <c r="AJ21" s="196">
        <v>6</v>
      </c>
      <c r="AK21" s="193">
        <v>6</v>
      </c>
      <c r="AL21" s="195">
        <v>0</v>
      </c>
      <c r="AM21" s="196">
        <v>18</v>
      </c>
      <c r="AN21" s="196">
        <v>16</v>
      </c>
      <c r="AO21" s="196">
        <v>29</v>
      </c>
      <c r="AP21" s="196">
        <v>0</v>
      </c>
      <c r="AQ21" s="196">
        <v>0</v>
      </c>
      <c r="AR21" s="193">
        <v>63</v>
      </c>
      <c r="AS21" s="198">
        <v>69</v>
      </c>
      <c r="AT21" s="192">
        <v>0</v>
      </c>
      <c r="AU21" s="196">
        <v>0</v>
      </c>
      <c r="AV21" s="193">
        <v>0</v>
      </c>
      <c r="AW21" s="195">
        <v>0</v>
      </c>
      <c r="AX21" s="196">
        <v>161</v>
      </c>
      <c r="AY21" s="196">
        <v>67</v>
      </c>
      <c r="AZ21" s="196">
        <v>54</v>
      </c>
      <c r="BA21" s="196">
        <v>7</v>
      </c>
      <c r="BB21" s="196">
        <v>26</v>
      </c>
      <c r="BC21" s="197">
        <v>315</v>
      </c>
      <c r="BD21" s="198">
        <v>315</v>
      </c>
      <c r="BE21" s="192">
        <v>0</v>
      </c>
      <c r="BF21" s="196">
        <v>0</v>
      </c>
      <c r="BG21" s="193">
        <v>0</v>
      </c>
      <c r="BH21" s="195">
        <v>0</v>
      </c>
      <c r="BI21" s="196">
        <v>50</v>
      </c>
      <c r="BJ21" s="196">
        <v>24</v>
      </c>
      <c r="BK21" s="196">
        <v>21</v>
      </c>
      <c r="BL21" s="196">
        <v>63</v>
      </c>
      <c r="BM21" s="196">
        <v>12</v>
      </c>
      <c r="BN21" s="193">
        <v>170</v>
      </c>
      <c r="BO21" s="198">
        <v>170</v>
      </c>
      <c r="BP21" s="192">
        <v>0</v>
      </c>
      <c r="BQ21" s="196">
        <v>5</v>
      </c>
      <c r="BR21" s="193">
        <v>5</v>
      </c>
      <c r="BS21" s="195">
        <v>0</v>
      </c>
      <c r="BT21" s="196">
        <v>0</v>
      </c>
      <c r="BU21" s="196">
        <v>18</v>
      </c>
      <c r="BV21" s="196">
        <v>23</v>
      </c>
      <c r="BW21" s="196">
        <v>0</v>
      </c>
      <c r="BX21" s="196">
        <v>0</v>
      </c>
      <c r="BY21" s="193">
        <v>41</v>
      </c>
      <c r="BZ21" s="198">
        <v>46</v>
      </c>
      <c r="CA21" s="192">
        <v>0</v>
      </c>
      <c r="CB21" s="196">
        <v>0</v>
      </c>
      <c r="CC21" s="193">
        <v>0</v>
      </c>
      <c r="CD21" s="195">
        <v>0</v>
      </c>
      <c r="CE21" s="196">
        <v>0</v>
      </c>
      <c r="CF21" s="196">
        <v>4</v>
      </c>
      <c r="CG21" s="196">
        <v>0</v>
      </c>
      <c r="CH21" s="196">
        <v>5</v>
      </c>
      <c r="CI21" s="196">
        <v>2</v>
      </c>
      <c r="CJ21" s="193">
        <v>11</v>
      </c>
      <c r="CK21" s="198">
        <v>11</v>
      </c>
      <c r="CL21" s="192">
        <v>0</v>
      </c>
      <c r="CM21" s="196">
        <v>0</v>
      </c>
      <c r="CN21" s="193">
        <v>0</v>
      </c>
      <c r="CO21" s="195">
        <v>0</v>
      </c>
      <c r="CP21" s="196">
        <v>0</v>
      </c>
      <c r="CQ21" s="196">
        <v>0</v>
      </c>
      <c r="CR21" s="196">
        <v>0</v>
      </c>
      <c r="CS21" s="196">
        <v>0</v>
      </c>
      <c r="CT21" s="196">
        <v>0</v>
      </c>
      <c r="CU21" s="193">
        <v>0</v>
      </c>
      <c r="CV21" s="198">
        <v>0</v>
      </c>
      <c r="CW21" s="192">
        <v>0</v>
      </c>
      <c r="CX21" s="196">
        <v>0</v>
      </c>
      <c r="CY21" s="193">
        <v>0</v>
      </c>
      <c r="CZ21" s="195">
        <v>0</v>
      </c>
      <c r="DA21" s="196">
        <v>0</v>
      </c>
      <c r="DB21" s="196">
        <v>0</v>
      </c>
      <c r="DC21" s="196">
        <v>0</v>
      </c>
      <c r="DD21" s="196">
        <v>0</v>
      </c>
      <c r="DE21" s="196">
        <v>0</v>
      </c>
      <c r="DF21" s="193">
        <v>0</v>
      </c>
      <c r="DG21" s="198">
        <v>0</v>
      </c>
    </row>
    <row r="22" spans="1:111" ht="18.75" customHeight="1" x14ac:dyDescent="0.2">
      <c r="A22" s="177" t="s">
        <v>20</v>
      </c>
      <c r="B22" s="192">
        <v>0</v>
      </c>
      <c r="C22" s="196">
        <v>0</v>
      </c>
      <c r="D22" s="458">
        <v>0</v>
      </c>
      <c r="E22" s="195">
        <v>0</v>
      </c>
      <c r="F22" s="196">
        <v>241</v>
      </c>
      <c r="G22" s="196">
        <v>136</v>
      </c>
      <c r="H22" s="196">
        <v>92</v>
      </c>
      <c r="I22" s="196">
        <v>278</v>
      </c>
      <c r="J22" s="196">
        <v>144</v>
      </c>
      <c r="K22" s="197">
        <v>891</v>
      </c>
      <c r="L22" s="198">
        <v>891</v>
      </c>
      <c r="M22" s="192">
        <v>0</v>
      </c>
      <c r="N22" s="196">
        <v>0</v>
      </c>
      <c r="O22" s="193">
        <v>0</v>
      </c>
      <c r="P22" s="195">
        <v>0</v>
      </c>
      <c r="Q22" s="196">
        <v>4</v>
      </c>
      <c r="R22" s="196">
        <v>0</v>
      </c>
      <c r="S22" s="196">
        <v>2</v>
      </c>
      <c r="T22" s="196">
        <v>0</v>
      </c>
      <c r="U22" s="196">
        <v>22</v>
      </c>
      <c r="V22" s="193">
        <v>28</v>
      </c>
      <c r="W22" s="198">
        <v>28</v>
      </c>
      <c r="X22" s="192">
        <v>3</v>
      </c>
      <c r="Y22" s="196">
        <v>44</v>
      </c>
      <c r="Z22" s="193">
        <v>47</v>
      </c>
      <c r="AA22" s="195">
        <v>0</v>
      </c>
      <c r="AB22" s="196">
        <v>151</v>
      </c>
      <c r="AC22" s="196">
        <v>82</v>
      </c>
      <c r="AD22" s="196">
        <v>95</v>
      </c>
      <c r="AE22" s="196">
        <v>65</v>
      </c>
      <c r="AF22" s="196">
        <v>21</v>
      </c>
      <c r="AG22" s="193">
        <v>414</v>
      </c>
      <c r="AH22" s="198">
        <v>461</v>
      </c>
      <c r="AI22" s="192">
        <v>20</v>
      </c>
      <c r="AJ22" s="196">
        <v>16</v>
      </c>
      <c r="AK22" s="193">
        <v>36</v>
      </c>
      <c r="AL22" s="195">
        <v>0</v>
      </c>
      <c r="AM22" s="196">
        <v>26</v>
      </c>
      <c r="AN22" s="196">
        <v>38</v>
      </c>
      <c r="AO22" s="196">
        <v>42</v>
      </c>
      <c r="AP22" s="196">
        <v>0</v>
      </c>
      <c r="AQ22" s="196">
        <v>10</v>
      </c>
      <c r="AR22" s="193">
        <v>116</v>
      </c>
      <c r="AS22" s="198">
        <v>152</v>
      </c>
      <c r="AT22" s="192">
        <v>0</v>
      </c>
      <c r="AU22" s="196">
        <v>0</v>
      </c>
      <c r="AV22" s="193">
        <v>0</v>
      </c>
      <c r="AW22" s="195">
        <v>0</v>
      </c>
      <c r="AX22" s="196">
        <v>82</v>
      </c>
      <c r="AY22" s="196">
        <v>75</v>
      </c>
      <c r="AZ22" s="196">
        <v>78</v>
      </c>
      <c r="BA22" s="196">
        <v>34</v>
      </c>
      <c r="BB22" s="196">
        <v>44</v>
      </c>
      <c r="BC22" s="197">
        <v>313</v>
      </c>
      <c r="BD22" s="198">
        <v>313</v>
      </c>
      <c r="BE22" s="192">
        <v>0</v>
      </c>
      <c r="BF22" s="196">
        <v>0</v>
      </c>
      <c r="BG22" s="193">
        <v>0</v>
      </c>
      <c r="BH22" s="195">
        <v>0</v>
      </c>
      <c r="BI22" s="196">
        <v>95</v>
      </c>
      <c r="BJ22" s="196">
        <v>120</v>
      </c>
      <c r="BK22" s="196">
        <v>31</v>
      </c>
      <c r="BL22" s="196">
        <v>7</v>
      </c>
      <c r="BM22" s="196">
        <v>11</v>
      </c>
      <c r="BN22" s="193">
        <v>264</v>
      </c>
      <c r="BO22" s="198">
        <v>264</v>
      </c>
      <c r="BP22" s="192">
        <v>0</v>
      </c>
      <c r="BQ22" s="196">
        <v>7</v>
      </c>
      <c r="BR22" s="193">
        <v>7</v>
      </c>
      <c r="BS22" s="195">
        <v>0</v>
      </c>
      <c r="BT22" s="196">
        <v>14</v>
      </c>
      <c r="BU22" s="196">
        <v>53</v>
      </c>
      <c r="BV22" s="196">
        <v>87</v>
      </c>
      <c r="BW22" s="196">
        <v>83</v>
      </c>
      <c r="BX22" s="196">
        <v>0</v>
      </c>
      <c r="BY22" s="193">
        <v>237</v>
      </c>
      <c r="BZ22" s="198">
        <v>244</v>
      </c>
      <c r="CA22" s="192">
        <v>0</v>
      </c>
      <c r="CB22" s="196">
        <v>0</v>
      </c>
      <c r="CC22" s="193">
        <v>0</v>
      </c>
      <c r="CD22" s="195">
        <v>0</v>
      </c>
      <c r="CE22" s="196">
        <v>0</v>
      </c>
      <c r="CF22" s="196">
        <v>7</v>
      </c>
      <c r="CG22" s="196">
        <v>12</v>
      </c>
      <c r="CH22" s="196">
        <v>0</v>
      </c>
      <c r="CI22" s="196">
        <v>0</v>
      </c>
      <c r="CJ22" s="193">
        <v>19</v>
      </c>
      <c r="CK22" s="198">
        <v>19</v>
      </c>
      <c r="CL22" s="192">
        <v>0</v>
      </c>
      <c r="CM22" s="196">
        <v>0</v>
      </c>
      <c r="CN22" s="193">
        <v>0</v>
      </c>
      <c r="CO22" s="195">
        <v>0</v>
      </c>
      <c r="CP22" s="196">
        <v>0</v>
      </c>
      <c r="CQ22" s="196">
        <v>0</v>
      </c>
      <c r="CR22" s="196">
        <v>0</v>
      </c>
      <c r="CS22" s="196">
        <v>0</v>
      </c>
      <c r="CT22" s="196">
        <v>0</v>
      </c>
      <c r="CU22" s="193">
        <v>0</v>
      </c>
      <c r="CV22" s="198">
        <v>0</v>
      </c>
      <c r="CW22" s="192">
        <v>0</v>
      </c>
      <c r="CX22" s="196">
        <v>0</v>
      </c>
      <c r="CY22" s="193">
        <v>0</v>
      </c>
      <c r="CZ22" s="195">
        <v>0</v>
      </c>
      <c r="DA22" s="196">
        <v>0</v>
      </c>
      <c r="DB22" s="196">
        <v>0</v>
      </c>
      <c r="DC22" s="196">
        <v>0</v>
      </c>
      <c r="DD22" s="196">
        <v>0</v>
      </c>
      <c r="DE22" s="196">
        <v>0</v>
      </c>
      <c r="DF22" s="193">
        <v>0</v>
      </c>
      <c r="DG22" s="198">
        <v>0</v>
      </c>
    </row>
    <row r="23" spans="1:111" ht="18.75" customHeight="1" x14ac:dyDescent="0.2">
      <c r="A23" s="177" t="s">
        <v>21</v>
      </c>
      <c r="B23" s="192">
        <v>0</v>
      </c>
      <c r="C23" s="196">
        <v>0</v>
      </c>
      <c r="D23" s="458">
        <v>0</v>
      </c>
      <c r="E23" s="195">
        <v>0</v>
      </c>
      <c r="F23" s="196">
        <v>134</v>
      </c>
      <c r="G23" s="196">
        <v>196</v>
      </c>
      <c r="H23" s="196">
        <v>84</v>
      </c>
      <c r="I23" s="196">
        <v>108</v>
      </c>
      <c r="J23" s="196">
        <v>11</v>
      </c>
      <c r="K23" s="197">
        <v>533</v>
      </c>
      <c r="L23" s="198">
        <v>533</v>
      </c>
      <c r="M23" s="192">
        <v>0</v>
      </c>
      <c r="N23" s="196">
        <v>0</v>
      </c>
      <c r="O23" s="193">
        <v>0</v>
      </c>
      <c r="P23" s="195">
        <v>0</v>
      </c>
      <c r="Q23" s="196">
        <v>1</v>
      </c>
      <c r="R23" s="196">
        <v>0</v>
      </c>
      <c r="S23" s="196">
        <v>9</v>
      </c>
      <c r="T23" s="196">
        <v>9</v>
      </c>
      <c r="U23" s="196">
        <v>10</v>
      </c>
      <c r="V23" s="193">
        <v>29</v>
      </c>
      <c r="W23" s="198">
        <v>29</v>
      </c>
      <c r="X23" s="192">
        <v>6</v>
      </c>
      <c r="Y23" s="196">
        <v>15</v>
      </c>
      <c r="Z23" s="193">
        <v>21</v>
      </c>
      <c r="AA23" s="195">
        <v>0</v>
      </c>
      <c r="AB23" s="196">
        <v>127</v>
      </c>
      <c r="AC23" s="196">
        <v>115</v>
      </c>
      <c r="AD23" s="196">
        <v>82</v>
      </c>
      <c r="AE23" s="196">
        <v>45</v>
      </c>
      <c r="AF23" s="196">
        <v>35</v>
      </c>
      <c r="AG23" s="193">
        <v>404</v>
      </c>
      <c r="AH23" s="198">
        <v>425</v>
      </c>
      <c r="AI23" s="192">
        <v>6</v>
      </c>
      <c r="AJ23" s="196">
        <v>0</v>
      </c>
      <c r="AK23" s="193">
        <v>6</v>
      </c>
      <c r="AL23" s="195">
        <v>0</v>
      </c>
      <c r="AM23" s="196">
        <v>0</v>
      </c>
      <c r="AN23" s="196">
        <v>21</v>
      </c>
      <c r="AO23" s="196">
        <v>0</v>
      </c>
      <c r="AP23" s="196">
        <v>0</v>
      </c>
      <c r="AQ23" s="196">
        <v>12</v>
      </c>
      <c r="AR23" s="193">
        <v>33</v>
      </c>
      <c r="AS23" s="198">
        <v>39</v>
      </c>
      <c r="AT23" s="192">
        <v>0</v>
      </c>
      <c r="AU23" s="196">
        <v>0</v>
      </c>
      <c r="AV23" s="193">
        <v>0</v>
      </c>
      <c r="AW23" s="195">
        <v>0</v>
      </c>
      <c r="AX23" s="196">
        <v>153</v>
      </c>
      <c r="AY23" s="196">
        <v>138</v>
      </c>
      <c r="AZ23" s="196">
        <v>36</v>
      </c>
      <c r="BA23" s="196">
        <v>62</v>
      </c>
      <c r="BB23" s="196">
        <v>0</v>
      </c>
      <c r="BC23" s="197">
        <v>389</v>
      </c>
      <c r="BD23" s="198">
        <v>389</v>
      </c>
      <c r="BE23" s="192">
        <v>0</v>
      </c>
      <c r="BF23" s="196">
        <v>0</v>
      </c>
      <c r="BG23" s="193">
        <v>0</v>
      </c>
      <c r="BH23" s="195">
        <v>0</v>
      </c>
      <c r="BI23" s="196">
        <v>0</v>
      </c>
      <c r="BJ23" s="196">
        <v>12</v>
      </c>
      <c r="BK23" s="196">
        <v>7</v>
      </c>
      <c r="BL23" s="196">
        <v>8</v>
      </c>
      <c r="BM23" s="196">
        <v>12</v>
      </c>
      <c r="BN23" s="193">
        <v>39</v>
      </c>
      <c r="BO23" s="198">
        <v>39</v>
      </c>
      <c r="BP23" s="192">
        <v>0</v>
      </c>
      <c r="BQ23" s="196">
        <v>2</v>
      </c>
      <c r="BR23" s="193">
        <v>2</v>
      </c>
      <c r="BS23" s="195">
        <v>0</v>
      </c>
      <c r="BT23" s="196">
        <v>2</v>
      </c>
      <c r="BU23" s="196">
        <v>9</v>
      </c>
      <c r="BV23" s="196">
        <v>29</v>
      </c>
      <c r="BW23" s="196">
        <v>21</v>
      </c>
      <c r="BX23" s="196">
        <v>0</v>
      </c>
      <c r="BY23" s="193">
        <v>61</v>
      </c>
      <c r="BZ23" s="198">
        <v>63</v>
      </c>
      <c r="CA23" s="192">
        <v>0</v>
      </c>
      <c r="CB23" s="196">
        <v>0</v>
      </c>
      <c r="CC23" s="193">
        <v>0</v>
      </c>
      <c r="CD23" s="195">
        <v>0</v>
      </c>
      <c r="CE23" s="196">
        <v>0</v>
      </c>
      <c r="CF23" s="196">
        <v>11</v>
      </c>
      <c r="CG23" s="196">
        <v>0</v>
      </c>
      <c r="CH23" s="196">
        <v>0</v>
      </c>
      <c r="CI23" s="196">
        <v>15</v>
      </c>
      <c r="CJ23" s="193">
        <v>26</v>
      </c>
      <c r="CK23" s="198">
        <v>26</v>
      </c>
      <c r="CL23" s="192">
        <v>0</v>
      </c>
      <c r="CM23" s="196">
        <v>0</v>
      </c>
      <c r="CN23" s="193">
        <v>0</v>
      </c>
      <c r="CO23" s="195">
        <v>0</v>
      </c>
      <c r="CP23" s="196">
        <v>0</v>
      </c>
      <c r="CQ23" s="196">
        <v>0</v>
      </c>
      <c r="CR23" s="196">
        <v>0</v>
      </c>
      <c r="CS23" s="196">
        <v>0</v>
      </c>
      <c r="CT23" s="196">
        <v>0</v>
      </c>
      <c r="CU23" s="193">
        <v>0</v>
      </c>
      <c r="CV23" s="198">
        <v>0</v>
      </c>
      <c r="CW23" s="192">
        <v>0</v>
      </c>
      <c r="CX23" s="196">
        <v>0</v>
      </c>
      <c r="CY23" s="193">
        <v>0</v>
      </c>
      <c r="CZ23" s="195">
        <v>0</v>
      </c>
      <c r="DA23" s="196">
        <v>0</v>
      </c>
      <c r="DB23" s="196">
        <v>0</v>
      </c>
      <c r="DC23" s="196">
        <v>0</v>
      </c>
      <c r="DD23" s="196">
        <v>0</v>
      </c>
      <c r="DE23" s="196">
        <v>0</v>
      </c>
      <c r="DF23" s="193">
        <v>0</v>
      </c>
      <c r="DG23" s="198">
        <v>0</v>
      </c>
    </row>
    <row r="24" spans="1:111" ht="18.75" customHeight="1" x14ac:dyDescent="0.2">
      <c r="A24" s="177" t="s">
        <v>22</v>
      </c>
      <c r="B24" s="192">
        <v>0</v>
      </c>
      <c r="C24" s="196">
        <v>0</v>
      </c>
      <c r="D24" s="458">
        <v>0</v>
      </c>
      <c r="E24" s="195">
        <v>0</v>
      </c>
      <c r="F24" s="196">
        <v>32</v>
      </c>
      <c r="G24" s="196">
        <v>8</v>
      </c>
      <c r="H24" s="196">
        <v>129</v>
      </c>
      <c r="I24" s="196">
        <v>170</v>
      </c>
      <c r="J24" s="196">
        <v>138</v>
      </c>
      <c r="K24" s="197">
        <v>477</v>
      </c>
      <c r="L24" s="198">
        <v>477</v>
      </c>
      <c r="M24" s="192">
        <v>0</v>
      </c>
      <c r="N24" s="196">
        <v>0</v>
      </c>
      <c r="O24" s="193">
        <v>0</v>
      </c>
      <c r="P24" s="195">
        <v>0</v>
      </c>
      <c r="Q24" s="196">
        <v>0</v>
      </c>
      <c r="R24" s="196">
        <v>0</v>
      </c>
      <c r="S24" s="196">
        <v>0</v>
      </c>
      <c r="T24" s="196">
        <v>9</v>
      </c>
      <c r="U24" s="196">
        <v>29</v>
      </c>
      <c r="V24" s="193">
        <v>38</v>
      </c>
      <c r="W24" s="198">
        <v>38</v>
      </c>
      <c r="X24" s="192">
        <v>2</v>
      </c>
      <c r="Y24" s="196">
        <v>4</v>
      </c>
      <c r="Z24" s="193">
        <v>6</v>
      </c>
      <c r="AA24" s="195">
        <v>0</v>
      </c>
      <c r="AB24" s="196">
        <v>0</v>
      </c>
      <c r="AC24" s="196">
        <v>61</v>
      </c>
      <c r="AD24" s="196">
        <v>0</v>
      </c>
      <c r="AE24" s="196">
        <v>32</v>
      </c>
      <c r="AF24" s="196">
        <v>29</v>
      </c>
      <c r="AG24" s="193">
        <v>122</v>
      </c>
      <c r="AH24" s="198">
        <v>128</v>
      </c>
      <c r="AI24" s="192">
        <v>0</v>
      </c>
      <c r="AJ24" s="196">
        <v>0</v>
      </c>
      <c r="AK24" s="193">
        <v>0</v>
      </c>
      <c r="AL24" s="195">
        <v>0</v>
      </c>
      <c r="AM24" s="196">
        <v>9</v>
      </c>
      <c r="AN24" s="196">
        <v>9</v>
      </c>
      <c r="AO24" s="196">
        <v>0</v>
      </c>
      <c r="AP24" s="196">
        <v>0</v>
      </c>
      <c r="AQ24" s="196">
        <v>0</v>
      </c>
      <c r="AR24" s="193">
        <v>18</v>
      </c>
      <c r="AS24" s="198">
        <v>18</v>
      </c>
      <c r="AT24" s="192">
        <v>0</v>
      </c>
      <c r="AU24" s="196">
        <v>0</v>
      </c>
      <c r="AV24" s="193">
        <v>0</v>
      </c>
      <c r="AW24" s="195">
        <v>0</v>
      </c>
      <c r="AX24" s="196">
        <v>84</v>
      </c>
      <c r="AY24" s="196">
        <v>80</v>
      </c>
      <c r="AZ24" s="196">
        <v>0</v>
      </c>
      <c r="BA24" s="196">
        <v>47</v>
      </c>
      <c r="BB24" s="196">
        <v>27</v>
      </c>
      <c r="BC24" s="197">
        <v>238</v>
      </c>
      <c r="BD24" s="198">
        <v>238</v>
      </c>
      <c r="BE24" s="192">
        <v>0</v>
      </c>
      <c r="BF24" s="196">
        <v>0</v>
      </c>
      <c r="BG24" s="193">
        <v>0</v>
      </c>
      <c r="BH24" s="195">
        <v>0</v>
      </c>
      <c r="BI24" s="196">
        <v>0</v>
      </c>
      <c r="BJ24" s="196">
        <v>4</v>
      </c>
      <c r="BK24" s="196">
        <v>3</v>
      </c>
      <c r="BL24" s="196">
        <v>9</v>
      </c>
      <c r="BM24" s="196">
        <v>0</v>
      </c>
      <c r="BN24" s="193">
        <v>16</v>
      </c>
      <c r="BO24" s="198">
        <v>16</v>
      </c>
      <c r="BP24" s="192">
        <v>0</v>
      </c>
      <c r="BQ24" s="196">
        <v>0</v>
      </c>
      <c r="BR24" s="193">
        <v>0</v>
      </c>
      <c r="BS24" s="195">
        <v>0</v>
      </c>
      <c r="BT24" s="196">
        <v>14</v>
      </c>
      <c r="BU24" s="196">
        <v>0</v>
      </c>
      <c r="BV24" s="196">
        <v>0</v>
      </c>
      <c r="BW24" s="196">
        <v>0</v>
      </c>
      <c r="BX24" s="196">
        <v>0</v>
      </c>
      <c r="BY24" s="193">
        <v>14</v>
      </c>
      <c r="BZ24" s="198">
        <v>14</v>
      </c>
      <c r="CA24" s="192">
        <v>0</v>
      </c>
      <c r="CB24" s="196">
        <v>0</v>
      </c>
      <c r="CC24" s="193">
        <v>0</v>
      </c>
      <c r="CD24" s="195">
        <v>0</v>
      </c>
      <c r="CE24" s="196">
        <v>0</v>
      </c>
      <c r="CF24" s="196">
        <v>0</v>
      </c>
      <c r="CG24" s="196">
        <v>0</v>
      </c>
      <c r="CH24" s="196">
        <v>0</v>
      </c>
      <c r="CI24" s="196">
        <v>0</v>
      </c>
      <c r="CJ24" s="193">
        <v>0</v>
      </c>
      <c r="CK24" s="198">
        <v>0</v>
      </c>
      <c r="CL24" s="192">
        <v>0</v>
      </c>
      <c r="CM24" s="196">
        <v>0</v>
      </c>
      <c r="CN24" s="193">
        <v>0</v>
      </c>
      <c r="CO24" s="195">
        <v>0</v>
      </c>
      <c r="CP24" s="196">
        <v>0</v>
      </c>
      <c r="CQ24" s="196">
        <v>0</v>
      </c>
      <c r="CR24" s="196">
        <v>0</v>
      </c>
      <c r="CS24" s="196">
        <v>0</v>
      </c>
      <c r="CT24" s="196">
        <v>0</v>
      </c>
      <c r="CU24" s="193">
        <v>0</v>
      </c>
      <c r="CV24" s="198">
        <v>0</v>
      </c>
      <c r="CW24" s="192">
        <v>0</v>
      </c>
      <c r="CX24" s="196">
        <v>0</v>
      </c>
      <c r="CY24" s="193">
        <v>0</v>
      </c>
      <c r="CZ24" s="195">
        <v>0</v>
      </c>
      <c r="DA24" s="196">
        <v>0</v>
      </c>
      <c r="DB24" s="196">
        <v>0</v>
      </c>
      <c r="DC24" s="196">
        <v>0</v>
      </c>
      <c r="DD24" s="196">
        <v>0</v>
      </c>
      <c r="DE24" s="196">
        <v>0</v>
      </c>
      <c r="DF24" s="193">
        <v>0</v>
      </c>
      <c r="DG24" s="198">
        <v>0</v>
      </c>
    </row>
    <row r="25" spans="1:111" ht="18.75" customHeight="1" x14ac:dyDescent="0.2">
      <c r="A25" s="177" t="s">
        <v>23</v>
      </c>
      <c r="B25" s="192">
        <v>0</v>
      </c>
      <c r="C25" s="196">
        <v>0</v>
      </c>
      <c r="D25" s="458">
        <v>0</v>
      </c>
      <c r="E25" s="195">
        <v>0</v>
      </c>
      <c r="F25" s="196">
        <v>38</v>
      </c>
      <c r="G25" s="196">
        <v>87</v>
      </c>
      <c r="H25" s="196">
        <v>194</v>
      </c>
      <c r="I25" s="196">
        <v>11</v>
      </c>
      <c r="J25" s="196">
        <v>9</v>
      </c>
      <c r="K25" s="197">
        <v>339</v>
      </c>
      <c r="L25" s="198">
        <v>339</v>
      </c>
      <c r="M25" s="192">
        <v>0</v>
      </c>
      <c r="N25" s="196">
        <v>0</v>
      </c>
      <c r="O25" s="193">
        <v>0</v>
      </c>
      <c r="P25" s="195">
        <v>0</v>
      </c>
      <c r="Q25" s="196">
        <v>0</v>
      </c>
      <c r="R25" s="196">
        <v>0</v>
      </c>
      <c r="S25" s="196">
        <v>9</v>
      </c>
      <c r="T25" s="196">
        <v>4</v>
      </c>
      <c r="U25" s="196">
        <v>0</v>
      </c>
      <c r="V25" s="193">
        <v>13</v>
      </c>
      <c r="W25" s="198">
        <v>13</v>
      </c>
      <c r="X25" s="192">
        <v>23</v>
      </c>
      <c r="Y25" s="196">
        <v>20</v>
      </c>
      <c r="Z25" s="193">
        <v>43</v>
      </c>
      <c r="AA25" s="195">
        <v>0</v>
      </c>
      <c r="AB25" s="196">
        <v>5</v>
      </c>
      <c r="AC25" s="196">
        <v>52</v>
      </c>
      <c r="AD25" s="196">
        <v>89</v>
      </c>
      <c r="AE25" s="196">
        <v>52</v>
      </c>
      <c r="AF25" s="196">
        <v>16</v>
      </c>
      <c r="AG25" s="193">
        <v>214</v>
      </c>
      <c r="AH25" s="198">
        <v>257</v>
      </c>
      <c r="AI25" s="192">
        <v>0</v>
      </c>
      <c r="AJ25" s="196">
        <v>12</v>
      </c>
      <c r="AK25" s="193">
        <v>12</v>
      </c>
      <c r="AL25" s="195">
        <v>0</v>
      </c>
      <c r="AM25" s="196">
        <v>0</v>
      </c>
      <c r="AN25" s="196">
        <v>39</v>
      </c>
      <c r="AO25" s="196">
        <v>0</v>
      </c>
      <c r="AP25" s="196">
        <v>0</v>
      </c>
      <c r="AQ25" s="196">
        <v>0</v>
      </c>
      <c r="AR25" s="193">
        <v>39</v>
      </c>
      <c r="AS25" s="198">
        <v>51</v>
      </c>
      <c r="AT25" s="192">
        <v>0</v>
      </c>
      <c r="AU25" s="196">
        <v>0</v>
      </c>
      <c r="AV25" s="193">
        <v>0</v>
      </c>
      <c r="AW25" s="195">
        <v>0</v>
      </c>
      <c r="AX25" s="196">
        <v>83</v>
      </c>
      <c r="AY25" s="196">
        <v>157</v>
      </c>
      <c r="AZ25" s="196">
        <v>42</v>
      </c>
      <c r="BA25" s="196">
        <v>34</v>
      </c>
      <c r="BB25" s="196">
        <v>0</v>
      </c>
      <c r="BC25" s="197">
        <v>316</v>
      </c>
      <c r="BD25" s="198">
        <v>316</v>
      </c>
      <c r="BE25" s="192">
        <v>0</v>
      </c>
      <c r="BF25" s="196">
        <v>0</v>
      </c>
      <c r="BG25" s="193">
        <v>0</v>
      </c>
      <c r="BH25" s="195">
        <v>0</v>
      </c>
      <c r="BI25" s="196">
        <v>17</v>
      </c>
      <c r="BJ25" s="196">
        <v>20</v>
      </c>
      <c r="BK25" s="196">
        <v>49</v>
      </c>
      <c r="BL25" s="196">
        <v>20</v>
      </c>
      <c r="BM25" s="196">
        <v>0</v>
      </c>
      <c r="BN25" s="193">
        <v>106</v>
      </c>
      <c r="BO25" s="198">
        <v>106</v>
      </c>
      <c r="BP25" s="192">
        <v>0</v>
      </c>
      <c r="BQ25" s="196">
        <v>0</v>
      </c>
      <c r="BR25" s="193">
        <v>0</v>
      </c>
      <c r="BS25" s="195">
        <v>0</v>
      </c>
      <c r="BT25" s="196">
        <v>18</v>
      </c>
      <c r="BU25" s="196">
        <v>9</v>
      </c>
      <c r="BV25" s="196">
        <v>4</v>
      </c>
      <c r="BW25" s="196">
        <v>9</v>
      </c>
      <c r="BX25" s="196">
        <v>0</v>
      </c>
      <c r="BY25" s="193">
        <v>40</v>
      </c>
      <c r="BZ25" s="198">
        <v>40</v>
      </c>
      <c r="CA25" s="192">
        <v>0</v>
      </c>
      <c r="CB25" s="196">
        <v>0</v>
      </c>
      <c r="CC25" s="193">
        <v>0</v>
      </c>
      <c r="CD25" s="195">
        <v>0</v>
      </c>
      <c r="CE25" s="196">
        <v>0</v>
      </c>
      <c r="CF25" s="196">
        <v>0</v>
      </c>
      <c r="CG25" s="196">
        <v>0</v>
      </c>
      <c r="CH25" s="196">
        <v>0</v>
      </c>
      <c r="CI25" s="196">
        <v>0</v>
      </c>
      <c r="CJ25" s="193">
        <v>0</v>
      </c>
      <c r="CK25" s="198">
        <v>0</v>
      </c>
      <c r="CL25" s="192">
        <v>0</v>
      </c>
      <c r="CM25" s="196">
        <v>0</v>
      </c>
      <c r="CN25" s="193">
        <v>0</v>
      </c>
      <c r="CO25" s="195">
        <v>0</v>
      </c>
      <c r="CP25" s="196">
        <v>0</v>
      </c>
      <c r="CQ25" s="196">
        <v>0</v>
      </c>
      <c r="CR25" s="196">
        <v>0</v>
      </c>
      <c r="CS25" s="196">
        <v>0</v>
      </c>
      <c r="CT25" s="196">
        <v>0</v>
      </c>
      <c r="CU25" s="193">
        <v>0</v>
      </c>
      <c r="CV25" s="198">
        <v>0</v>
      </c>
      <c r="CW25" s="192">
        <v>0</v>
      </c>
      <c r="CX25" s="196">
        <v>0</v>
      </c>
      <c r="CY25" s="193">
        <v>0</v>
      </c>
      <c r="CZ25" s="195">
        <v>0</v>
      </c>
      <c r="DA25" s="196">
        <v>0</v>
      </c>
      <c r="DB25" s="196">
        <v>0</v>
      </c>
      <c r="DC25" s="196">
        <v>0</v>
      </c>
      <c r="DD25" s="196">
        <v>0</v>
      </c>
      <c r="DE25" s="196">
        <v>0</v>
      </c>
      <c r="DF25" s="193">
        <v>0</v>
      </c>
      <c r="DG25" s="198">
        <v>0</v>
      </c>
    </row>
    <row r="26" spans="1:111" ht="18.75" customHeight="1" x14ac:dyDescent="0.2">
      <c r="A26" s="177" t="s">
        <v>24</v>
      </c>
      <c r="B26" s="192">
        <v>0</v>
      </c>
      <c r="C26" s="196">
        <v>0</v>
      </c>
      <c r="D26" s="458">
        <v>0</v>
      </c>
      <c r="E26" s="195">
        <v>0</v>
      </c>
      <c r="F26" s="196">
        <v>58</v>
      </c>
      <c r="G26" s="196">
        <v>97</v>
      </c>
      <c r="H26" s="196">
        <v>13</v>
      </c>
      <c r="I26" s="196">
        <v>281</v>
      </c>
      <c r="J26" s="196">
        <v>137</v>
      </c>
      <c r="K26" s="197">
        <v>586</v>
      </c>
      <c r="L26" s="198">
        <v>586</v>
      </c>
      <c r="M26" s="192">
        <v>0</v>
      </c>
      <c r="N26" s="196">
        <v>0</v>
      </c>
      <c r="O26" s="193">
        <v>0</v>
      </c>
      <c r="P26" s="195">
        <v>0</v>
      </c>
      <c r="Q26" s="196">
        <v>0</v>
      </c>
      <c r="R26" s="196">
        <v>0</v>
      </c>
      <c r="S26" s="196">
        <v>0</v>
      </c>
      <c r="T26" s="196">
        <v>0</v>
      </c>
      <c r="U26" s="196">
        <v>8</v>
      </c>
      <c r="V26" s="193">
        <v>8</v>
      </c>
      <c r="W26" s="198">
        <v>8</v>
      </c>
      <c r="X26" s="192">
        <v>0</v>
      </c>
      <c r="Y26" s="196">
        <v>9</v>
      </c>
      <c r="Z26" s="193">
        <v>9</v>
      </c>
      <c r="AA26" s="195">
        <v>0</v>
      </c>
      <c r="AB26" s="196">
        <v>72</v>
      </c>
      <c r="AC26" s="196">
        <v>34</v>
      </c>
      <c r="AD26" s="196">
        <v>13</v>
      </c>
      <c r="AE26" s="196">
        <v>13</v>
      </c>
      <c r="AF26" s="196">
        <v>72</v>
      </c>
      <c r="AG26" s="193">
        <v>204</v>
      </c>
      <c r="AH26" s="198">
        <v>213</v>
      </c>
      <c r="AI26" s="192">
        <v>0</v>
      </c>
      <c r="AJ26" s="196">
        <v>0</v>
      </c>
      <c r="AK26" s="193">
        <v>0</v>
      </c>
      <c r="AL26" s="195">
        <v>0</v>
      </c>
      <c r="AM26" s="196">
        <v>0</v>
      </c>
      <c r="AN26" s="196">
        <v>21</v>
      </c>
      <c r="AO26" s="196">
        <v>0</v>
      </c>
      <c r="AP26" s="196">
        <v>0</v>
      </c>
      <c r="AQ26" s="196">
        <v>38</v>
      </c>
      <c r="AR26" s="193">
        <v>59</v>
      </c>
      <c r="AS26" s="198">
        <v>59</v>
      </c>
      <c r="AT26" s="192">
        <v>0</v>
      </c>
      <c r="AU26" s="196">
        <v>0</v>
      </c>
      <c r="AV26" s="193">
        <v>0</v>
      </c>
      <c r="AW26" s="195">
        <v>0</v>
      </c>
      <c r="AX26" s="196">
        <v>94</v>
      </c>
      <c r="AY26" s="196">
        <v>52</v>
      </c>
      <c r="AZ26" s="196">
        <v>0</v>
      </c>
      <c r="BA26" s="196">
        <v>10</v>
      </c>
      <c r="BB26" s="196">
        <v>0</v>
      </c>
      <c r="BC26" s="197">
        <v>156</v>
      </c>
      <c r="BD26" s="198">
        <v>156</v>
      </c>
      <c r="BE26" s="192">
        <v>0</v>
      </c>
      <c r="BF26" s="196">
        <v>0</v>
      </c>
      <c r="BG26" s="193">
        <v>0</v>
      </c>
      <c r="BH26" s="195">
        <v>0</v>
      </c>
      <c r="BI26" s="196">
        <v>35</v>
      </c>
      <c r="BJ26" s="196">
        <v>15</v>
      </c>
      <c r="BK26" s="196">
        <v>8</v>
      </c>
      <c r="BL26" s="196">
        <v>31</v>
      </c>
      <c r="BM26" s="196">
        <v>20</v>
      </c>
      <c r="BN26" s="193">
        <v>109</v>
      </c>
      <c r="BO26" s="198">
        <v>109</v>
      </c>
      <c r="BP26" s="192">
        <v>0</v>
      </c>
      <c r="BQ26" s="196">
        <v>0</v>
      </c>
      <c r="BR26" s="193">
        <v>0</v>
      </c>
      <c r="BS26" s="195">
        <v>0</v>
      </c>
      <c r="BT26" s="196">
        <v>0</v>
      </c>
      <c r="BU26" s="196">
        <v>8</v>
      </c>
      <c r="BV26" s="196">
        <v>0</v>
      </c>
      <c r="BW26" s="196">
        <v>0</v>
      </c>
      <c r="BX26" s="196">
        <v>5</v>
      </c>
      <c r="BY26" s="193">
        <v>13</v>
      </c>
      <c r="BZ26" s="198">
        <v>13</v>
      </c>
      <c r="CA26" s="192">
        <v>0</v>
      </c>
      <c r="CB26" s="196">
        <v>0</v>
      </c>
      <c r="CC26" s="193">
        <v>0</v>
      </c>
      <c r="CD26" s="195">
        <v>0</v>
      </c>
      <c r="CE26" s="196">
        <v>0</v>
      </c>
      <c r="CF26" s="196">
        <v>0</v>
      </c>
      <c r="CG26" s="196">
        <v>0</v>
      </c>
      <c r="CH26" s="196">
        <v>0</v>
      </c>
      <c r="CI26" s="196">
        <v>0</v>
      </c>
      <c r="CJ26" s="193">
        <v>0</v>
      </c>
      <c r="CK26" s="198">
        <v>0</v>
      </c>
      <c r="CL26" s="192">
        <v>0</v>
      </c>
      <c r="CM26" s="196">
        <v>0</v>
      </c>
      <c r="CN26" s="193">
        <v>0</v>
      </c>
      <c r="CO26" s="195">
        <v>0</v>
      </c>
      <c r="CP26" s="196">
        <v>0</v>
      </c>
      <c r="CQ26" s="196">
        <v>0</v>
      </c>
      <c r="CR26" s="196">
        <v>0</v>
      </c>
      <c r="CS26" s="196">
        <v>0</v>
      </c>
      <c r="CT26" s="196">
        <v>0</v>
      </c>
      <c r="CU26" s="193">
        <v>0</v>
      </c>
      <c r="CV26" s="198">
        <v>0</v>
      </c>
      <c r="CW26" s="192">
        <v>0</v>
      </c>
      <c r="CX26" s="196">
        <v>0</v>
      </c>
      <c r="CY26" s="193">
        <v>0</v>
      </c>
      <c r="CZ26" s="195">
        <v>0</v>
      </c>
      <c r="DA26" s="196">
        <v>0</v>
      </c>
      <c r="DB26" s="196">
        <v>0</v>
      </c>
      <c r="DC26" s="196">
        <v>0</v>
      </c>
      <c r="DD26" s="196">
        <v>0</v>
      </c>
      <c r="DE26" s="196">
        <v>0</v>
      </c>
      <c r="DF26" s="193">
        <v>0</v>
      </c>
      <c r="DG26" s="198">
        <v>0</v>
      </c>
    </row>
    <row r="27" spans="1:111" ht="18.75" customHeight="1" x14ac:dyDescent="0.2">
      <c r="A27" s="177" t="s">
        <v>25</v>
      </c>
      <c r="B27" s="192">
        <v>0</v>
      </c>
      <c r="C27" s="196">
        <v>0</v>
      </c>
      <c r="D27" s="458">
        <v>0</v>
      </c>
      <c r="E27" s="195">
        <v>0</v>
      </c>
      <c r="F27" s="196">
        <v>32</v>
      </c>
      <c r="G27" s="196">
        <v>12</v>
      </c>
      <c r="H27" s="196">
        <v>27</v>
      </c>
      <c r="I27" s="196">
        <v>3</v>
      </c>
      <c r="J27" s="196">
        <v>17</v>
      </c>
      <c r="K27" s="197">
        <v>91</v>
      </c>
      <c r="L27" s="198">
        <v>91</v>
      </c>
      <c r="M27" s="192">
        <v>0</v>
      </c>
      <c r="N27" s="196">
        <v>0</v>
      </c>
      <c r="O27" s="193">
        <v>0</v>
      </c>
      <c r="P27" s="195">
        <v>0</v>
      </c>
      <c r="Q27" s="196">
        <v>0</v>
      </c>
      <c r="R27" s="196">
        <v>2</v>
      </c>
      <c r="S27" s="196">
        <v>0</v>
      </c>
      <c r="T27" s="196">
        <v>0</v>
      </c>
      <c r="U27" s="196">
        <v>18</v>
      </c>
      <c r="V27" s="193">
        <v>20</v>
      </c>
      <c r="W27" s="198">
        <v>20</v>
      </c>
      <c r="X27" s="192">
        <v>4</v>
      </c>
      <c r="Y27" s="196">
        <v>4</v>
      </c>
      <c r="Z27" s="193">
        <v>8</v>
      </c>
      <c r="AA27" s="195">
        <v>0</v>
      </c>
      <c r="AB27" s="196">
        <v>22</v>
      </c>
      <c r="AC27" s="196">
        <v>15</v>
      </c>
      <c r="AD27" s="196">
        <v>8</v>
      </c>
      <c r="AE27" s="196">
        <v>6</v>
      </c>
      <c r="AF27" s="196">
        <v>39</v>
      </c>
      <c r="AG27" s="193">
        <v>90</v>
      </c>
      <c r="AH27" s="198">
        <v>98</v>
      </c>
      <c r="AI27" s="192">
        <v>0</v>
      </c>
      <c r="AJ27" s="196">
        <v>0</v>
      </c>
      <c r="AK27" s="193">
        <v>0</v>
      </c>
      <c r="AL27" s="195">
        <v>0</v>
      </c>
      <c r="AM27" s="196">
        <v>0</v>
      </c>
      <c r="AN27" s="196">
        <v>0</v>
      </c>
      <c r="AO27" s="196">
        <v>0</v>
      </c>
      <c r="AP27" s="196">
        <v>6</v>
      </c>
      <c r="AQ27" s="196">
        <v>0</v>
      </c>
      <c r="AR27" s="193">
        <v>6</v>
      </c>
      <c r="AS27" s="198">
        <v>6</v>
      </c>
      <c r="AT27" s="192">
        <v>0</v>
      </c>
      <c r="AU27" s="196">
        <v>0</v>
      </c>
      <c r="AV27" s="193">
        <v>0</v>
      </c>
      <c r="AW27" s="195">
        <v>0</v>
      </c>
      <c r="AX27" s="196">
        <v>89</v>
      </c>
      <c r="AY27" s="196">
        <v>20</v>
      </c>
      <c r="AZ27" s="196">
        <v>34</v>
      </c>
      <c r="BA27" s="196">
        <v>38</v>
      </c>
      <c r="BB27" s="196">
        <v>0</v>
      </c>
      <c r="BC27" s="197">
        <v>181</v>
      </c>
      <c r="BD27" s="198">
        <v>181</v>
      </c>
      <c r="BE27" s="192">
        <v>0</v>
      </c>
      <c r="BF27" s="196">
        <v>0</v>
      </c>
      <c r="BG27" s="193">
        <v>0</v>
      </c>
      <c r="BH27" s="195">
        <v>0</v>
      </c>
      <c r="BI27" s="196">
        <v>0</v>
      </c>
      <c r="BJ27" s="196">
        <v>48</v>
      </c>
      <c r="BK27" s="196">
        <v>29</v>
      </c>
      <c r="BL27" s="196">
        <v>13</v>
      </c>
      <c r="BM27" s="196">
        <v>0</v>
      </c>
      <c r="BN27" s="193">
        <v>90</v>
      </c>
      <c r="BO27" s="198">
        <v>90</v>
      </c>
      <c r="BP27" s="192">
        <v>0</v>
      </c>
      <c r="BQ27" s="196">
        <v>0</v>
      </c>
      <c r="BR27" s="193">
        <v>0</v>
      </c>
      <c r="BS27" s="195">
        <v>0</v>
      </c>
      <c r="BT27" s="196">
        <v>27</v>
      </c>
      <c r="BU27" s="196">
        <v>9</v>
      </c>
      <c r="BV27" s="196">
        <v>2</v>
      </c>
      <c r="BW27" s="196">
        <v>4</v>
      </c>
      <c r="BX27" s="196">
        <v>0</v>
      </c>
      <c r="BY27" s="193">
        <v>42</v>
      </c>
      <c r="BZ27" s="198">
        <v>42</v>
      </c>
      <c r="CA27" s="192">
        <v>0</v>
      </c>
      <c r="CB27" s="196">
        <v>0</v>
      </c>
      <c r="CC27" s="193">
        <v>0</v>
      </c>
      <c r="CD27" s="195">
        <v>0</v>
      </c>
      <c r="CE27" s="196">
        <v>0</v>
      </c>
      <c r="CF27" s="196">
        <v>0</v>
      </c>
      <c r="CG27" s="196">
        <v>0</v>
      </c>
      <c r="CH27" s="196">
        <v>0</v>
      </c>
      <c r="CI27" s="196">
        <v>0</v>
      </c>
      <c r="CJ27" s="193">
        <v>0</v>
      </c>
      <c r="CK27" s="198">
        <v>0</v>
      </c>
      <c r="CL27" s="192">
        <v>0</v>
      </c>
      <c r="CM27" s="196">
        <v>0</v>
      </c>
      <c r="CN27" s="193">
        <v>0</v>
      </c>
      <c r="CO27" s="195">
        <v>0</v>
      </c>
      <c r="CP27" s="196">
        <v>0</v>
      </c>
      <c r="CQ27" s="196">
        <v>0</v>
      </c>
      <c r="CR27" s="196">
        <v>0</v>
      </c>
      <c r="CS27" s="196">
        <v>0</v>
      </c>
      <c r="CT27" s="196">
        <v>0</v>
      </c>
      <c r="CU27" s="193">
        <v>0</v>
      </c>
      <c r="CV27" s="198">
        <v>0</v>
      </c>
      <c r="CW27" s="192">
        <v>0</v>
      </c>
      <c r="CX27" s="196">
        <v>0</v>
      </c>
      <c r="CY27" s="193">
        <v>0</v>
      </c>
      <c r="CZ27" s="195">
        <v>0</v>
      </c>
      <c r="DA27" s="196">
        <v>0</v>
      </c>
      <c r="DB27" s="196">
        <v>0</v>
      </c>
      <c r="DC27" s="196">
        <v>0</v>
      </c>
      <c r="DD27" s="196">
        <v>0</v>
      </c>
      <c r="DE27" s="196">
        <v>0</v>
      </c>
      <c r="DF27" s="193">
        <v>0</v>
      </c>
      <c r="DG27" s="198">
        <v>0</v>
      </c>
    </row>
    <row r="28" spans="1:111" ht="18.75" customHeight="1" x14ac:dyDescent="0.2">
      <c r="A28" s="177" t="s">
        <v>26</v>
      </c>
      <c r="B28" s="192">
        <v>0</v>
      </c>
      <c r="C28" s="196">
        <v>0</v>
      </c>
      <c r="D28" s="458">
        <v>0</v>
      </c>
      <c r="E28" s="195">
        <v>0</v>
      </c>
      <c r="F28" s="196">
        <v>32</v>
      </c>
      <c r="G28" s="196">
        <v>106</v>
      </c>
      <c r="H28" s="196">
        <v>83</v>
      </c>
      <c r="I28" s="196">
        <v>73</v>
      </c>
      <c r="J28" s="196">
        <v>164</v>
      </c>
      <c r="K28" s="197">
        <v>458</v>
      </c>
      <c r="L28" s="198">
        <v>458</v>
      </c>
      <c r="M28" s="192">
        <v>0</v>
      </c>
      <c r="N28" s="196">
        <v>0</v>
      </c>
      <c r="O28" s="193">
        <v>0</v>
      </c>
      <c r="P28" s="195">
        <v>0</v>
      </c>
      <c r="Q28" s="196">
        <v>0</v>
      </c>
      <c r="R28" s="196">
        <v>0</v>
      </c>
      <c r="S28" s="196">
        <v>0</v>
      </c>
      <c r="T28" s="196">
        <v>0</v>
      </c>
      <c r="U28" s="196">
        <v>0</v>
      </c>
      <c r="V28" s="193">
        <v>0</v>
      </c>
      <c r="W28" s="198">
        <v>0</v>
      </c>
      <c r="X28" s="192">
        <v>0</v>
      </c>
      <c r="Y28" s="196">
        <v>23</v>
      </c>
      <c r="Z28" s="193">
        <v>23</v>
      </c>
      <c r="AA28" s="195">
        <v>0</v>
      </c>
      <c r="AB28" s="196">
        <v>17</v>
      </c>
      <c r="AC28" s="196">
        <v>61</v>
      </c>
      <c r="AD28" s="196">
        <v>13</v>
      </c>
      <c r="AE28" s="196">
        <v>11</v>
      </c>
      <c r="AF28" s="196">
        <v>12</v>
      </c>
      <c r="AG28" s="193">
        <v>114</v>
      </c>
      <c r="AH28" s="198">
        <v>137</v>
      </c>
      <c r="AI28" s="192">
        <v>0</v>
      </c>
      <c r="AJ28" s="196">
        <v>0</v>
      </c>
      <c r="AK28" s="193">
        <v>0</v>
      </c>
      <c r="AL28" s="195">
        <v>0</v>
      </c>
      <c r="AM28" s="196">
        <v>0</v>
      </c>
      <c r="AN28" s="196">
        <v>0</v>
      </c>
      <c r="AO28" s="196">
        <v>0</v>
      </c>
      <c r="AP28" s="196">
        <v>0</v>
      </c>
      <c r="AQ28" s="196">
        <v>0</v>
      </c>
      <c r="AR28" s="193">
        <v>0</v>
      </c>
      <c r="AS28" s="198">
        <v>0</v>
      </c>
      <c r="AT28" s="192">
        <v>0</v>
      </c>
      <c r="AU28" s="196">
        <v>0</v>
      </c>
      <c r="AV28" s="193">
        <v>0</v>
      </c>
      <c r="AW28" s="195">
        <v>0</v>
      </c>
      <c r="AX28" s="196">
        <v>78</v>
      </c>
      <c r="AY28" s="196">
        <v>42</v>
      </c>
      <c r="AZ28" s="196">
        <v>9</v>
      </c>
      <c r="BA28" s="196">
        <v>0</v>
      </c>
      <c r="BB28" s="196">
        <v>0</v>
      </c>
      <c r="BC28" s="197">
        <v>129</v>
      </c>
      <c r="BD28" s="198">
        <v>129</v>
      </c>
      <c r="BE28" s="192">
        <v>0</v>
      </c>
      <c r="BF28" s="196">
        <v>0</v>
      </c>
      <c r="BG28" s="193">
        <v>0</v>
      </c>
      <c r="BH28" s="195">
        <v>0</v>
      </c>
      <c r="BI28" s="196">
        <v>15</v>
      </c>
      <c r="BJ28" s="196">
        <v>25</v>
      </c>
      <c r="BK28" s="196">
        <v>4</v>
      </c>
      <c r="BL28" s="196">
        <v>0</v>
      </c>
      <c r="BM28" s="196">
        <v>0</v>
      </c>
      <c r="BN28" s="193">
        <v>44</v>
      </c>
      <c r="BO28" s="198">
        <v>44</v>
      </c>
      <c r="BP28" s="192">
        <v>0</v>
      </c>
      <c r="BQ28" s="196">
        <v>0</v>
      </c>
      <c r="BR28" s="193">
        <v>0</v>
      </c>
      <c r="BS28" s="195">
        <v>0</v>
      </c>
      <c r="BT28" s="196">
        <v>3</v>
      </c>
      <c r="BU28" s="196">
        <v>0</v>
      </c>
      <c r="BV28" s="196">
        <v>18</v>
      </c>
      <c r="BW28" s="196">
        <v>0</v>
      </c>
      <c r="BX28" s="196">
        <v>0</v>
      </c>
      <c r="BY28" s="193">
        <v>21</v>
      </c>
      <c r="BZ28" s="198">
        <v>21</v>
      </c>
      <c r="CA28" s="192">
        <v>0</v>
      </c>
      <c r="CB28" s="196">
        <v>0</v>
      </c>
      <c r="CC28" s="193">
        <v>0</v>
      </c>
      <c r="CD28" s="195">
        <v>0</v>
      </c>
      <c r="CE28" s="196">
        <v>0</v>
      </c>
      <c r="CF28" s="196">
        <v>0</v>
      </c>
      <c r="CG28" s="196">
        <v>5</v>
      </c>
      <c r="CH28" s="196">
        <v>0</v>
      </c>
      <c r="CI28" s="196">
        <v>0</v>
      </c>
      <c r="CJ28" s="193">
        <v>5</v>
      </c>
      <c r="CK28" s="198">
        <v>5</v>
      </c>
      <c r="CL28" s="192">
        <v>0</v>
      </c>
      <c r="CM28" s="196">
        <v>0</v>
      </c>
      <c r="CN28" s="193">
        <v>0</v>
      </c>
      <c r="CO28" s="195">
        <v>0</v>
      </c>
      <c r="CP28" s="196">
        <v>0</v>
      </c>
      <c r="CQ28" s="196">
        <v>0</v>
      </c>
      <c r="CR28" s="196">
        <v>0</v>
      </c>
      <c r="CS28" s="196">
        <v>0</v>
      </c>
      <c r="CT28" s="196">
        <v>0</v>
      </c>
      <c r="CU28" s="193">
        <v>0</v>
      </c>
      <c r="CV28" s="198">
        <v>0</v>
      </c>
      <c r="CW28" s="192">
        <v>0</v>
      </c>
      <c r="CX28" s="196">
        <v>0</v>
      </c>
      <c r="CY28" s="193">
        <v>0</v>
      </c>
      <c r="CZ28" s="195">
        <v>0</v>
      </c>
      <c r="DA28" s="196">
        <v>0</v>
      </c>
      <c r="DB28" s="196">
        <v>0</v>
      </c>
      <c r="DC28" s="196">
        <v>0</v>
      </c>
      <c r="DD28" s="196">
        <v>0</v>
      </c>
      <c r="DE28" s="196">
        <v>0</v>
      </c>
      <c r="DF28" s="193">
        <v>0</v>
      </c>
      <c r="DG28" s="198">
        <v>0</v>
      </c>
    </row>
    <row r="29" spans="1:111" ht="18.75" customHeight="1" x14ac:dyDescent="0.2">
      <c r="A29" s="177" t="s">
        <v>27</v>
      </c>
      <c r="B29" s="192">
        <v>0</v>
      </c>
      <c r="C29" s="196">
        <v>0</v>
      </c>
      <c r="D29" s="458">
        <v>0</v>
      </c>
      <c r="E29" s="195">
        <v>0</v>
      </c>
      <c r="F29" s="196">
        <v>57</v>
      </c>
      <c r="G29" s="196">
        <v>34</v>
      </c>
      <c r="H29" s="196">
        <v>68</v>
      </c>
      <c r="I29" s="196">
        <v>90</v>
      </c>
      <c r="J29" s="196">
        <v>89</v>
      </c>
      <c r="K29" s="197">
        <v>338</v>
      </c>
      <c r="L29" s="198">
        <v>338</v>
      </c>
      <c r="M29" s="192">
        <v>0</v>
      </c>
      <c r="N29" s="196">
        <v>0</v>
      </c>
      <c r="O29" s="193">
        <v>0</v>
      </c>
      <c r="P29" s="195">
        <v>0</v>
      </c>
      <c r="Q29" s="196">
        <v>0</v>
      </c>
      <c r="R29" s="196">
        <v>0</v>
      </c>
      <c r="S29" s="196">
        <v>0</v>
      </c>
      <c r="T29" s="196">
        <v>0</v>
      </c>
      <c r="U29" s="196">
        <v>0</v>
      </c>
      <c r="V29" s="193">
        <v>0</v>
      </c>
      <c r="W29" s="198">
        <v>0</v>
      </c>
      <c r="X29" s="192">
        <v>24</v>
      </c>
      <c r="Y29" s="196">
        <v>17</v>
      </c>
      <c r="Z29" s="193">
        <v>41</v>
      </c>
      <c r="AA29" s="195">
        <v>0</v>
      </c>
      <c r="AB29" s="196">
        <v>34</v>
      </c>
      <c r="AC29" s="196">
        <v>17</v>
      </c>
      <c r="AD29" s="196">
        <v>17</v>
      </c>
      <c r="AE29" s="196">
        <v>4</v>
      </c>
      <c r="AF29" s="196">
        <v>5</v>
      </c>
      <c r="AG29" s="193">
        <v>77</v>
      </c>
      <c r="AH29" s="198">
        <v>118</v>
      </c>
      <c r="AI29" s="192">
        <v>0</v>
      </c>
      <c r="AJ29" s="196">
        <v>12</v>
      </c>
      <c r="AK29" s="193">
        <v>12</v>
      </c>
      <c r="AL29" s="195">
        <v>0</v>
      </c>
      <c r="AM29" s="196">
        <v>0</v>
      </c>
      <c r="AN29" s="196">
        <v>0</v>
      </c>
      <c r="AO29" s="196">
        <v>0</v>
      </c>
      <c r="AP29" s="196">
        <v>0</v>
      </c>
      <c r="AQ29" s="196">
        <v>0</v>
      </c>
      <c r="AR29" s="193">
        <v>0</v>
      </c>
      <c r="AS29" s="198">
        <v>12</v>
      </c>
      <c r="AT29" s="192">
        <v>0</v>
      </c>
      <c r="AU29" s="196">
        <v>0</v>
      </c>
      <c r="AV29" s="193">
        <v>0</v>
      </c>
      <c r="AW29" s="195">
        <v>0</v>
      </c>
      <c r="AX29" s="196">
        <v>27</v>
      </c>
      <c r="AY29" s="196">
        <v>14</v>
      </c>
      <c r="AZ29" s="196">
        <v>30</v>
      </c>
      <c r="BA29" s="196">
        <v>13</v>
      </c>
      <c r="BB29" s="196">
        <v>0</v>
      </c>
      <c r="BC29" s="197">
        <v>84</v>
      </c>
      <c r="BD29" s="198">
        <v>84</v>
      </c>
      <c r="BE29" s="192">
        <v>0</v>
      </c>
      <c r="BF29" s="196">
        <v>0</v>
      </c>
      <c r="BG29" s="193">
        <v>0</v>
      </c>
      <c r="BH29" s="195">
        <v>0</v>
      </c>
      <c r="BI29" s="196">
        <v>4</v>
      </c>
      <c r="BJ29" s="196">
        <v>14</v>
      </c>
      <c r="BK29" s="196">
        <v>9</v>
      </c>
      <c r="BL29" s="196">
        <v>0</v>
      </c>
      <c r="BM29" s="196">
        <v>0</v>
      </c>
      <c r="BN29" s="193">
        <v>27</v>
      </c>
      <c r="BO29" s="198">
        <v>27</v>
      </c>
      <c r="BP29" s="192">
        <v>0</v>
      </c>
      <c r="BQ29" s="196">
        <v>0</v>
      </c>
      <c r="BR29" s="193">
        <v>0</v>
      </c>
      <c r="BS29" s="195">
        <v>0</v>
      </c>
      <c r="BT29" s="196">
        <v>0</v>
      </c>
      <c r="BU29" s="196">
        <v>0</v>
      </c>
      <c r="BV29" s="196">
        <v>11</v>
      </c>
      <c r="BW29" s="196">
        <v>0</v>
      </c>
      <c r="BX29" s="196">
        <v>0</v>
      </c>
      <c r="BY29" s="193">
        <v>11</v>
      </c>
      <c r="BZ29" s="198">
        <v>11</v>
      </c>
      <c r="CA29" s="192">
        <v>0</v>
      </c>
      <c r="CB29" s="196">
        <v>0</v>
      </c>
      <c r="CC29" s="193">
        <v>0</v>
      </c>
      <c r="CD29" s="195">
        <v>0</v>
      </c>
      <c r="CE29" s="196">
        <v>0</v>
      </c>
      <c r="CF29" s="196">
        <v>4</v>
      </c>
      <c r="CG29" s="196">
        <v>0</v>
      </c>
      <c r="CH29" s="196">
        <v>0</v>
      </c>
      <c r="CI29" s="196">
        <v>0</v>
      </c>
      <c r="CJ29" s="193">
        <v>4</v>
      </c>
      <c r="CK29" s="198">
        <v>4</v>
      </c>
      <c r="CL29" s="192">
        <v>0</v>
      </c>
      <c r="CM29" s="196">
        <v>0</v>
      </c>
      <c r="CN29" s="193">
        <v>0</v>
      </c>
      <c r="CO29" s="195">
        <v>0</v>
      </c>
      <c r="CP29" s="196">
        <v>0</v>
      </c>
      <c r="CQ29" s="196">
        <v>0</v>
      </c>
      <c r="CR29" s="196">
        <v>0</v>
      </c>
      <c r="CS29" s="196">
        <v>0</v>
      </c>
      <c r="CT29" s="196">
        <v>0</v>
      </c>
      <c r="CU29" s="193">
        <v>0</v>
      </c>
      <c r="CV29" s="198">
        <v>0</v>
      </c>
      <c r="CW29" s="192">
        <v>0</v>
      </c>
      <c r="CX29" s="196">
        <v>0</v>
      </c>
      <c r="CY29" s="193">
        <v>0</v>
      </c>
      <c r="CZ29" s="195">
        <v>0</v>
      </c>
      <c r="DA29" s="196">
        <v>0</v>
      </c>
      <c r="DB29" s="196">
        <v>0</v>
      </c>
      <c r="DC29" s="196">
        <v>0</v>
      </c>
      <c r="DD29" s="196">
        <v>0</v>
      </c>
      <c r="DE29" s="196">
        <v>0</v>
      </c>
      <c r="DF29" s="193">
        <v>0</v>
      </c>
      <c r="DG29" s="198">
        <v>0</v>
      </c>
    </row>
    <row r="30" spans="1:111" ht="18.75" customHeight="1" x14ac:dyDescent="0.2">
      <c r="A30" s="177" t="s">
        <v>28</v>
      </c>
      <c r="B30" s="192">
        <v>0</v>
      </c>
      <c r="C30" s="196">
        <v>0</v>
      </c>
      <c r="D30" s="458">
        <v>0</v>
      </c>
      <c r="E30" s="195">
        <v>0</v>
      </c>
      <c r="F30" s="196">
        <v>6</v>
      </c>
      <c r="G30" s="196">
        <v>23</v>
      </c>
      <c r="H30" s="196">
        <v>0</v>
      </c>
      <c r="I30" s="196">
        <v>0</v>
      </c>
      <c r="J30" s="196">
        <v>0</v>
      </c>
      <c r="K30" s="197">
        <v>29</v>
      </c>
      <c r="L30" s="198">
        <v>29</v>
      </c>
      <c r="M30" s="192">
        <v>0</v>
      </c>
      <c r="N30" s="196">
        <v>0</v>
      </c>
      <c r="O30" s="193">
        <v>0</v>
      </c>
      <c r="P30" s="195">
        <v>0</v>
      </c>
      <c r="Q30" s="196">
        <v>0</v>
      </c>
      <c r="R30" s="196">
        <v>0</v>
      </c>
      <c r="S30" s="196">
        <v>0</v>
      </c>
      <c r="T30" s="196">
        <v>0</v>
      </c>
      <c r="U30" s="196">
        <v>0</v>
      </c>
      <c r="V30" s="193">
        <v>0</v>
      </c>
      <c r="W30" s="198">
        <v>0</v>
      </c>
      <c r="X30" s="192">
        <v>0</v>
      </c>
      <c r="Y30" s="196">
        <v>0</v>
      </c>
      <c r="Z30" s="193">
        <v>0</v>
      </c>
      <c r="AA30" s="195">
        <v>0</v>
      </c>
      <c r="AB30" s="196">
        <v>0</v>
      </c>
      <c r="AC30" s="196">
        <v>7</v>
      </c>
      <c r="AD30" s="196">
        <v>2</v>
      </c>
      <c r="AE30" s="196">
        <v>0</v>
      </c>
      <c r="AF30" s="196">
        <v>0</v>
      </c>
      <c r="AG30" s="193">
        <v>9</v>
      </c>
      <c r="AH30" s="198">
        <v>9</v>
      </c>
      <c r="AI30" s="192">
        <v>0</v>
      </c>
      <c r="AJ30" s="196">
        <v>0</v>
      </c>
      <c r="AK30" s="193">
        <v>0</v>
      </c>
      <c r="AL30" s="195">
        <v>0</v>
      </c>
      <c r="AM30" s="196">
        <v>24</v>
      </c>
      <c r="AN30" s="196">
        <v>0</v>
      </c>
      <c r="AO30" s="196">
        <v>0</v>
      </c>
      <c r="AP30" s="196">
        <v>0</v>
      </c>
      <c r="AQ30" s="196">
        <v>0</v>
      </c>
      <c r="AR30" s="193">
        <v>24</v>
      </c>
      <c r="AS30" s="198">
        <v>24</v>
      </c>
      <c r="AT30" s="192">
        <v>0</v>
      </c>
      <c r="AU30" s="196">
        <v>0</v>
      </c>
      <c r="AV30" s="193">
        <v>0</v>
      </c>
      <c r="AW30" s="195">
        <v>0</v>
      </c>
      <c r="AX30" s="196">
        <v>18</v>
      </c>
      <c r="AY30" s="196">
        <v>17</v>
      </c>
      <c r="AZ30" s="196">
        <v>0</v>
      </c>
      <c r="BA30" s="196">
        <v>0</v>
      </c>
      <c r="BB30" s="196">
        <v>0</v>
      </c>
      <c r="BC30" s="197">
        <v>35</v>
      </c>
      <c r="BD30" s="198">
        <v>35</v>
      </c>
      <c r="BE30" s="192">
        <v>0</v>
      </c>
      <c r="BF30" s="196">
        <v>0</v>
      </c>
      <c r="BG30" s="193">
        <v>0</v>
      </c>
      <c r="BH30" s="195">
        <v>0</v>
      </c>
      <c r="BI30" s="196">
        <v>13</v>
      </c>
      <c r="BJ30" s="196">
        <v>3</v>
      </c>
      <c r="BK30" s="196">
        <v>1</v>
      </c>
      <c r="BL30" s="196">
        <v>0</v>
      </c>
      <c r="BM30" s="196">
        <v>7</v>
      </c>
      <c r="BN30" s="193">
        <v>24</v>
      </c>
      <c r="BO30" s="198">
        <v>24</v>
      </c>
      <c r="BP30" s="192">
        <v>0</v>
      </c>
      <c r="BQ30" s="196">
        <v>0</v>
      </c>
      <c r="BR30" s="193">
        <v>0</v>
      </c>
      <c r="BS30" s="195">
        <v>0</v>
      </c>
      <c r="BT30" s="196">
        <v>0</v>
      </c>
      <c r="BU30" s="196">
        <v>0</v>
      </c>
      <c r="BV30" s="196">
        <v>4</v>
      </c>
      <c r="BW30" s="196">
        <v>0</v>
      </c>
      <c r="BX30" s="196">
        <v>0</v>
      </c>
      <c r="BY30" s="193">
        <v>4</v>
      </c>
      <c r="BZ30" s="198">
        <v>4</v>
      </c>
      <c r="CA30" s="192">
        <v>0</v>
      </c>
      <c r="CB30" s="196">
        <v>0</v>
      </c>
      <c r="CC30" s="193">
        <v>0</v>
      </c>
      <c r="CD30" s="195">
        <v>0</v>
      </c>
      <c r="CE30" s="196">
        <v>0</v>
      </c>
      <c r="CF30" s="196">
        <v>0</v>
      </c>
      <c r="CG30" s="196">
        <v>0</v>
      </c>
      <c r="CH30" s="196">
        <v>0</v>
      </c>
      <c r="CI30" s="196">
        <v>0</v>
      </c>
      <c r="CJ30" s="193">
        <v>0</v>
      </c>
      <c r="CK30" s="198">
        <v>0</v>
      </c>
      <c r="CL30" s="192">
        <v>0</v>
      </c>
      <c r="CM30" s="196">
        <v>0</v>
      </c>
      <c r="CN30" s="193">
        <v>0</v>
      </c>
      <c r="CO30" s="195">
        <v>0</v>
      </c>
      <c r="CP30" s="196">
        <v>0</v>
      </c>
      <c r="CQ30" s="196">
        <v>0</v>
      </c>
      <c r="CR30" s="196">
        <v>0</v>
      </c>
      <c r="CS30" s="196">
        <v>0</v>
      </c>
      <c r="CT30" s="196">
        <v>0</v>
      </c>
      <c r="CU30" s="193">
        <v>0</v>
      </c>
      <c r="CV30" s="198">
        <v>0</v>
      </c>
      <c r="CW30" s="192">
        <v>0</v>
      </c>
      <c r="CX30" s="196">
        <v>0</v>
      </c>
      <c r="CY30" s="193">
        <v>0</v>
      </c>
      <c r="CZ30" s="195">
        <v>0</v>
      </c>
      <c r="DA30" s="196">
        <v>0</v>
      </c>
      <c r="DB30" s="196">
        <v>0</v>
      </c>
      <c r="DC30" s="196">
        <v>0</v>
      </c>
      <c r="DD30" s="196">
        <v>0</v>
      </c>
      <c r="DE30" s="196">
        <v>0</v>
      </c>
      <c r="DF30" s="193">
        <v>0</v>
      </c>
      <c r="DG30" s="198">
        <v>0</v>
      </c>
    </row>
    <row r="31" spans="1:111" ht="18.75" customHeight="1" x14ac:dyDescent="0.2">
      <c r="A31" s="177" t="s">
        <v>29</v>
      </c>
      <c r="B31" s="192">
        <v>0</v>
      </c>
      <c r="C31" s="196">
        <v>0</v>
      </c>
      <c r="D31" s="458">
        <v>0</v>
      </c>
      <c r="E31" s="195">
        <v>0</v>
      </c>
      <c r="F31" s="196">
        <v>3</v>
      </c>
      <c r="G31" s="196">
        <v>29</v>
      </c>
      <c r="H31" s="196">
        <v>0</v>
      </c>
      <c r="I31" s="196">
        <v>0</v>
      </c>
      <c r="J31" s="196">
        <v>0</v>
      </c>
      <c r="K31" s="197">
        <v>32</v>
      </c>
      <c r="L31" s="198">
        <v>32</v>
      </c>
      <c r="M31" s="192">
        <v>0</v>
      </c>
      <c r="N31" s="196">
        <v>0</v>
      </c>
      <c r="O31" s="193">
        <v>0</v>
      </c>
      <c r="P31" s="195">
        <v>0</v>
      </c>
      <c r="Q31" s="196">
        <v>0</v>
      </c>
      <c r="R31" s="196">
        <v>0</v>
      </c>
      <c r="S31" s="196">
        <v>3</v>
      </c>
      <c r="T31" s="196">
        <v>0</v>
      </c>
      <c r="U31" s="196">
        <v>0</v>
      </c>
      <c r="V31" s="193">
        <v>3</v>
      </c>
      <c r="W31" s="198">
        <v>3</v>
      </c>
      <c r="X31" s="192">
        <v>0</v>
      </c>
      <c r="Y31" s="196">
        <v>0</v>
      </c>
      <c r="Z31" s="193">
        <v>0</v>
      </c>
      <c r="AA31" s="195">
        <v>0</v>
      </c>
      <c r="AB31" s="196">
        <v>16</v>
      </c>
      <c r="AC31" s="196">
        <v>0</v>
      </c>
      <c r="AD31" s="196">
        <v>33</v>
      </c>
      <c r="AE31" s="196">
        <v>0</v>
      </c>
      <c r="AF31" s="196">
        <v>0</v>
      </c>
      <c r="AG31" s="193">
        <v>49</v>
      </c>
      <c r="AH31" s="198">
        <v>49</v>
      </c>
      <c r="AI31" s="192">
        <v>0</v>
      </c>
      <c r="AJ31" s="196">
        <v>0</v>
      </c>
      <c r="AK31" s="193">
        <v>0</v>
      </c>
      <c r="AL31" s="195">
        <v>0</v>
      </c>
      <c r="AM31" s="196">
        <v>0</v>
      </c>
      <c r="AN31" s="196">
        <v>15</v>
      </c>
      <c r="AO31" s="196">
        <v>0</v>
      </c>
      <c r="AP31" s="196">
        <v>0</v>
      </c>
      <c r="AQ31" s="196">
        <v>0</v>
      </c>
      <c r="AR31" s="193">
        <v>15</v>
      </c>
      <c r="AS31" s="198">
        <v>15</v>
      </c>
      <c r="AT31" s="192">
        <v>0</v>
      </c>
      <c r="AU31" s="196">
        <v>0</v>
      </c>
      <c r="AV31" s="193">
        <v>0</v>
      </c>
      <c r="AW31" s="195">
        <v>0</v>
      </c>
      <c r="AX31" s="196">
        <v>17</v>
      </c>
      <c r="AY31" s="196">
        <v>0</v>
      </c>
      <c r="AZ31" s="196">
        <v>4</v>
      </c>
      <c r="BA31" s="196">
        <v>0</v>
      </c>
      <c r="BB31" s="196">
        <v>0</v>
      </c>
      <c r="BC31" s="197">
        <v>21</v>
      </c>
      <c r="BD31" s="198">
        <v>21</v>
      </c>
      <c r="BE31" s="192">
        <v>0</v>
      </c>
      <c r="BF31" s="196">
        <v>0</v>
      </c>
      <c r="BG31" s="193">
        <v>0</v>
      </c>
      <c r="BH31" s="195">
        <v>0</v>
      </c>
      <c r="BI31" s="196">
        <v>0</v>
      </c>
      <c r="BJ31" s="196">
        <v>8</v>
      </c>
      <c r="BK31" s="196">
        <v>17</v>
      </c>
      <c r="BL31" s="196">
        <v>0</v>
      </c>
      <c r="BM31" s="196">
        <v>0</v>
      </c>
      <c r="BN31" s="193">
        <v>25</v>
      </c>
      <c r="BO31" s="198">
        <v>25</v>
      </c>
      <c r="BP31" s="192">
        <v>0</v>
      </c>
      <c r="BQ31" s="196">
        <v>0</v>
      </c>
      <c r="BR31" s="193">
        <v>0</v>
      </c>
      <c r="BS31" s="195">
        <v>0</v>
      </c>
      <c r="BT31" s="196">
        <v>0</v>
      </c>
      <c r="BU31" s="196">
        <v>0</v>
      </c>
      <c r="BV31" s="196">
        <v>4</v>
      </c>
      <c r="BW31" s="196">
        <v>0</v>
      </c>
      <c r="BX31" s="196">
        <v>0</v>
      </c>
      <c r="BY31" s="193">
        <v>4</v>
      </c>
      <c r="BZ31" s="198">
        <v>4</v>
      </c>
      <c r="CA31" s="192">
        <v>0</v>
      </c>
      <c r="CB31" s="196">
        <v>0</v>
      </c>
      <c r="CC31" s="193">
        <v>0</v>
      </c>
      <c r="CD31" s="195">
        <v>0</v>
      </c>
      <c r="CE31" s="196">
        <v>0</v>
      </c>
      <c r="CF31" s="196">
        <v>0</v>
      </c>
      <c r="CG31" s="196">
        <v>0</v>
      </c>
      <c r="CH31" s="196">
        <v>0</v>
      </c>
      <c r="CI31" s="196">
        <v>0</v>
      </c>
      <c r="CJ31" s="193">
        <v>0</v>
      </c>
      <c r="CK31" s="198">
        <v>0</v>
      </c>
      <c r="CL31" s="192">
        <v>0</v>
      </c>
      <c r="CM31" s="196">
        <v>0</v>
      </c>
      <c r="CN31" s="193">
        <v>0</v>
      </c>
      <c r="CO31" s="195">
        <v>0</v>
      </c>
      <c r="CP31" s="196">
        <v>0</v>
      </c>
      <c r="CQ31" s="196">
        <v>0</v>
      </c>
      <c r="CR31" s="196">
        <v>0</v>
      </c>
      <c r="CS31" s="196">
        <v>0</v>
      </c>
      <c r="CT31" s="196">
        <v>0</v>
      </c>
      <c r="CU31" s="193">
        <v>0</v>
      </c>
      <c r="CV31" s="198">
        <v>0</v>
      </c>
      <c r="CW31" s="192">
        <v>0</v>
      </c>
      <c r="CX31" s="196">
        <v>0</v>
      </c>
      <c r="CY31" s="193">
        <v>0</v>
      </c>
      <c r="CZ31" s="195">
        <v>0</v>
      </c>
      <c r="DA31" s="196">
        <v>0</v>
      </c>
      <c r="DB31" s="196">
        <v>0</v>
      </c>
      <c r="DC31" s="196">
        <v>0</v>
      </c>
      <c r="DD31" s="196">
        <v>0</v>
      </c>
      <c r="DE31" s="196">
        <v>0</v>
      </c>
      <c r="DF31" s="193">
        <v>0</v>
      </c>
      <c r="DG31" s="198">
        <v>0</v>
      </c>
    </row>
    <row r="32" spans="1:111" ht="18.75" customHeight="1" x14ac:dyDescent="0.2">
      <c r="A32" s="177" t="s">
        <v>30</v>
      </c>
      <c r="B32" s="192">
        <v>0</v>
      </c>
      <c r="C32" s="196">
        <v>0</v>
      </c>
      <c r="D32" s="458">
        <v>0</v>
      </c>
      <c r="E32" s="195">
        <v>0</v>
      </c>
      <c r="F32" s="196">
        <v>0</v>
      </c>
      <c r="G32" s="196">
        <v>10</v>
      </c>
      <c r="H32" s="196">
        <v>90</v>
      </c>
      <c r="I32" s="196">
        <v>55</v>
      </c>
      <c r="J32" s="196">
        <v>0</v>
      </c>
      <c r="K32" s="197">
        <v>155</v>
      </c>
      <c r="L32" s="198">
        <v>155</v>
      </c>
      <c r="M32" s="192">
        <v>0</v>
      </c>
      <c r="N32" s="196">
        <v>0</v>
      </c>
      <c r="O32" s="193">
        <v>0</v>
      </c>
      <c r="P32" s="195">
        <v>0</v>
      </c>
      <c r="Q32" s="196">
        <v>0</v>
      </c>
      <c r="R32" s="196">
        <v>0</v>
      </c>
      <c r="S32" s="196">
        <v>0</v>
      </c>
      <c r="T32" s="196">
        <v>5</v>
      </c>
      <c r="U32" s="196">
        <v>0</v>
      </c>
      <c r="V32" s="193">
        <v>5</v>
      </c>
      <c r="W32" s="198">
        <v>5</v>
      </c>
      <c r="X32" s="192">
        <v>0</v>
      </c>
      <c r="Y32" s="196">
        <v>0</v>
      </c>
      <c r="Z32" s="193">
        <v>0</v>
      </c>
      <c r="AA32" s="195">
        <v>0</v>
      </c>
      <c r="AB32" s="196">
        <v>0</v>
      </c>
      <c r="AC32" s="196">
        <v>4</v>
      </c>
      <c r="AD32" s="196">
        <v>0</v>
      </c>
      <c r="AE32" s="196">
        <v>4</v>
      </c>
      <c r="AF32" s="196">
        <v>0</v>
      </c>
      <c r="AG32" s="193">
        <v>8</v>
      </c>
      <c r="AH32" s="198">
        <v>8</v>
      </c>
      <c r="AI32" s="192">
        <v>0</v>
      </c>
      <c r="AJ32" s="196">
        <v>0</v>
      </c>
      <c r="AK32" s="193">
        <v>0</v>
      </c>
      <c r="AL32" s="195">
        <v>0</v>
      </c>
      <c r="AM32" s="196">
        <v>0</v>
      </c>
      <c r="AN32" s="196">
        <v>0</v>
      </c>
      <c r="AO32" s="196">
        <v>0</v>
      </c>
      <c r="AP32" s="196">
        <v>18</v>
      </c>
      <c r="AQ32" s="196">
        <v>0</v>
      </c>
      <c r="AR32" s="193">
        <v>18</v>
      </c>
      <c r="AS32" s="198">
        <v>18</v>
      </c>
      <c r="AT32" s="192">
        <v>0</v>
      </c>
      <c r="AU32" s="196">
        <v>0</v>
      </c>
      <c r="AV32" s="193">
        <v>0</v>
      </c>
      <c r="AW32" s="195">
        <v>0</v>
      </c>
      <c r="AX32" s="196">
        <v>9</v>
      </c>
      <c r="AY32" s="196">
        <v>8</v>
      </c>
      <c r="AZ32" s="196">
        <v>23</v>
      </c>
      <c r="BA32" s="196">
        <v>0</v>
      </c>
      <c r="BB32" s="196">
        <v>0</v>
      </c>
      <c r="BC32" s="197">
        <v>40</v>
      </c>
      <c r="BD32" s="198">
        <v>40</v>
      </c>
      <c r="BE32" s="192">
        <v>0</v>
      </c>
      <c r="BF32" s="196">
        <v>0</v>
      </c>
      <c r="BG32" s="193">
        <v>0</v>
      </c>
      <c r="BH32" s="195">
        <v>0</v>
      </c>
      <c r="BI32" s="196">
        <v>0</v>
      </c>
      <c r="BJ32" s="196">
        <v>15</v>
      </c>
      <c r="BK32" s="196">
        <v>0</v>
      </c>
      <c r="BL32" s="196">
        <v>0</v>
      </c>
      <c r="BM32" s="196">
        <v>0</v>
      </c>
      <c r="BN32" s="193">
        <v>15</v>
      </c>
      <c r="BO32" s="198">
        <v>15</v>
      </c>
      <c r="BP32" s="192">
        <v>0</v>
      </c>
      <c r="BQ32" s="196">
        <v>0</v>
      </c>
      <c r="BR32" s="193">
        <v>0</v>
      </c>
      <c r="BS32" s="195">
        <v>0</v>
      </c>
      <c r="BT32" s="196">
        <v>0</v>
      </c>
      <c r="BU32" s="196">
        <v>0</v>
      </c>
      <c r="BV32" s="196">
        <v>4</v>
      </c>
      <c r="BW32" s="196">
        <v>0</v>
      </c>
      <c r="BX32" s="196">
        <v>0</v>
      </c>
      <c r="BY32" s="193">
        <v>4</v>
      </c>
      <c r="BZ32" s="198">
        <v>4</v>
      </c>
      <c r="CA32" s="192">
        <v>0</v>
      </c>
      <c r="CB32" s="196">
        <v>0</v>
      </c>
      <c r="CC32" s="193">
        <v>0</v>
      </c>
      <c r="CD32" s="195">
        <v>0</v>
      </c>
      <c r="CE32" s="196">
        <v>0</v>
      </c>
      <c r="CF32" s="196">
        <v>5</v>
      </c>
      <c r="CG32" s="196">
        <v>0</v>
      </c>
      <c r="CH32" s="196">
        <v>0</v>
      </c>
      <c r="CI32" s="196">
        <v>0</v>
      </c>
      <c r="CJ32" s="193">
        <v>5</v>
      </c>
      <c r="CK32" s="198">
        <v>5</v>
      </c>
      <c r="CL32" s="192">
        <v>0</v>
      </c>
      <c r="CM32" s="196">
        <v>0</v>
      </c>
      <c r="CN32" s="193">
        <v>0</v>
      </c>
      <c r="CO32" s="195">
        <v>0</v>
      </c>
      <c r="CP32" s="196">
        <v>0</v>
      </c>
      <c r="CQ32" s="196">
        <v>0</v>
      </c>
      <c r="CR32" s="196">
        <v>0</v>
      </c>
      <c r="CS32" s="196">
        <v>0</v>
      </c>
      <c r="CT32" s="196">
        <v>0</v>
      </c>
      <c r="CU32" s="193">
        <v>0</v>
      </c>
      <c r="CV32" s="198">
        <v>0</v>
      </c>
      <c r="CW32" s="192">
        <v>0</v>
      </c>
      <c r="CX32" s="196">
        <v>0</v>
      </c>
      <c r="CY32" s="193">
        <v>0</v>
      </c>
      <c r="CZ32" s="195">
        <v>0</v>
      </c>
      <c r="DA32" s="196">
        <v>0</v>
      </c>
      <c r="DB32" s="196">
        <v>0</v>
      </c>
      <c r="DC32" s="196">
        <v>0</v>
      </c>
      <c r="DD32" s="196">
        <v>0</v>
      </c>
      <c r="DE32" s="196">
        <v>0</v>
      </c>
      <c r="DF32" s="193">
        <v>0</v>
      </c>
      <c r="DG32" s="198">
        <v>0</v>
      </c>
    </row>
    <row r="33" spans="1:111" ht="18.75" customHeight="1" x14ac:dyDescent="0.2">
      <c r="A33" s="177" t="s">
        <v>31</v>
      </c>
      <c r="B33" s="192">
        <v>0</v>
      </c>
      <c r="C33" s="196">
        <v>0</v>
      </c>
      <c r="D33" s="458">
        <v>0</v>
      </c>
      <c r="E33" s="195">
        <v>0</v>
      </c>
      <c r="F33" s="196">
        <v>8</v>
      </c>
      <c r="G33" s="196">
        <v>0</v>
      </c>
      <c r="H33" s="196">
        <v>0</v>
      </c>
      <c r="I33" s="196">
        <v>-90</v>
      </c>
      <c r="J33" s="196">
        <v>80</v>
      </c>
      <c r="K33" s="197">
        <v>-2</v>
      </c>
      <c r="L33" s="198">
        <v>-2</v>
      </c>
      <c r="M33" s="192">
        <v>0</v>
      </c>
      <c r="N33" s="196">
        <v>0</v>
      </c>
      <c r="O33" s="193">
        <v>0</v>
      </c>
      <c r="P33" s="195">
        <v>0</v>
      </c>
      <c r="Q33" s="196">
        <v>0</v>
      </c>
      <c r="R33" s="196">
        <v>0</v>
      </c>
      <c r="S33" s="196">
        <v>0</v>
      </c>
      <c r="T33" s="196">
        <v>0</v>
      </c>
      <c r="U33" s="196">
        <v>12</v>
      </c>
      <c r="V33" s="193">
        <v>12</v>
      </c>
      <c r="W33" s="198">
        <v>12</v>
      </c>
      <c r="X33" s="192">
        <v>2</v>
      </c>
      <c r="Y33" s="196">
        <v>0</v>
      </c>
      <c r="Z33" s="193">
        <v>2</v>
      </c>
      <c r="AA33" s="195">
        <v>0</v>
      </c>
      <c r="AB33" s="196">
        <v>9</v>
      </c>
      <c r="AC33" s="196">
        <v>0</v>
      </c>
      <c r="AD33" s="196">
        <v>0</v>
      </c>
      <c r="AE33" s="196">
        <v>-18</v>
      </c>
      <c r="AF33" s="196">
        <v>59</v>
      </c>
      <c r="AG33" s="193">
        <v>50</v>
      </c>
      <c r="AH33" s="198">
        <v>52</v>
      </c>
      <c r="AI33" s="192">
        <v>0</v>
      </c>
      <c r="AJ33" s="196">
        <v>0</v>
      </c>
      <c r="AK33" s="193">
        <v>0</v>
      </c>
      <c r="AL33" s="195">
        <v>0</v>
      </c>
      <c r="AM33" s="196">
        <v>0</v>
      </c>
      <c r="AN33" s="196">
        <v>0</v>
      </c>
      <c r="AO33" s="196">
        <v>0</v>
      </c>
      <c r="AP33" s="196">
        <v>0</v>
      </c>
      <c r="AQ33" s="196">
        <v>0</v>
      </c>
      <c r="AR33" s="193">
        <v>0</v>
      </c>
      <c r="AS33" s="198">
        <v>0</v>
      </c>
      <c r="AT33" s="192">
        <v>0</v>
      </c>
      <c r="AU33" s="196">
        <v>0</v>
      </c>
      <c r="AV33" s="193">
        <v>0</v>
      </c>
      <c r="AW33" s="195">
        <v>0</v>
      </c>
      <c r="AX33" s="196">
        <v>0</v>
      </c>
      <c r="AY33" s="196">
        <v>9</v>
      </c>
      <c r="AZ33" s="196">
        <v>16</v>
      </c>
      <c r="BA33" s="196">
        <v>13</v>
      </c>
      <c r="BB33" s="196">
        <v>0</v>
      </c>
      <c r="BC33" s="197">
        <v>38</v>
      </c>
      <c r="BD33" s="198">
        <v>38</v>
      </c>
      <c r="BE33" s="192">
        <v>0</v>
      </c>
      <c r="BF33" s="196">
        <v>0</v>
      </c>
      <c r="BG33" s="193">
        <v>0</v>
      </c>
      <c r="BH33" s="195">
        <v>0</v>
      </c>
      <c r="BI33" s="196">
        <v>0</v>
      </c>
      <c r="BJ33" s="196">
        <v>0</v>
      </c>
      <c r="BK33" s="196">
        <v>0</v>
      </c>
      <c r="BL33" s="196">
        <v>0</v>
      </c>
      <c r="BM33" s="196">
        <v>0</v>
      </c>
      <c r="BN33" s="193">
        <v>0</v>
      </c>
      <c r="BO33" s="198">
        <v>0</v>
      </c>
      <c r="BP33" s="192">
        <v>0</v>
      </c>
      <c r="BQ33" s="196">
        <v>0</v>
      </c>
      <c r="BR33" s="193">
        <v>0</v>
      </c>
      <c r="BS33" s="195">
        <v>0</v>
      </c>
      <c r="BT33" s="196">
        <v>0</v>
      </c>
      <c r="BU33" s="196">
        <v>0</v>
      </c>
      <c r="BV33" s="196">
        <v>0</v>
      </c>
      <c r="BW33" s="196">
        <v>59</v>
      </c>
      <c r="BX33" s="196">
        <v>0</v>
      </c>
      <c r="BY33" s="193">
        <v>59</v>
      </c>
      <c r="BZ33" s="198">
        <v>59</v>
      </c>
      <c r="CA33" s="192">
        <v>0</v>
      </c>
      <c r="CB33" s="196">
        <v>0</v>
      </c>
      <c r="CC33" s="193">
        <v>0</v>
      </c>
      <c r="CD33" s="195">
        <v>0</v>
      </c>
      <c r="CE33" s="196">
        <v>0</v>
      </c>
      <c r="CF33" s="196">
        <v>20</v>
      </c>
      <c r="CG33" s="196">
        <v>0</v>
      </c>
      <c r="CH33" s="196">
        <v>0</v>
      </c>
      <c r="CI33" s="196">
        <v>0</v>
      </c>
      <c r="CJ33" s="193">
        <v>20</v>
      </c>
      <c r="CK33" s="198">
        <v>20</v>
      </c>
      <c r="CL33" s="192">
        <v>0</v>
      </c>
      <c r="CM33" s="196">
        <v>0</v>
      </c>
      <c r="CN33" s="193">
        <v>0</v>
      </c>
      <c r="CO33" s="195">
        <v>0</v>
      </c>
      <c r="CP33" s="196">
        <v>0</v>
      </c>
      <c r="CQ33" s="196">
        <v>0</v>
      </c>
      <c r="CR33" s="196">
        <v>0</v>
      </c>
      <c r="CS33" s="196">
        <v>0</v>
      </c>
      <c r="CT33" s="196">
        <v>0</v>
      </c>
      <c r="CU33" s="193">
        <v>0</v>
      </c>
      <c r="CV33" s="198">
        <v>0</v>
      </c>
      <c r="CW33" s="192">
        <v>0</v>
      </c>
      <c r="CX33" s="196">
        <v>0</v>
      </c>
      <c r="CY33" s="193">
        <v>0</v>
      </c>
      <c r="CZ33" s="195">
        <v>0</v>
      </c>
      <c r="DA33" s="196">
        <v>0</v>
      </c>
      <c r="DB33" s="196">
        <v>0</v>
      </c>
      <c r="DC33" s="196">
        <v>0</v>
      </c>
      <c r="DD33" s="196">
        <v>0</v>
      </c>
      <c r="DE33" s="196">
        <v>0</v>
      </c>
      <c r="DF33" s="193">
        <v>0</v>
      </c>
      <c r="DG33" s="198">
        <v>0</v>
      </c>
    </row>
    <row r="34" spans="1:111" ht="18.75" customHeight="1" x14ac:dyDescent="0.2">
      <c r="A34" s="177" t="s">
        <v>32</v>
      </c>
      <c r="B34" s="192">
        <v>0</v>
      </c>
      <c r="C34" s="196">
        <v>0</v>
      </c>
      <c r="D34" s="458">
        <v>0</v>
      </c>
      <c r="E34" s="195">
        <v>0</v>
      </c>
      <c r="F34" s="196">
        <v>12</v>
      </c>
      <c r="G34" s="196">
        <v>0</v>
      </c>
      <c r="H34" s="196">
        <v>0</v>
      </c>
      <c r="I34" s="196">
        <v>120</v>
      </c>
      <c r="J34" s="196">
        <v>0</v>
      </c>
      <c r="K34" s="197">
        <v>132</v>
      </c>
      <c r="L34" s="198">
        <v>132</v>
      </c>
      <c r="M34" s="192">
        <v>0</v>
      </c>
      <c r="N34" s="196">
        <v>0</v>
      </c>
      <c r="O34" s="193">
        <v>0</v>
      </c>
      <c r="P34" s="195">
        <v>0</v>
      </c>
      <c r="Q34" s="196">
        <v>0</v>
      </c>
      <c r="R34" s="196">
        <v>0</v>
      </c>
      <c r="S34" s="196">
        <v>0</v>
      </c>
      <c r="T34" s="196">
        <v>0</v>
      </c>
      <c r="U34" s="196">
        <v>0</v>
      </c>
      <c r="V34" s="193">
        <v>0</v>
      </c>
      <c r="W34" s="198">
        <v>0</v>
      </c>
      <c r="X34" s="192">
        <v>0</v>
      </c>
      <c r="Y34" s="196">
        <v>0</v>
      </c>
      <c r="Z34" s="193">
        <v>0</v>
      </c>
      <c r="AA34" s="195">
        <v>0</v>
      </c>
      <c r="AB34" s="196">
        <v>0</v>
      </c>
      <c r="AC34" s="196">
        <v>4</v>
      </c>
      <c r="AD34" s="196">
        <v>0</v>
      </c>
      <c r="AE34" s="196">
        <v>4</v>
      </c>
      <c r="AF34" s="196">
        <v>0</v>
      </c>
      <c r="AG34" s="193">
        <v>8</v>
      </c>
      <c r="AH34" s="198">
        <v>8</v>
      </c>
      <c r="AI34" s="192">
        <v>0</v>
      </c>
      <c r="AJ34" s="196">
        <v>0</v>
      </c>
      <c r="AK34" s="193">
        <v>0</v>
      </c>
      <c r="AL34" s="195">
        <v>0</v>
      </c>
      <c r="AM34" s="196">
        <v>0</v>
      </c>
      <c r="AN34" s="196">
        <v>0</v>
      </c>
      <c r="AO34" s="196">
        <v>12</v>
      </c>
      <c r="AP34" s="196">
        <v>0</v>
      </c>
      <c r="AQ34" s="196">
        <v>0</v>
      </c>
      <c r="AR34" s="193">
        <v>12</v>
      </c>
      <c r="AS34" s="198">
        <v>12</v>
      </c>
      <c r="AT34" s="192">
        <v>0</v>
      </c>
      <c r="AU34" s="196">
        <v>0</v>
      </c>
      <c r="AV34" s="193">
        <v>0</v>
      </c>
      <c r="AW34" s="195">
        <v>0</v>
      </c>
      <c r="AX34" s="196">
        <v>32</v>
      </c>
      <c r="AY34" s="196">
        <v>1</v>
      </c>
      <c r="AZ34" s="196">
        <v>0</v>
      </c>
      <c r="BA34" s="196">
        <v>0</v>
      </c>
      <c r="BB34" s="196">
        <v>0</v>
      </c>
      <c r="BC34" s="197">
        <v>33</v>
      </c>
      <c r="BD34" s="198">
        <v>33</v>
      </c>
      <c r="BE34" s="192">
        <v>0</v>
      </c>
      <c r="BF34" s="196">
        <v>0</v>
      </c>
      <c r="BG34" s="193">
        <v>0</v>
      </c>
      <c r="BH34" s="195">
        <v>0</v>
      </c>
      <c r="BI34" s="196">
        <v>0</v>
      </c>
      <c r="BJ34" s="196">
        <v>9</v>
      </c>
      <c r="BK34" s="196">
        <v>14</v>
      </c>
      <c r="BL34" s="196">
        <v>0</v>
      </c>
      <c r="BM34" s="196">
        <v>0</v>
      </c>
      <c r="BN34" s="193">
        <v>23</v>
      </c>
      <c r="BO34" s="198">
        <v>23</v>
      </c>
      <c r="BP34" s="192">
        <v>0</v>
      </c>
      <c r="BQ34" s="196">
        <v>0</v>
      </c>
      <c r="BR34" s="193">
        <v>0</v>
      </c>
      <c r="BS34" s="195">
        <v>0</v>
      </c>
      <c r="BT34" s="196">
        <v>16</v>
      </c>
      <c r="BU34" s="196">
        <v>26</v>
      </c>
      <c r="BV34" s="196">
        <v>0</v>
      </c>
      <c r="BW34" s="196">
        <v>0</v>
      </c>
      <c r="BX34" s="196">
        <v>0</v>
      </c>
      <c r="BY34" s="193">
        <v>42</v>
      </c>
      <c r="BZ34" s="198">
        <v>42</v>
      </c>
      <c r="CA34" s="192">
        <v>0</v>
      </c>
      <c r="CB34" s="196">
        <v>0</v>
      </c>
      <c r="CC34" s="193">
        <v>0</v>
      </c>
      <c r="CD34" s="195">
        <v>0</v>
      </c>
      <c r="CE34" s="196">
        <v>0</v>
      </c>
      <c r="CF34" s="196">
        <v>4</v>
      </c>
      <c r="CG34" s="196">
        <v>0</v>
      </c>
      <c r="CH34" s="196">
        <v>0</v>
      </c>
      <c r="CI34" s="196">
        <v>0</v>
      </c>
      <c r="CJ34" s="193">
        <v>4</v>
      </c>
      <c r="CK34" s="198">
        <v>4</v>
      </c>
      <c r="CL34" s="192">
        <v>0</v>
      </c>
      <c r="CM34" s="196">
        <v>0</v>
      </c>
      <c r="CN34" s="193">
        <v>0</v>
      </c>
      <c r="CO34" s="195">
        <v>0</v>
      </c>
      <c r="CP34" s="196">
        <v>0</v>
      </c>
      <c r="CQ34" s="196">
        <v>0</v>
      </c>
      <c r="CR34" s="196">
        <v>0</v>
      </c>
      <c r="CS34" s="196">
        <v>0</v>
      </c>
      <c r="CT34" s="196">
        <v>0</v>
      </c>
      <c r="CU34" s="193">
        <v>0</v>
      </c>
      <c r="CV34" s="198">
        <v>0</v>
      </c>
      <c r="CW34" s="192">
        <v>0</v>
      </c>
      <c r="CX34" s="196">
        <v>0</v>
      </c>
      <c r="CY34" s="193">
        <v>0</v>
      </c>
      <c r="CZ34" s="195">
        <v>0</v>
      </c>
      <c r="DA34" s="196">
        <v>0</v>
      </c>
      <c r="DB34" s="196">
        <v>0</v>
      </c>
      <c r="DC34" s="196">
        <v>0</v>
      </c>
      <c r="DD34" s="196">
        <v>0</v>
      </c>
      <c r="DE34" s="196">
        <v>0</v>
      </c>
      <c r="DF34" s="193">
        <v>0</v>
      </c>
      <c r="DG34" s="198">
        <v>0</v>
      </c>
    </row>
    <row r="35" spans="1:111" ht="18.75" customHeight="1" x14ac:dyDescent="0.2">
      <c r="A35" s="177" t="s">
        <v>33</v>
      </c>
      <c r="B35" s="192">
        <v>0</v>
      </c>
      <c r="C35" s="196">
        <v>0</v>
      </c>
      <c r="D35" s="458">
        <v>0</v>
      </c>
      <c r="E35" s="195">
        <v>0</v>
      </c>
      <c r="F35" s="196">
        <v>8</v>
      </c>
      <c r="G35" s="196">
        <v>0</v>
      </c>
      <c r="H35" s="196">
        <v>31</v>
      </c>
      <c r="I35" s="196">
        <v>0</v>
      </c>
      <c r="J35" s="196">
        <v>0</v>
      </c>
      <c r="K35" s="197">
        <v>39</v>
      </c>
      <c r="L35" s="198">
        <v>39</v>
      </c>
      <c r="M35" s="192">
        <v>0</v>
      </c>
      <c r="N35" s="196">
        <v>0</v>
      </c>
      <c r="O35" s="193">
        <v>0</v>
      </c>
      <c r="P35" s="195">
        <v>0</v>
      </c>
      <c r="Q35" s="196">
        <v>0</v>
      </c>
      <c r="R35" s="196">
        <v>0</v>
      </c>
      <c r="S35" s="196">
        <v>0</v>
      </c>
      <c r="T35" s="196">
        <v>0</v>
      </c>
      <c r="U35" s="196">
        <v>0</v>
      </c>
      <c r="V35" s="193">
        <v>0</v>
      </c>
      <c r="W35" s="198">
        <v>0</v>
      </c>
      <c r="X35" s="192">
        <v>0</v>
      </c>
      <c r="Y35" s="196">
        <v>0</v>
      </c>
      <c r="Z35" s="193">
        <v>0</v>
      </c>
      <c r="AA35" s="195">
        <v>0</v>
      </c>
      <c r="AB35" s="196">
        <v>9</v>
      </c>
      <c r="AC35" s="196">
        <v>0</v>
      </c>
      <c r="AD35" s="196">
        <v>36</v>
      </c>
      <c r="AE35" s="196">
        <v>0</v>
      </c>
      <c r="AF35" s="196">
        <v>14</v>
      </c>
      <c r="AG35" s="193">
        <v>59</v>
      </c>
      <c r="AH35" s="198">
        <v>59</v>
      </c>
      <c r="AI35" s="192">
        <v>0</v>
      </c>
      <c r="AJ35" s="196">
        <v>0</v>
      </c>
      <c r="AK35" s="193">
        <v>0</v>
      </c>
      <c r="AL35" s="195">
        <v>0</v>
      </c>
      <c r="AM35" s="196">
        <v>9</v>
      </c>
      <c r="AN35" s="196">
        <v>0</v>
      </c>
      <c r="AO35" s="196">
        <v>12</v>
      </c>
      <c r="AP35" s="196">
        <v>0</v>
      </c>
      <c r="AQ35" s="196">
        <v>24</v>
      </c>
      <c r="AR35" s="193">
        <v>45</v>
      </c>
      <c r="AS35" s="198">
        <v>45</v>
      </c>
      <c r="AT35" s="192">
        <v>0</v>
      </c>
      <c r="AU35" s="196">
        <v>0</v>
      </c>
      <c r="AV35" s="193">
        <v>0</v>
      </c>
      <c r="AW35" s="195">
        <v>0</v>
      </c>
      <c r="AX35" s="196">
        <v>17</v>
      </c>
      <c r="AY35" s="196">
        <v>0</v>
      </c>
      <c r="AZ35" s="196">
        <v>0</v>
      </c>
      <c r="BA35" s="196">
        <v>0</v>
      </c>
      <c r="BB35" s="196">
        <v>0</v>
      </c>
      <c r="BC35" s="197">
        <v>17</v>
      </c>
      <c r="BD35" s="198">
        <v>17</v>
      </c>
      <c r="BE35" s="192">
        <v>0</v>
      </c>
      <c r="BF35" s="196">
        <v>0</v>
      </c>
      <c r="BG35" s="193">
        <v>0</v>
      </c>
      <c r="BH35" s="195">
        <v>0</v>
      </c>
      <c r="BI35" s="196">
        <v>0</v>
      </c>
      <c r="BJ35" s="196">
        <v>0</v>
      </c>
      <c r="BK35" s="196">
        <v>0</v>
      </c>
      <c r="BL35" s="196">
        <v>0</v>
      </c>
      <c r="BM35" s="196">
        <v>0</v>
      </c>
      <c r="BN35" s="193">
        <v>0</v>
      </c>
      <c r="BO35" s="198">
        <v>0</v>
      </c>
      <c r="BP35" s="192">
        <v>0</v>
      </c>
      <c r="BQ35" s="196">
        <v>0</v>
      </c>
      <c r="BR35" s="193">
        <v>0</v>
      </c>
      <c r="BS35" s="195">
        <v>0</v>
      </c>
      <c r="BT35" s="196">
        <v>0</v>
      </c>
      <c r="BU35" s="196">
        <v>0</v>
      </c>
      <c r="BV35" s="196">
        <v>3</v>
      </c>
      <c r="BW35" s="196">
        <v>0</v>
      </c>
      <c r="BX35" s="196">
        <v>0</v>
      </c>
      <c r="BY35" s="193">
        <v>3</v>
      </c>
      <c r="BZ35" s="198">
        <v>3</v>
      </c>
      <c r="CA35" s="192">
        <v>0</v>
      </c>
      <c r="CB35" s="196">
        <v>0</v>
      </c>
      <c r="CC35" s="193">
        <v>0</v>
      </c>
      <c r="CD35" s="195">
        <v>0</v>
      </c>
      <c r="CE35" s="196">
        <v>0</v>
      </c>
      <c r="CF35" s="196">
        <v>0</v>
      </c>
      <c r="CG35" s="196">
        <v>0</v>
      </c>
      <c r="CH35" s="196">
        <v>0</v>
      </c>
      <c r="CI35" s="196">
        <v>0</v>
      </c>
      <c r="CJ35" s="193">
        <v>0</v>
      </c>
      <c r="CK35" s="198">
        <v>0</v>
      </c>
      <c r="CL35" s="192">
        <v>0</v>
      </c>
      <c r="CM35" s="196">
        <v>0</v>
      </c>
      <c r="CN35" s="193">
        <v>0</v>
      </c>
      <c r="CO35" s="195">
        <v>0</v>
      </c>
      <c r="CP35" s="196">
        <v>0</v>
      </c>
      <c r="CQ35" s="196">
        <v>0</v>
      </c>
      <c r="CR35" s="196">
        <v>0</v>
      </c>
      <c r="CS35" s="196">
        <v>0</v>
      </c>
      <c r="CT35" s="196">
        <v>0</v>
      </c>
      <c r="CU35" s="193">
        <v>0</v>
      </c>
      <c r="CV35" s="198">
        <v>0</v>
      </c>
      <c r="CW35" s="192">
        <v>0</v>
      </c>
      <c r="CX35" s="196">
        <v>0</v>
      </c>
      <c r="CY35" s="193">
        <v>0</v>
      </c>
      <c r="CZ35" s="195">
        <v>0</v>
      </c>
      <c r="DA35" s="196">
        <v>0</v>
      </c>
      <c r="DB35" s="196">
        <v>0</v>
      </c>
      <c r="DC35" s="196">
        <v>0</v>
      </c>
      <c r="DD35" s="196">
        <v>0</v>
      </c>
      <c r="DE35" s="196">
        <v>0</v>
      </c>
      <c r="DF35" s="193">
        <v>0</v>
      </c>
      <c r="DG35" s="198">
        <v>0</v>
      </c>
    </row>
    <row r="36" spans="1:111" ht="18.75" customHeight="1" x14ac:dyDescent="0.2">
      <c r="A36" s="177" t="s">
        <v>34</v>
      </c>
      <c r="B36" s="192">
        <v>0</v>
      </c>
      <c r="C36" s="196">
        <v>0</v>
      </c>
      <c r="D36" s="458">
        <v>0</v>
      </c>
      <c r="E36" s="195">
        <v>0</v>
      </c>
      <c r="F36" s="196">
        <v>0</v>
      </c>
      <c r="G36" s="196">
        <v>0</v>
      </c>
      <c r="H36" s="196">
        <v>9</v>
      </c>
      <c r="I36" s="196">
        <v>102</v>
      </c>
      <c r="J36" s="196">
        <v>0</v>
      </c>
      <c r="K36" s="197">
        <v>111</v>
      </c>
      <c r="L36" s="198">
        <v>111</v>
      </c>
      <c r="M36" s="192">
        <v>0</v>
      </c>
      <c r="N36" s="196">
        <v>0</v>
      </c>
      <c r="O36" s="193">
        <v>0</v>
      </c>
      <c r="P36" s="195">
        <v>0</v>
      </c>
      <c r="Q36" s="196">
        <v>0</v>
      </c>
      <c r="R36" s="196">
        <v>0</v>
      </c>
      <c r="S36" s="196">
        <v>0</v>
      </c>
      <c r="T36" s="196">
        <v>0</v>
      </c>
      <c r="U36" s="196">
        <v>0</v>
      </c>
      <c r="V36" s="193">
        <v>0</v>
      </c>
      <c r="W36" s="198">
        <v>0</v>
      </c>
      <c r="X36" s="192">
        <v>0</v>
      </c>
      <c r="Y36" s="196">
        <v>0</v>
      </c>
      <c r="Z36" s="193">
        <v>0</v>
      </c>
      <c r="AA36" s="195">
        <v>0</v>
      </c>
      <c r="AB36" s="196">
        <v>0</v>
      </c>
      <c r="AC36" s="196">
        <v>0</v>
      </c>
      <c r="AD36" s="196">
        <v>0</v>
      </c>
      <c r="AE36" s="196">
        <v>0</v>
      </c>
      <c r="AF36" s="196">
        <v>0</v>
      </c>
      <c r="AG36" s="193">
        <v>0</v>
      </c>
      <c r="AH36" s="198">
        <v>0</v>
      </c>
      <c r="AI36" s="192">
        <v>0</v>
      </c>
      <c r="AJ36" s="196">
        <v>0</v>
      </c>
      <c r="AK36" s="193">
        <v>0</v>
      </c>
      <c r="AL36" s="195">
        <v>0</v>
      </c>
      <c r="AM36" s="196">
        <v>11</v>
      </c>
      <c r="AN36" s="196">
        <v>0</v>
      </c>
      <c r="AO36" s="196">
        <v>0</v>
      </c>
      <c r="AP36" s="196">
        <v>0</v>
      </c>
      <c r="AQ36" s="196">
        <v>0</v>
      </c>
      <c r="AR36" s="193">
        <v>11</v>
      </c>
      <c r="AS36" s="198">
        <v>11</v>
      </c>
      <c r="AT36" s="192">
        <v>0</v>
      </c>
      <c r="AU36" s="196">
        <v>0</v>
      </c>
      <c r="AV36" s="193">
        <v>0</v>
      </c>
      <c r="AW36" s="195">
        <v>0</v>
      </c>
      <c r="AX36" s="196">
        <v>0</v>
      </c>
      <c r="AY36" s="196">
        <v>9</v>
      </c>
      <c r="AZ36" s="196">
        <v>26</v>
      </c>
      <c r="BA36" s="196">
        <v>11</v>
      </c>
      <c r="BB36" s="196">
        <v>0</v>
      </c>
      <c r="BC36" s="197">
        <v>46</v>
      </c>
      <c r="BD36" s="198">
        <v>46</v>
      </c>
      <c r="BE36" s="192">
        <v>0</v>
      </c>
      <c r="BF36" s="196">
        <v>0</v>
      </c>
      <c r="BG36" s="193">
        <v>0</v>
      </c>
      <c r="BH36" s="195">
        <v>0</v>
      </c>
      <c r="BI36" s="196">
        <v>8</v>
      </c>
      <c r="BJ36" s="196">
        <v>0</v>
      </c>
      <c r="BK36" s="196">
        <v>0</v>
      </c>
      <c r="BL36" s="196">
        <v>0</v>
      </c>
      <c r="BM36" s="196">
        <v>0</v>
      </c>
      <c r="BN36" s="193">
        <v>8</v>
      </c>
      <c r="BO36" s="198">
        <v>8</v>
      </c>
      <c r="BP36" s="192">
        <v>0</v>
      </c>
      <c r="BQ36" s="196">
        <v>0</v>
      </c>
      <c r="BR36" s="193">
        <v>0</v>
      </c>
      <c r="BS36" s="195">
        <v>0</v>
      </c>
      <c r="BT36" s="196">
        <v>0</v>
      </c>
      <c r="BU36" s="196">
        <v>0</v>
      </c>
      <c r="BV36" s="196">
        <v>0</v>
      </c>
      <c r="BW36" s="196">
        <v>0</v>
      </c>
      <c r="BX36" s="196">
        <v>0</v>
      </c>
      <c r="BY36" s="193">
        <v>0</v>
      </c>
      <c r="BZ36" s="198">
        <v>0</v>
      </c>
      <c r="CA36" s="192">
        <v>0</v>
      </c>
      <c r="CB36" s="196">
        <v>0</v>
      </c>
      <c r="CC36" s="193">
        <v>0</v>
      </c>
      <c r="CD36" s="195">
        <v>0</v>
      </c>
      <c r="CE36" s="196">
        <v>0</v>
      </c>
      <c r="CF36" s="196">
        <v>0</v>
      </c>
      <c r="CG36" s="196">
        <v>0</v>
      </c>
      <c r="CH36" s="196">
        <v>0</v>
      </c>
      <c r="CI36" s="196">
        <v>0</v>
      </c>
      <c r="CJ36" s="193">
        <v>0</v>
      </c>
      <c r="CK36" s="198">
        <v>0</v>
      </c>
      <c r="CL36" s="192">
        <v>0</v>
      </c>
      <c r="CM36" s="196">
        <v>0</v>
      </c>
      <c r="CN36" s="193">
        <v>0</v>
      </c>
      <c r="CO36" s="195">
        <v>0</v>
      </c>
      <c r="CP36" s="196">
        <v>0</v>
      </c>
      <c r="CQ36" s="196">
        <v>0</v>
      </c>
      <c r="CR36" s="196">
        <v>0</v>
      </c>
      <c r="CS36" s="196">
        <v>0</v>
      </c>
      <c r="CT36" s="196">
        <v>0</v>
      </c>
      <c r="CU36" s="193">
        <v>0</v>
      </c>
      <c r="CV36" s="198">
        <v>0</v>
      </c>
      <c r="CW36" s="192">
        <v>0</v>
      </c>
      <c r="CX36" s="196">
        <v>0</v>
      </c>
      <c r="CY36" s="193">
        <v>0</v>
      </c>
      <c r="CZ36" s="195">
        <v>0</v>
      </c>
      <c r="DA36" s="196">
        <v>0</v>
      </c>
      <c r="DB36" s="196">
        <v>0</v>
      </c>
      <c r="DC36" s="196">
        <v>0</v>
      </c>
      <c r="DD36" s="196">
        <v>0</v>
      </c>
      <c r="DE36" s="196">
        <v>0</v>
      </c>
      <c r="DF36" s="193">
        <v>0</v>
      </c>
      <c r="DG36" s="198">
        <v>0</v>
      </c>
    </row>
    <row r="37" spans="1:111" ht="18.75" customHeight="1" x14ac:dyDescent="0.2">
      <c r="A37" s="177" t="s">
        <v>35</v>
      </c>
      <c r="B37" s="192">
        <v>0</v>
      </c>
      <c r="C37" s="196">
        <v>0</v>
      </c>
      <c r="D37" s="458">
        <v>0</v>
      </c>
      <c r="E37" s="195">
        <v>0</v>
      </c>
      <c r="F37" s="196">
        <v>111</v>
      </c>
      <c r="G37" s="196">
        <v>37</v>
      </c>
      <c r="H37" s="196">
        <v>66</v>
      </c>
      <c r="I37" s="196">
        <v>156</v>
      </c>
      <c r="J37" s="196">
        <v>0</v>
      </c>
      <c r="K37" s="197">
        <v>370</v>
      </c>
      <c r="L37" s="198">
        <v>370</v>
      </c>
      <c r="M37" s="192">
        <v>0</v>
      </c>
      <c r="N37" s="196">
        <v>0</v>
      </c>
      <c r="O37" s="193">
        <v>0</v>
      </c>
      <c r="P37" s="195">
        <v>0</v>
      </c>
      <c r="Q37" s="196">
        <v>0</v>
      </c>
      <c r="R37" s="196">
        <v>0</v>
      </c>
      <c r="S37" s="196">
        <v>0</v>
      </c>
      <c r="T37" s="196">
        <v>0</v>
      </c>
      <c r="U37" s="196">
        <v>0</v>
      </c>
      <c r="V37" s="193">
        <v>0</v>
      </c>
      <c r="W37" s="198">
        <v>0</v>
      </c>
      <c r="X37" s="192">
        <v>0</v>
      </c>
      <c r="Y37" s="196">
        <v>0</v>
      </c>
      <c r="Z37" s="193">
        <v>0</v>
      </c>
      <c r="AA37" s="195">
        <v>0</v>
      </c>
      <c r="AB37" s="196">
        <v>0</v>
      </c>
      <c r="AC37" s="196">
        <v>30</v>
      </c>
      <c r="AD37" s="196">
        <v>18</v>
      </c>
      <c r="AE37" s="196">
        <v>29</v>
      </c>
      <c r="AF37" s="196">
        <v>0</v>
      </c>
      <c r="AG37" s="193">
        <v>77</v>
      </c>
      <c r="AH37" s="198">
        <v>77</v>
      </c>
      <c r="AI37" s="192">
        <v>0</v>
      </c>
      <c r="AJ37" s="196">
        <v>0</v>
      </c>
      <c r="AK37" s="193">
        <v>0</v>
      </c>
      <c r="AL37" s="195">
        <v>0</v>
      </c>
      <c r="AM37" s="196">
        <v>0</v>
      </c>
      <c r="AN37" s="196">
        <v>8</v>
      </c>
      <c r="AO37" s="196">
        <v>8</v>
      </c>
      <c r="AP37" s="196">
        <v>0</v>
      </c>
      <c r="AQ37" s="196">
        <v>0</v>
      </c>
      <c r="AR37" s="193">
        <v>16</v>
      </c>
      <c r="AS37" s="198">
        <v>16</v>
      </c>
      <c r="AT37" s="192">
        <v>0</v>
      </c>
      <c r="AU37" s="196">
        <v>0</v>
      </c>
      <c r="AV37" s="193">
        <v>0</v>
      </c>
      <c r="AW37" s="195">
        <v>0</v>
      </c>
      <c r="AX37" s="196">
        <v>33</v>
      </c>
      <c r="AY37" s="196">
        <v>43</v>
      </c>
      <c r="AZ37" s="196">
        <v>0</v>
      </c>
      <c r="BA37" s="196">
        <v>7</v>
      </c>
      <c r="BB37" s="196">
        <v>0</v>
      </c>
      <c r="BC37" s="197">
        <v>83</v>
      </c>
      <c r="BD37" s="198">
        <v>83</v>
      </c>
      <c r="BE37" s="192">
        <v>0</v>
      </c>
      <c r="BF37" s="196">
        <v>0</v>
      </c>
      <c r="BG37" s="193">
        <v>0</v>
      </c>
      <c r="BH37" s="195">
        <v>0</v>
      </c>
      <c r="BI37" s="196">
        <v>3</v>
      </c>
      <c r="BJ37" s="196">
        <v>10</v>
      </c>
      <c r="BK37" s="196">
        <v>10</v>
      </c>
      <c r="BL37" s="196">
        <v>9</v>
      </c>
      <c r="BM37" s="196">
        <v>8</v>
      </c>
      <c r="BN37" s="193">
        <v>40</v>
      </c>
      <c r="BO37" s="198">
        <v>40</v>
      </c>
      <c r="BP37" s="192">
        <v>0</v>
      </c>
      <c r="BQ37" s="196">
        <v>0</v>
      </c>
      <c r="BR37" s="193">
        <v>0</v>
      </c>
      <c r="BS37" s="195">
        <v>0</v>
      </c>
      <c r="BT37" s="196">
        <v>2</v>
      </c>
      <c r="BU37" s="196">
        <v>0</v>
      </c>
      <c r="BV37" s="196">
        <v>0</v>
      </c>
      <c r="BW37" s="196">
        <v>0</v>
      </c>
      <c r="BX37" s="196">
        <v>0</v>
      </c>
      <c r="BY37" s="193">
        <v>2</v>
      </c>
      <c r="BZ37" s="198">
        <v>2</v>
      </c>
      <c r="CA37" s="192">
        <v>0</v>
      </c>
      <c r="CB37" s="196">
        <v>0</v>
      </c>
      <c r="CC37" s="193">
        <v>0</v>
      </c>
      <c r="CD37" s="195">
        <v>0</v>
      </c>
      <c r="CE37" s="196">
        <v>0</v>
      </c>
      <c r="CF37" s="196">
        <v>0</v>
      </c>
      <c r="CG37" s="196">
        <v>0</v>
      </c>
      <c r="CH37" s="196">
        <v>0</v>
      </c>
      <c r="CI37" s="196">
        <v>0</v>
      </c>
      <c r="CJ37" s="193">
        <v>0</v>
      </c>
      <c r="CK37" s="198">
        <v>0</v>
      </c>
      <c r="CL37" s="192">
        <v>0</v>
      </c>
      <c r="CM37" s="196">
        <v>0</v>
      </c>
      <c r="CN37" s="193">
        <v>0</v>
      </c>
      <c r="CO37" s="195">
        <v>0</v>
      </c>
      <c r="CP37" s="196">
        <v>0</v>
      </c>
      <c r="CQ37" s="196">
        <v>0</v>
      </c>
      <c r="CR37" s="196">
        <v>0</v>
      </c>
      <c r="CS37" s="196">
        <v>0</v>
      </c>
      <c r="CT37" s="196">
        <v>0</v>
      </c>
      <c r="CU37" s="193">
        <v>0</v>
      </c>
      <c r="CV37" s="198">
        <v>0</v>
      </c>
      <c r="CW37" s="192">
        <v>0</v>
      </c>
      <c r="CX37" s="196">
        <v>0</v>
      </c>
      <c r="CY37" s="193">
        <v>0</v>
      </c>
      <c r="CZ37" s="195">
        <v>0</v>
      </c>
      <c r="DA37" s="196">
        <v>0</v>
      </c>
      <c r="DB37" s="196">
        <v>0</v>
      </c>
      <c r="DC37" s="196">
        <v>0</v>
      </c>
      <c r="DD37" s="196">
        <v>0</v>
      </c>
      <c r="DE37" s="196">
        <v>0</v>
      </c>
      <c r="DF37" s="193">
        <v>0</v>
      </c>
      <c r="DG37" s="198">
        <v>0</v>
      </c>
    </row>
    <row r="38" spans="1:111" ht="18.75" customHeight="1" x14ac:dyDescent="0.2">
      <c r="A38" s="177" t="s">
        <v>36</v>
      </c>
      <c r="B38" s="192">
        <v>0</v>
      </c>
      <c r="C38" s="196">
        <v>0</v>
      </c>
      <c r="D38" s="458">
        <v>0</v>
      </c>
      <c r="E38" s="195">
        <v>0</v>
      </c>
      <c r="F38" s="196">
        <v>42</v>
      </c>
      <c r="G38" s="196">
        <v>4</v>
      </c>
      <c r="H38" s="196">
        <v>0</v>
      </c>
      <c r="I38" s="196">
        <v>109</v>
      </c>
      <c r="J38" s="196">
        <v>0</v>
      </c>
      <c r="K38" s="197">
        <v>155</v>
      </c>
      <c r="L38" s="198">
        <v>155</v>
      </c>
      <c r="M38" s="192">
        <v>0</v>
      </c>
      <c r="N38" s="196">
        <v>0</v>
      </c>
      <c r="O38" s="193">
        <v>0</v>
      </c>
      <c r="P38" s="195">
        <v>0</v>
      </c>
      <c r="Q38" s="196">
        <v>0</v>
      </c>
      <c r="R38" s="196">
        <v>0</v>
      </c>
      <c r="S38" s="196">
        <v>0</v>
      </c>
      <c r="T38" s="196">
        <v>0</v>
      </c>
      <c r="U38" s="196">
        <v>0</v>
      </c>
      <c r="V38" s="193">
        <v>0</v>
      </c>
      <c r="W38" s="198">
        <v>0</v>
      </c>
      <c r="X38" s="192">
        <v>0</v>
      </c>
      <c r="Y38" s="196">
        <v>5</v>
      </c>
      <c r="Z38" s="193">
        <v>5</v>
      </c>
      <c r="AA38" s="195">
        <v>0</v>
      </c>
      <c r="AB38" s="196">
        <v>19</v>
      </c>
      <c r="AC38" s="196">
        <v>8</v>
      </c>
      <c r="AD38" s="196">
        <v>0</v>
      </c>
      <c r="AE38" s="196">
        <v>46</v>
      </c>
      <c r="AF38" s="196">
        <v>25</v>
      </c>
      <c r="AG38" s="193">
        <v>98</v>
      </c>
      <c r="AH38" s="198">
        <v>103</v>
      </c>
      <c r="AI38" s="192">
        <v>0</v>
      </c>
      <c r="AJ38" s="196">
        <v>0</v>
      </c>
      <c r="AK38" s="193">
        <v>0</v>
      </c>
      <c r="AL38" s="195">
        <v>0</v>
      </c>
      <c r="AM38" s="196">
        <v>0</v>
      </c>
      <c r="AN38" s="196">
        <v>0</v>
      </c>
      <c r="AO38" s="196">
        <v>0</v>
      </c>
      <c r="AP38" s="196">
        <v>20</v>
      </c>
      <c r="AQ38" s="196">
        <v>0</v>
      </c>
      <c r="AR38" s="193">
        <v>20</v>
      </c>
      <c r="AS38" s="198">
        <v>20</v>
      </c>
      <c r="AT38" s="192">
        <v>0</v>
      </c>
      <c r="AU38" s="196">
        <v>0</v>
      </c>
      <c r="AV38" s="193">
        <v>0</v>
      </c>
      <c r="AW38" s="195">
        <v>0</v>
      </c>
      <c r="AX38" s="196">
        <v>24</v>
      </c>
      <c r="AY38" s="196">
        <v>19</v>
      </c>
      <c r="AZ38" s="196">
        <v>14</v>
      </c>
      <c r="BA38" s="196">
        <v>8</v>
      </c>
      <c r="BB38" s="196">
        <v>0</v>
      </c>
      <c r="BC38" s="197">
        <v>65</v>
      </c>
      <c r="BD38" s="198">
        <v>65</v>
      </c>
      <c r="BE38" s="192">
        <v>0</v>
      </c>
      <c r="BF38" s="196">
        <v>0</v>
      </c>
      <c r="BG38" s="193">
        <v>0</v>
      </c>
      <c r="BH38" s="195">
        <v>0</v>
      </c>
      <c r="BI38" s="196">
        <v>4</v>
      </c>
      <c r="BJ38" s="196">
        <v>0</v>
      </c>
      <c r="BK38" s="196">
        <v>0</v>
      </c>
      <c r="BL38" s="196">
        <v>4</v>
      </c>
      <c r="BM38" s="196">
        <v>0</v>
      </c>
      <c r="BN38" s="193">
        <v>8</v>
      </c>
      <c r="BO38" s="198">
        <v>8</v>
      </c>
      <c r="BP38" s="192">
        <v>0</v>
      </c>
      <c r="BQ38" s="196">
        <v>0</v>
      </c>
      <c r="BR38" s="193">
        <v>0</v>
      </c>
      <c r="BS38" s="195">
        <v>0</v>
      </c>
      <c r="BT38" s="196">
        <v>0</v>
      </c>
      <c r="BU38" s="196">
        <v>18</v>
      </c>
      <c r="BV38" s="196">
        <v>8</v>
      </c>
      <c r="BW38" s="196">
        <v>13</v>
      </c>
      <c r="BX38" s="196">
        <v>0</v>
      </c>
      <c r="BY38" s="193">
        <v>39</v>
      </c>
      <c r="BZ38" s="198">
        <v>39</v>
      </c>
      <c r="CA38" s="192">
        <v>0</v>
      </c>
      <c r="CB38" s="196">
        <v>0</v>
      </c>
      <c r="CC38" s="193">
        <v>0</v>
      </c>
      <c r="CD38" s="195">
        <v>0</v>
      </c>
      <c r="CE38" s="196">
        <v>0</v>
      </c>
      <c r="CF38" s="196">
        <v>0</v>
      </c>
      <c r="CG38" s="196">
        <v>0</v>
      </c>
      <c r="CH38" s="196">
        <v>0</v>
      </c>
      <c r="CI38" s="196">
        <v>0</v>
      </c>
      <c r="CJ38" s="193">
        <v>0</v>
      </c>
      <c r="CK38" s="198">
        <v>0</v>
      </c>
      <c r="CL38" s="192">
        <v>0</v>
      </c>
      <c r="CM38" s="196">
        <v>0</v>
      </c>
      <c r="CN38" s="193">
        <v>0</v>
      </c>
      <c r="CO38" s="195">
        <v>0</v>
      </c>
      <c r="CP38" s="196">
        <v>0</v>
      </c>
      <c r="CQ38" s="196">
        <v>0</v>
      </c>
      <c r="CR38" s="196">
        <v>0</v>
      </c>
      <c r="CS38" s="196">
        <v>0</v>
      </c>
      <c r="CT38" s="196">
        <v>0</v>
      </c>
      <c r="CU38" s="193">
        <v>0</v>
      </c>
      <c r="CV38" s="198">
        <v>0</v>
      </c>
      <c r="CW38" s="192">
        <v>0</v>
      </c>
      <c r="CX38" s="196">
        <v>0</v>
      </c>
      <c r="CY38" s="193">
        <v>0</v>
      </c>
      <c r="CZ38" s="195">
        <v>0</v>
      </c>
      <c r="DA38" s="196">
        <v>0</v>
      </c>
      <c r="DB38" s="196">
        <v>0</v>
      </c>
      <c r="DC38" s="196">
        <v>0</v>
      </c>
      <c r="DD38" s="196">
        <v>0</v>
      </c>
      <c r="DE38" s="196">
        <v>0</v>
      </c>
      <c r="DF38" s="193">
        <v>0</v>
      </c>
      <c r="DG38" s="198">
        <v>0</v>
      </c>
    </row>
    <row r="39" spans="1:111" ht="18.75" customHeight="1" thickBot="1" x14ac:dyDescent="0.25">
      <c r="A39" s="178" t="s">
        <v>37</v>
      </c>
      <c r="B39" s="199">
        <v>0</v>
      </c>
      <c r="C39" s="203">
        <v>0</v>
      </c>
      <c r="D39" s="459">
        <v>0</v>
      </c>
      <c r="E39" s="202">
        <v>0</v>
      </c>
      <c r="F39" s="203">
        <v>0</v>
      </c>
      <c r="G39" s="203">
        <v>0</v>
      </c>
      <c r="H39" s="203">
        <v>0</v>
      </c>
      <c r="I39" s="203">
        <v>0</v>
      </c>
      <c r="J39" s="203">
        <v>32</v>
      </c>
      <c r="K39" s="204">
        <v>32</v>
      </c>
      <c r="L39" s="205">
        <v>32</v>
      </c>
      <c r="M39" s="199">
        <v>0</v>
      </c>
      <c r="N39" s="203">
        <v>0</v>
      </c>
      <c r="O39" s="200">
        <v>0</v>
      </c>
      <c r="P39" s="202">
        <v>0</v>
      </c>
      <c r="Q39" s="203">
        <v>0</v>
      </c>
      <c r="R39" s="203">
        <v>0</v>
      </c>
      <c r="S39" s="203">
        <v>0</v>
      </c>
      <c r="T39" s="203">
        <v>0</v>
      </c>
      <c r="U39" s="203">
        <v>0</v>
      </c>
      <c r="V39" s="200">
        <v>0</v>
      </c>
      <c r="W39" s="205">
        <v>0</v>
      </c>
      <c r="X39" s="199">
        <v>0</v>
      </c>
      <c r="Y39" s="203">
        <v>0</v>
      </c>
      <c r="Z39" s="200">
        <v>0</v>
      </c>
      <c r="AA39" s="202">
        <v>0</v>
      </c>
      <c r="AB39" s="203">
        <v>0</v>
      </c>
      <c r="AC39" s="203">
        <v>0</v>
      </c>
      <c r="AD39" s="203">
        <v>0</v>
      </c>
      <c r="AE39" s="203">
        <v>0</v>
      </c>
      <c r="AF39" s="203">
        <v>13</v>
      </c>
      <c r="AG39" s="200">
        <v>13</v>
      </c>
      <c r="AH39" s="205">
        <v>13</v>
      </c>
      <c r="AI39" s="199">
        <v>0</v>
      </c>
      <c r="AJ39" s="203">
        <v>0</v>
      </c>
      <c r="AK39" s="200">
        <v>0</v>
      </c>
      <c r="AL39" s="202">
        <v>0</v>
      </c>
      <c r="AM39" s="203">
        <v>0</v>
      </c>
      <c r="AN39" s="203">
        <v>0</v>
      </c>
      <c r="AO39" s="203">
        <v>0</v>
      </c>
      <c r="AP39" s="203">
        <v>0</v>
      </c>
      <c r="AQ39" s="203">
        <v>0</v>
      </c>
      <c r="AR39" s="200">
        <v>0</v>
      </c>
      <c r="AS39" s="205">
        <v>0</v>
      </c>
      <c r="AT39" s="199">
        <v>0</v>
      </c>
      <c r="AU39" s="203">
        <v>0</v>
      </c>
      <c r="AV39" s="200">
        <v>0</v>
      </c>
      <c r="AW39" s="202">
        <v>0</v>
      </c>
      <c r="AX39" s="203">
        <v>0</v>
      </c>
      <c r="AY39" s="203">
        <v>0</v>
      </c>
      <c r="AZ39" s="203">
        <v>0</v>
      </c>
      <c r="BA39" s="203">
        <v>2</v>
      </c>
      <c r="BB39" s="203">
        <v>0</v>
      </c>
      <c r="BC39" s="204">
        <v>2</v>
      </c>
      <c r="BD39" s="205">
        <v>2</v>
      </c>
      <c r="BE39" s="199">
        <v>0</v>
      </c>
      <c r="BF39" s="203">
        <v>0</v>
      </c>
      <c r="BG39" s="200">
        <v>0</v>
      </c>
      <c r="BH39" s="202">
        <v>0</v>
      </c>
      <c r="BI39" s="203">
        <v>0</v>
      </c>
      <c r="BJ39" s="203">
        <v>0</v>
      </c>
      <c r="BK39" s="203">
        <v>0</v>
      </c>
      <c r="BL39" s="203">
        <v>0</v>
      </c>
      <c r="BM39" s="203">
        <v>0</v>
      </c>
      <c r="BN39" s="200">
        <v>0</v>
      </c>
      <c r="BO39" s="205">
        <v>0</v>
      </c>
      <c r="BP39" s="199">
        <v>0</v>
      </c>
      <c r="BQ39" s="203">
        <v>0</v>
      </c>
      <c r="BR39" s="200">
        <v>0</v>
      </c>
      <c r="BS39" s="202">
        <v>0</v>
      </c>
      <c r="BT39" s="203">
        <v>0</v>
      </c>
      <c r="BU39" s="203">
        <v>0</v>
      </c>
      <c r="BV39" s="203">
        <v>0</v>
      </c>
      <c r="BW39" s="203">
        <v>0</v>
      </c>
      <c r="BX39" s="203">
        <v>0</v>
      </c>
      <c r="BY39" s="200">
        <v>0</v>
      </c>
      <c r="BZ39" s="205">
        <v>0</v>
      </c>
      <c r="CA39" s="199">
        <v>0</v>
      </c>
      <c r="CB39" s="203">
        <v>0</v>
      </c>
      <c r="CC39" s="200">
        <v>0</v>
      </c>
      <c r="CD39" s="202">
        <v>0</v>
      </c>
      <c r="CE39" s="203">
        <v>0</v>
      </c>
      <c r="CF39" s="203">
        <v>0</v>
      </c>
      <c r="CG39" s="203">
        <v>0</v>
      </c>
      <c r="CH39" s="203">
        <v>11</v>
      </c>
      <c r="CI39" s="203">
        <v>0</v>
      </c>
      <c r="CJ39" s="200">
        <v>11</v>
      </c>
      <c r="CK39" s="205">
        <v>11</v>
      </c>
      <c r="CL39" s="199">
        <v>0</v>
      </c>
      <c r="CM39" s="203">
        <v>0</v>
      </c>
      <c r="CN39" s="200">
        <v>0</v>
      </c>
      <c r="CO39" s="202">
        <v>0</v>
      </c>
      <c r="CP39" s="203">
        <v>0</v>
      </c>
      <c r="CQ39" s="203">
        <v>0</v>
      </c>
      <c r="CR39" s="203">
        <v>0</v>
      </c>
      <c r="CS39" s="203">
        <v>0</v>
      </c>
      <c r="CT39" s="203">
        <v>0</v>
      </c>
      <c r="CU39" s="200">
        <v>0</v>
      </c>
      <c r="CV39" s="205">
        <v>0</v>
      </c>
      <c r="CW39" s="199">
        <v>0</v>
      </c>
      <c r="CX39" s="203">
        <v>0</v>
      </c>
      <c r="CY39" s="200">
        <v>0</v>
      </c>
      <c r="CZ39" s="202">
        <v>0</v>
      </c>
      <c r="DA39" s="203">
        <v>0</v>
      </c>
      <c r="DB39" s="203">
        <v>0</v>
      </c>
      <c r="DC39" s="203">
        <v>0</v>
      </c>
      <c r="DD39" s="203">
        <v>0</v>
      </c>
      <c r="DE39" s="203">
        <v>0</v>
      </c>
      <c r="DF39" s="200">
        <v>0</v>
      </c>
      <c r="DG39" s="205">
        <v>0</v>
      </c>
    </row>
    <row r="40" spans="1:111" ht="27" customHeight="1" x14ac:dyDescent="0.2">
      <c r="B40" s="171" t="s">
        <v>127</v>
      </c>
    </row>
  </sheetData>
  <mergeCells count="43">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 ref="X3:AH3"/>
    <mergeCell ref="B4:D4"/>
    <mergeCell ref="E4:K4"/>
    <mergeCell ref="L4:L5"/>
    <mergeCell ref="M4:O4"/>
    <mergeCell ref="P4:V4"/>
    <mergeCell ref="W4:W5"/>
    <mergeCell ref="X4:Z4"/>
    <mergeCell ref="AA4:AG4"/>
    <mergeCell ref="AH4:AH5"/>
    <mergeCell ref="I1:J1"/>
    <mergeCell ref="L1:M1"/>
    <mergeCell ref="A3:A5"/>
    <mergeCell ref="B3:L3"/>
    <mergeCell ref="M3:W3"/>
    <mergeCell ref="CW3:DG3"/>
    <mergeCell ref="CW4:CY4"/>
    <mergeCell ref="CZ4:DF4"/>
    <mergeCell ref="DG4:DG5"/>
    <mergeCell ref="CA3:CK3"/>
    <mergeCell ref="CL3:CV3"/>
    <mergeCell ref="CA4:CC4"/>
    <mergeCell ref="CD4:CJ4"/>
    <mergeCell ref="CK4:CK5"/>
    <mergeCell ref="CL4:CN4"/>
    <mergeCell ref="CO4:CU4"/>
    <mergeCell ref="CV4:CV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8.77734375" style="1" customWidth="1"/>
    <col min="2" max="4" width="7.77734375" style="3" customWidth="1"/>
    <col min="5" max="5" width="9.109375" style="3" customWidth="1"/>
    <col min="6" max="6" width="9.44140625" style="3" customWidth="1"/>
    <col min="7" max="25" width="7.77734375" style="3" customWidth="1"/>
    <col min="26" max="34" width="7.77734375" style="1" customWidth="1"/>
    <col min="35" max="16384" width="9" style="1"/>
  </cols>
  <sheetData>
    <row r="1" spans="1:34" ht="25.5" customHeight="1" x14ac:dyDescent="0.2">
      <c r="A1" s="19" t="s">
        <v>129</v>
      </c>
      <c r="E1" s="21"/>
      <c r="G1" s="487">
        <f>第１表!F2</f>
        <v>4</v>
      </c>
      <c r="H1" s="487"/>
      <c r="I1" s="164">
        <f>第１表!G2</f>
        <v>1</v>
      </c>
      <c r="J1" s="514">
        <f>IF(I1&lt;3,I1-2+12,I1-2)</f>
        <v>11</v>
      </c>
      <c r="K1" s="514"/>
    </row>
    <row r="2" spans="1:34" ht="17.25" customHeight="1" thickBot="1" x14ac:dyDescent="0.25">
      <c r="I2" s="5"/>
      <c r="J2" s="5"/>
      <c r="K2" s="5"/>
      <c r="L2" s="5"/>
      <c r="M2" s="5"/>
      <c r="N2" s="5"/>
      <c r="O2" s="29"/>
      <c r="P2" s="29"/>
      <c r="Q2" s="29"/>
    </row>
    <row r="3" spans="1:34" ht="19.5" customHeight="1" thickBot="1" x14ac:dyDescent="0.25">
      <c r="A3" s="25"/>
      <c r="B3" s="515" t="s">
        <v>53</v>
      </c>
      <c r="C3" s="516"/>
      <c r="D3" s="516"/>
      <c r="E3" s="516"/>
      <c r="F3" s="516"/>
      <c r="G3" s="516"/>
      <c r="H3" s="516"/>
      <c r="I3" s="516"/>
      <c r="J3" s="516"/>
      <c r="K3" s="516"/>
      <c r="L3" s="517"/>
      <c r="M3" s="515" t="s">
        <v>54</v>
      </c>
      <c r="N3" s="516"/>
      <c r="O3" s="516"/>
      <c r="P3" s="516"/>
      <c r="Q3" s="516"/>
      <c r="R3" s="516"/>
      <c r="S3" s="516"/>
      <c r="T3" s="516"/>
      <c r="U3" s="516"/>
      <c r="V3" s="516"/>
      <c r="W3" s="517"/>
      <c r="X3" s="515" t="s">
        <v>55</v>
      </c>
      <c r="Y3" s="516"/>
      <c r="Z3" s="516"/>
      <c r="AA3" s="516"/>
      <c r="AB3" s="516"/>
      <c r="AC3" s="516"/>
      <c r="AD3" s="516"/>
      <c r="AE3" s="516"/>
      <c r="AF3" s="516"/>
      <c r="AG3" s="516"/>
      <c r="AH3" s="517"/>
    </row>
    <row r="4" spans="1:34" ht="30.75" customHeight="1" thickBot="1" x14ac:dyDescent="0.25">
      <c r="A4" s="25" t="s">
        <v>42</v>
      </c>
      <c r="B4" s="26" t="s">
        <v>43</v>
      </c>
      <c r="C4" s="6" t="s">
        <v>44</v>
      </c>
      <c r="D4" s="27" t="s">
        <v>45</v>
      </c>
      <c r="E4" s="28" t="s">
        <v>46</v>
      </c>
      <c r="F4" s="6" t="s">
        <v>47</v>
      </c>
      <c r="G4" s="6" t="s">
        <v>48</v>
      </c>
      <c r="H4" s="6" t="s">
        <v>49</v>
      </c>
      <c r="I4" s="6" t="s">
        <v>50</v>
      </c>
      <c r="J4" s="6" t="s">
        <v>51</v>
      </c>
      <c r="K4" s="27" t="s">
        <v>45</v>
      </c>
      <c r="L4" s="13" t="s">
        <v>52</v>
      </c>
      <c r="M4" s="26" t="s">
        <v>43</v>
      </c>
      <c r="N4" s="6" t="s">
        <v>44</v>
      </c>
      <c r="O4" s="27" t="s">
        <v>45</v>
      </c>
      <c r="P4" s="28" t="s">
        <v>46</v>
      </c>
      <c r="Q4" s="6" t="s">
        <v>47</v>
      </c>
      <c r="R4" s="6" t="s">
        <v>48</v>
      </c>
      <c r="S4" s="6" t="s">
        <v>49</v>
      </c>
      <c r="T4" s="6" t="s">
        <v>50</v>
      </c>
      <c r="U4" s="6" t="s">
        <v>51</v>
      </c>
      <c r="V4" s="27" t="s">
        <v>45</v>
      </c>
      <c r="W4" s="13" t="s">
        <v>52</v>
      </c>
      <c r="X4" s="26" t="s">
        <v>43</v>
      </c>
      <c r="Y4" s="6" t="s">
        <v>44</v>
      </c>
      <c r="Z4" s="27" t="s">
        <v>45</v>
      </c>
      <c r="AA4" s="28" t="s">
        <v>46</v>
      </c>
      <c r="AB4" s="6" t="s">
        <v>47</v>
      </c>
      <c r="AC4" s="6" t="s">
        <v>48</v>
      </c>
      <c r="AD4" s="6" t="s">
        <v>49</v>
      </c>
      <c r="AE4" s="6" t="s">
        <v>50</v>
      </c>
      <c r="AF4" s="6" t="s">
        <v>51</v>
      </c>
      <c r="AG4" s="27" t="s">
        <v>45</v>
      </c>
      <c r="AH4" s="13" t="s">
        <v>52</v>
      </c>
    </row>
    <row r="5" spans="1:34" ht="21" customHeight="1" x14ac:dyDescent="0.2">
      <c r="A5" s="14" t="s">
        <v>4</v>
      </c>
      <c r="B5" s="89">
        <v>198</v>
      </c>
      <c r="C5" s="90">
        <v>339</v>
      </c>
      <c r="D5" s="91">
        <v>537</v>
      </c>
      <c r="E5" s="92">
        <v>0</v>
      </c>
      <c r="F5" s="90">
        <v>18556</v>
      </c>
      <c r="G5" s="90">
        <v>18490</v>
      </c>
      <c r="H5" s="90">
        <v>12323</v>
      </c>
      <c r="I5" s="90">
        <v>7790</v>
      </c>
      <c r="J5" s="90">
        <v>4894</v>
      </c>
      <c r="K5" s="91">
        <v>62053</v>
      </c>
      <c r="L5" s="93">
        <v>62590</v>
      </c>
      <c r="M5" s="94">
        <v>1</v>
      </c>
      <c r="N5" s="90">
        <v>3</v>
      </c>
      <c r="O5" s="91">
        <v>4</v>
      </c>
      <c r="P5" s="92">
        <v>0</v>
      </c>
      <c r="Q5" s="90">
        <v>228</v>
      </c>
      <c r="R5" s="90">
        <v>325</v>
      </c>
      <c r="S5" s="90">
        <v>266</v>
      </c>
      <c r="T5" s="90">
        <v>175</v>
      </c>
      <c r="U5" s="90">
        <v>160</v>
      </c>
      <c r="V5" s="91">
        <v>1154</v>
      </c>
      <c r="W5" s="93">
        <v>1158</v>
      </c>
      <c r="X5" s="94">
        <v>199</v>
      </c>
      <c r="Y5" s="90">
        <v>342</v>
      </c>
      <c r="Z5" s="91">
        <v>541</v>
      </c>
      <c r="AA5" s="92">
        <v>0</v>
      </c>
      <c r="AB5" s="90">
        <v>18784</v>
      </c>
      <c r="AC5" s="90">
        <v>18815</v>
      </c>
      <c r="AD5" s="90">
        <v>12589</v>
      </c>
      <c r="AE5" s="90">
        <v>7965</v>
      </c>
      <c r="AF5" s="90">
        <v>5054</v>
      </c>
      <c r="AG5" s="91">
        <v>63207</v>
      </c>
      <c r="AH5" s="93">
        <v>63748</v>
      </c>
    </row>
    <row r="6" spans="1:34" ht="21" customHeight="1" x14ac:dyDescent="0.2">
      <c r="A6" s="17" t="s">
        <v>5</v>
      </c>
      <c r="B6" s="95">
        <v>74</v>
      </c>
      <c r="C6" s="96">
        <v>128</v>
      </c>
      <c r="D6" s="97">
        <v>202</v>
      </c>
      <c r="E6" s="98">
        <v>0</v>
      </c>
      <c r="F6" s="96">
        <v>6464</v>
      </c>
      <c r="G6" s="96">
        <v>8548</v>
      </c>
      <c r="H6" s="96">
        <v>5429</v>
      </c>
      <c r="I6" s="96">
        <v>3399</v>
      </c>
      <c r="J6" s="96">
        <v>2299</v>
      </c>
      <c r="K6" s="97">
        <v>26139</v>
      </c>
      <c r="L6" s="99">
        <v>26341</v>
      </c>
      <c r="M6" s="100">
        <v>0</v>
      </c>
      <c r="N6" s="96">
        <v>0</v>
      </c>
      <c r="O6" s="97">
        <v>0</v>
      </c>
      <c r="P6" s="98">
        <v>0</v>
      </c>
      <c r="Q6" s="96">
        <v>77</v>
      </c>
      <c r="R6" s="96">
        <v>133</v>
      </c>
      <c r="S6" s="96">
        <v>128</v>
      </c>
      <c r="T6" s="96">
        <v>85</v>
      </c>
      <c r="U6" s="96">
        <v>79</v>
      </c>
      <c r="V6" s="97">
        <v>502</v>
      </c>
      <c r="W6" s="99">
        <v>502</v>
      </c>
      <c r="X6" s="100">
        <v>74</v>
      </c>
      <c r="Y6" s="96">
        <v>128</v>
      </c>
      <c r="Z6" s="97">
        <v>202</v>
      </c>
      <c r="AA6" s="98">
        <v>0</v>
      </c>
      <c r="AB6" s="96">
        <v>6541</v>
      </c>
      <c r="AC6" s="96">
        <v>8681</v>
      </c>
      <c r="AD6" s="96">
        <v>5557</v>
      </c>
      <c r="AE6" s="96">
        <v>3484</v>
      </c>
      <c r="AF6" s="96">
        <v>2378</v>
      </c>
      <c r="AG6" s="97">
        <v>26641</v>
      </c>
      <c r="AH6" s="99">
        <v>26843</v>
      </c>
    </row>
    <row r="7" spans="1:34" ht="21" customHeight="1" x14ac:dyDescent="0.2">
      <c r="A7" s="17" t="s">
        <v>6</v>
      </c>
      <c r="B7" s="95">
        <v>28</v>
      </c>
      <c r="C7" s="96">
        <v>44</v>
      </c>
      <c r="D7" s="97">
        <v>72</v>
      </c>
      <c r="E7" s="98">
        <v>0</v>
      </c>
      <c r="F7" s="96">
        <v>3089</v>
      </c>
      <c r="G7" s="96">
        <v>2470</v>
      </c>
      <c r="H7" s="96">
        <v>1891</v>
      </c>
      <c r="I7" s="96">
        <v>1402</v>
      </c>
      <c r="J7" s="96">
        <v>835</v>
      </c>
      <c r="K7" s="97">
        <v>9687</v>
      </c>
      <c r="L7" s="99">
        <v>9759</v>
      </c>
      <c r="M7" s="100">
        <v>0</v>
      </c>
      <c r="N7" s="96">
        <v>0</v>
      </c>
      <c r="O7" s="97">
        <v>0</v>
      </c>
      <c r="P7" s="98">
        <v>0</v>
      </c>
      <c r="Q7" s="96">
        <v>35</v>
      </c>
      <c r="R7" s="96">
        <v>47</v>
      </c>
      <c r="S7" s="96">
        <v>41</v>
      </c>
      <c r="T7" s="96">
        <v>23</v>
      </c>
      <c r="U7" s="96">
        <v>29</v>
      </c>
      <c r="V7" s="97">
        <v>175</v>
      </c>
      <c r="W7" s="99">
        <v>175</v>
      </c>
      <c r="X7" s="100">
        <v>28</v>
      </c>
      <c r="Y7" s="96">
        <v>44</v>
      </c>
      <c r="Z7" s="97">
        <v>72</v>
      </c>
      <c r="AA7" s="98">
        <v>0</v>
      </c>
      <c r="AB7" s="96">
        <v>3124</v>
      </c>
      <c r="AC7" s="96">
        <v>2517</v>
      </c>
      <c r="AD7" s="96">
        <v>1932</v>
      </c>
      <c r="AE7" s="96">
        <v>1425</v>
      </c>
      <c r="AF7" s="96">
        <v>864</v>
      </c>
      <c r="AG7" s="97">
        <v>9862</v>
      </c>
      <c r="AH7" s="99">
        <v>9934</v>
      </c>
    </row>
    <row r="8" spans="1:34" ht="21" customHeight="1" x14ac:dyDescent="0.2">
      <c r="A8" s="17" t="s">
        <v>14</v>
      </c>
      <c r="B8" s="95">
        <v>19</v>
      </c>
      <c r="C8" s="96">
        <v>38</v>
      </c>
      <c r="D8" s="97">
        <v>57</v>
      </c>
      <c r="E8" s="98">
        <v>0</v>
      </c>
      <c r="F8" s="96">
        <v>1500</v>
      </c>
      <c r="G8" s="96">
        <v>1514</v>
      </c>
      <c r="H8" s="96">
        <v>1070</v>
      </c>
      <c r="I8" s="96">
        <v>604</v>
      </c>
      <c r="J8" s="96">
        <v>318</v>
      </c>
      <c r="K8" s="97">
        <v>5006</v>
      </c>
      <c r="L8" s="99">
        <v>5063</v>
      </c>
      <c r="M8" s="100">
        <v>0</v>
      </c>
      <c r="N8" s="96">
        <v>0</v>
      </c>
      <c r="O8" s="97">
        <v>0</v>
      </c>
      <c r="P8" s="98">
        <v>0</v>
      </c>
      <c r="Q8" s="96">
        <v>12</v>
      </c>
      <c r="R8" s="96">
        <v>31</v>
      </c>
      <c r="S8" s="96">
        <v>13</v>
      </c>
      <c r="T8" s="96">
        <v>15</v>
      </c>
      <c r="U8" s="96">
        <v>9</v>
      </c>
      <c r="V8" s="97">
        <v>80</v>
      </c>
      <c r="W8" s="99">
        <v>80</v>
      </c>
      <c r="X8" s="100">
        <v>19</v>
      </c>
      <c r="Y8" s="96">
        <v>38</v>
      </c>
      <c r="Z8" s="97">
        <v>57</v>
      </c>
      <c r="AA8" s="98">
        <v>0</v>
      </c>
      <c r="AB8" s="96">
        <v>1512</v>
      </c>
      <c r="AC8" s="96">
        <v>1545</v>
      </c>
      <c r="AD8" s="96">
        <v>1083</v>
      </c>
      <c r="AE8" s="96">
        <v>619</v>
      </c>
      <c r="AF8" s="96">
        <v>327</v>
      </c>
      <c r="AG8" s="97">
        <v>5086</v>
      </c>
      <c r="AH8" s="99">
        <v>5143</v>
      </c>
    </row>
    <row r="9" spans="1:34" ht="21" customHeight="1" x14ac:dyDescent="0.2">
      <c r="A9" s="17" t="s">
        <v>7</v>
      </c>
      <c r="B9" s="95">
        <v>7</v>
      </c>
      <c r="C9" s="96">
        <v>13</v>
      </c>
      <c r="D9" s="97">
        <v>20</v>
      </c>
      <c r="E9" s="98">
        <v>0</v>
      </c>
      <c r="F9" s="96">
        <v>1279</v>
      </c>
      <c r="G9" s="96">
        <v>905</v>
      </c>
      <c r="H9" s="96">
        <v>632</v>
      </c>
      <c r="I9" s="96">
        <v>330</v>
      </c>
      <c r="J9" s="96">
        <v>178</v>
      </c>
      <c r="K9" s="97">
        <v>3324</v>
      </c>
      <c r="L9" s="99">
        <v>3344</v>
      </c>
      <c r="M9" s="100">
        <v>1</v>
      </c>
      <c r="N9" s="96">
        <v>0</v>
      </c>
      <c r="O9" s="97">
        <v>1</v>
      </c>
      <c r="P9" s="98">
        <v>0</v>
      </c>
      <c r="Q9" s="96">
        <v>12</v>
      </c>
      <c r="R9" s="96">
        <v>12</v>
      </c>
      <c r="S9" s="96">
        <v>10</v>
      </c>
      <c r="T9" s="96">
        <v>6</v>
      </c>
      <c r="U9" s="96">
        <v>10</v>
      </c>
      <c r="V9" s="97">
        <v>50</v>
      </c>
      <c r="W9" s="99">
        <v>51</v>
      </c>
      <c r="X9" s="100">
        <v>8</v>
      </c>
      <c r="Y9" s="96">
        <v>13</v>
      </c>
      <c r="Z9" s="97">
        <v>21</v>
      </c>
      <c r="AA9" s="98">
        <v>0</v>
      </c>
      <c r="AB9" s="96">
        <v>1291</v>
      </c>
      <c r="AC9" s="96">
        <v>917</v>
      </c>
      <c r="AD9" s="96">
        <v>642</v>
      </c>
      <c r="AE9" s="96">
        <v>336</v>
      </c>
      <c r="AF9" s="96">
        <v>188</v>
      </c>
      <c r="AG9" s="97">
        <v>3374</v>
      </c>
      <c r="AH9" s="99">
        <v>3395</v>
      </c>
    </row>
    <row r="10" spans="1:34" ht="21" customHeight="1" x14ac:dyDescent="0.2">
      <c r="A10" s="17" t="s">
        <v>8</v>
      </c>
      <c r="B10" s="95">
        <v>8</v>
      </c>
      <c r="C10" s="96">
        <v>7</v>
      </c>
      <c r="D10" s="97">
        <v>15</v>
      </c>
      <c r="E10" s="98">
        <v>0</v>
      </c>
      <c r="F10" s="96">
        <v>740</v>
      </c>
      <c r="G10" s="96">
        <v>688</v>
      </c>
      <c r="H10" s="96">
        <v>411</v>
      </c>
      <c r="I10" s="96">
        <v>225</v>
      </c>
      <c r="J10" s="96">
        <v>125</v>
      </c>
      <c r="K10" s="97">
        <v>2189</v>
      </c>
      <c r="L10" s="99">
        <v>2204</v>
      </c>
      <c r="M10" s="100">
        <v>0</v>
      </c>
      <c r="N10" s="96">
        <v>1</v>
      </c>
      <c r="O10" s="97">
        <v>1</v>
      </c>
      <c r="P10" s="98">
        <v>0</v>
      </c>
      <c r="Q10" s="96">
        <v>15</v>
      </c>
      <c r="R10" s="96">
        <v>22</v>
      </c>
      <c r="S10" s="96">
        <v>9</v>
      </c>
      <c r="T10" s="96">
        <v>2</v>
      </c>
      <c r="U10" s="96">
        <v>3</v>
      </c>
      <c r="V10" s="97">
        <v>51</v>
      </c>
      <c r="W10" s="99">
        <v>52</v>
      </c>
      <c r="X10" s="100">
        <v>8</v>
      </c>
      <c r="Y10" s="96">
        <v>8</v>
      </c>
      <c r="Z10" s="97">
        <v>16</v>
      </c>
      <c r="AA10" s="98">
        <v>0</v>
      </c>
      <c r="AB10" s="96">
        <v>755</v>
      </c>
      <c r="AC10" s="96">
        <v>710</v>
      </c>
      <c r="AD10" s="96">
        <v>420</v>
      </c>
      <c r="AE10" s="96">
        <v>227</v>
      </c>
      <c r="AF10" s="96">
        <v>128</v>
      </c>
      <c r="AG10" s="97">
        <v>2240</v>
      </c>
      <c r="AH10" s="99">
        <v>2256</v>
      </c>
    </row>
    <row r="11" spans="1:34" ht="21" customHeight="1" x14ac:dyDescent="0.2">
      <c r="A11" s="17" t="s">
        <v>9</v>
      </c>
      <c r="B11" s="95">
        <v>5</v>
      </c>
      <c r="C11" s="96">
        <v>9</v>
      </c>
      <c r="D11" s="97">
        <v>14</v>
      </c>
      <c r="E11" s="98">
        <v>0</v>
      </c>
      <c r="F11" s="96">
        <v>486</v>
      </c>
      <c r="G11" s="96">
        <v>371</v>
      </c>
      <c r="H11" s="96">
        <v>298</v>
      </c>
      <c r="I11" s="96">
        <v>171</v>
      </c>
      <c r="J11" s="96">
        <v>96</v>
      </c>
      <c r="K11" s="97">
        <v>1422</v>
      </c>
      <c r="L11" s="99">
        <v>1436</v>
      </c>
      <c r="M11" s="100">
        <v>0</v>
      </c>
      <c r="N11" s="96">
        <v>0</v>
      </c>
      <c r="O11" s="97">
        <v>0</v>
      </c>
      <c r="P11" s="98">
        <v>0</v>
      </c>
      <c r="Q11" s="96">
        <v>11</v>
      </c>
      <c r="R11" s="96">
        <v>10</v>
      </c>
      <c r="S11" s="96">
        <v>4</v>
      </c>
      <c r="T11" s="96">
        <v>8</v>
      </c>
      <c r="U11" s="96">
        <v>2</v>
      </c>
      <c r="V11" s="97">
        <v>35</v>
      </c>
      <c r="W11" s="99">
        <v>35</v>
      </c>
      <c r="X11" s="100">
        <v>5</v>
      </c>
      <c r="Y11" s="96">
        <v>9</v>
      </c>
      <c r="Z11" s="97">
        <v>14</v>
      </c>
      <c r="AA11" s="98">
        <v>0</v>
      </c>
      <c r="AB11" s="96">
        <v>497</v>
      </c>
      <c r="AC11" s="96">
        <v>381</v>
      </c>
      <c r="AD11" s="96">
        <v>302</v>
      </c>
      <c r="AE11" s="96">
        <v>179</v>
      </c>
      <c r="AF11" s="96">
        <v>98</v>
      </c>
      <c r="AG11" s="97">
        <v>1457</v>
      </c>
      <c r="AH11" s="99">
        <v>1471</v>
      </c>
    </row>
    <row r="12" spans="1:34" ht="21" customHeight="1" x14ac:dyDescent="0.2">
      <c r="A12" s="17" t="s">
        <v>10</v>
      </c>
      <c r="B12" s="95">
        <v>11</v>
      </c>
      <c r="C12" s="96">
        <v>26</v>
      </c>
      <c r="D12" s="97">
        <v>37</v>
      </c>
      <c r="E12" s="98">
        <v>0</v>
      </c>
      <c r="F12" s="96">
        <v>897</v>
      </c>
      <c r="G12" s="96">
        <v>542</v>
      </c>
      <c r="H12" s="96">
        <v>365</v>
      </c>
      <c r="I12" s="96">
        <v>283</v>
      </c>
      <c r="J12" s="96">
        <v>237</v>
      </c>
      <c r="K12" s="97">
        <v>2324</v>
      </c>
      <c r="L12" s="99">
        <v>2361</v>
      </c>
      <c r="M12" s="100">
        <v>0</v>
      </c>
      <c r="N12" s="96">
        <v>1</v>
      </c>
      <c r="O12" s="97">
        <v>1</v>
      </c>
      <c r="P12" s="98">
        <v>0</v>
      </c>
      <c r="Q12" s="96">
        <v>10</v>
      </c>
      <c r="R12" s="96">
        <v>6</v>
      </c>
      <c r="S12" s="96">
        <v>15</v>
      </c>
      <c r="T12" s="96">
        <v>6</v>
      </c>
      <c r="U12" s="96">
        <v>5</v>
      </c>
      <c r="V12" s="97">
        <v>42</v>
      </c>
      <c r="W12" s="99">
        <v>43</v>
      </c>
      <c r="X12" s="100">
        <v>11</v>
      </c>
      <c r="Y12" s="96">
        <v>27</v>
      </c>
      <c r="Z12" s="97">
        <v>38</v>
      </c>
      <c r="AA12" s="98">
        <v>0</v>
      </c>
      <c r="AB12" s="96">
        <v>907</v>
      </c>
      <c r="AC12" s="96">
        <v>548</v>
      </c>
      <c r="AD12" s="96">
        <v>380</v>
      </c>
      <c r="AE12" s="96">
        <v>289</v>
      </c>
      <c r="AF12" s="96">
        <v>242</v>
      </c>
      <c r="AG12" s="97">
        <v>2366</v>
      </c>
      <c r="AH12" s="99">
        <v>2404</v>
      </c>
    </row>
    <row r="13" spans="1:34" ht="21" customHeight="1" x14ac:dyDescent="0.2">
      <c r="A13" s="17" t="s">
        <v>11</v>
      </c>
      <c r="B13" s="95">
        <v>6</v>
      </c>
      <c r="C13" s="96">
        <v>11</v>
      </c>
      <c r="D13" s="97">
        <v>17</v>
      </c>
      <c r="E13" s="98">
        <v>0</v>
      </c>
      <c r="F13" s="96">
        <v>692</v>
      </c>
      <c r="G13" s="96">
        <v>408</v>
      </c>
      <c r="H13" s="96">
        <v>250</v>
      </c>
      <c r="I13" s="96">
        <v>166</v>
      </c>
      <c r="J13" s="96">
        <v>74</v>
      </c>
      <c r="K13" s="97">
        <v>1590</v>
      </c>
      <c r="L13" s="99">
        <v>1607</v>
      </c>
      <c r="M13" s="100">
        <v>0</v>
      </c>
      <c r="N13" s="96">
        <v>0</v>
      </c>
      <c r="O13" s="97">
        <v>0</v>
      </c>
      <c r="P13" s="98">
        <v>0</v>
      </c>
      <c r="Q13" s="96">
        <v>9</v>
      </c>
      <c r="R13" s="96">
        <v>8</v>
      </c>
      <c r="S13" s="96">
        <v>4</v>
      </c>
      <c r="T13" s="96">
        <v>3</v>
      </c>
      <c r="U13" s="96">
        <v>3</v>
      </c>
      <c r="V13" s="97">
        <v>27</v>
      </c>
      <c r="W13" s="99">
        <v>27</v>
      </c>
      <c r="X13" s="100">
        <v>6</v>
      </c>
      <c r="Y13" s="96">
        <v>11</v>
      </c>
      <c r="Z13" s="97">
        <v>17</v>
      </c>
      <c r="AA13" s="98">
        <v>0</v>
      </c>
      <c r="AB13" s="96">
        <v>701</v>
      </c>
      <c r="AC13" s="96">
        <v>416</v>
      </c>
      <c r="AD13" s="96">
        <v>254</v>
      </c>
      <c r="AE13" s="96">
        <v>169</v>
      </c>
      <c r="AF13" s="96">
        <v>77</v>
      </c>
      <c r="AG13" s="97">
        <v>1617</v>
      </c>
      <c r="AH13" s="99">
        <v>1634</v>
      </c>
    </row>
    <row r="14" spans="1:34" ht="21" customHeight="1" x14ac:dyDescent="0.2">
      <c r="A14" s="17" t="s">
        <v>12</v>
      </c>
      <c r="B14" s="95">
        <v>0</v>
      </c>
      <c r="C14" s="96">
        <v>1</v>
      </c>
      <c r="D14" s="97">
        <v>1</v>
      </c>
      <c r="E14" s="98">
        <v>0</v>
      </c>
      <c r="F14" s="96">
        <v>509</v>
      </c>
      <c r="G14" s="96">
        <v>341</v>
      </c>
      <c r="H14" s="96">
        <v>259</v>
      </c>
      <c r="I14" s="96">
        <v>170</v>
      </c>
      <c r="J14" s="96">
        <v>118</v>
      </c>
      <c r="K14" s="97">
        <v>1397</v>
      </c>
      <c r="L14" s="99">
        <v>1398</v>
      </c>
      <c r="M14" s="100">
        <v>0</v>
      </c>
      <c r="N14" s="96">
        <v>0</v>
      </c>
      <c r="O14" s="97">
        <v>0</v>
      </c>
      <c r="P14" s="98">
        <v>0</v>
      </c>
      <c r="Q14" s="96">
        <v>6</v>
      </c>
      <c r="R14" s="96">
        <v>6</v>
      </c>
      <c r="S14" s="96">
        <v>3</v>
      </c>
      <c r="T14" s="96">
        <v>1</v>
      </c>
      <c r="U14" s="96">
        <v>4</v>
      </c>
      <c r="V14" s="97">
        <v>20</v>
      </c>
      <c r="W14" s="99">
        <v>20</v>
      </c>
      <c r="X14" s="100">
        <v>0</v>
      </c>
      <c r="Y14" s="96">
        <v>1</v>
      </c>
      <c r="Z14" s="97">
        <v>1</v>
      </c>
      <c r="AA14" s="98">
        <v>0</v>
      </c>
      <c r="AB14" s="96">
        <v>515</v>
      </c>
      <c r="AC14" s="96">
        <v>347</v>
      </c>
      <c r="AD14" s="96">
        <v>262</v>
      </c>
      <c r="AE14" s="96">
        <v>171</v>
      </c>
      <c r="AF14" s="96">
        <v>122</v>
      </c>
      <c r="AG14" s="97">
        <v>1417</v>
      </c>
      <c r="AH14" s="99">
        <v>1418</v>
      </c>
    </row>
    <row r="15" spans="1:34" ht="21" customHeight="1" x14ac:dyDescent="0.2">
      <c r="A15" s="17" t="s">
        <v>13</v>
      </c>
      <c r="B15" s="95">
        <v>1</v>
      </c>
      <c r="C15" s="96">
        <v>3</v>
      </c>
      <c r="D15" s="97">
        <v>4</v>
      </c>
      <c r="E15" s="98">
        <v>0</v>
      </c>
      <c r="F15" s="96">
        <v>159</v>
      </c>
      <c r="G15" s="96">
        <v>150</v>
      </c>
      <c r="H15" s="96">
        <v>94</v>
      </c>
      <c r="I15" s="96">
        <v>50</v>
      </c>
      <c r="J15" s="96">
        <v>34</v>
      </c>
      <c r="K15" s="97">
        <v>487</v>
      </c>
      <c r="L15" s="99">
        <v>491</v>
      </c>
      <c r="M15" s="100">
        <v>0</v>
      </c>
      <c r="N15" s="96">
        <v>0</v>
      </c>
      <c r="O15" s="97">
        <v>0</v>
      </c>
      <c r="P15" s="98">
        <v>0</v>
      </c>
      <c r="Q15" s="96">
        <v>3</v>
      </c>
      <c r="R15" s="96">
        <v>3</v>
      </c>
      <c r="S15" s="96">
        <v>2</v>
      </c>
      <c r="T15" s="96">
        <v>2</v>
      </c>
      <c r="U15" s="96">
        <v>0</v>
      </c>
      <c r="V15" s="97">
        <v>10</v>
      </c>
      <c r="W15" s="99">
        <v>10</v>
      </c>
      <c r="X15" s="100">
        <v>1</v>
      </c>
      <c r="Y15" s="96">
        <v>3</v>
      </c>
      <c r="Z15" s="97">
        <v>4</v>
      </c>
      <c r="AA15" s="98">
        <v>0</v>
      </c>
      <c r="AB15" s="96">
        <v>162</v>
      </c>
      <c r="AC15" s="96">
        <v>153</v>
      </c>
      <c r="AD15" s="96">
        <v>96</v>
      </c>
      <c r="AE15" s="96">
        <v>52</v>
      </c>
      <c r="AF15" s="96">
        <v>34</v>
      </c>
      <c r="AG15" s="97">
        <v>497</v>
      </c>
      <c r="AH15" s="99">
        <v>501</v>
      </c>
    </row>
    <row r="16" spans="1:34" ht="21" customHeight="1" x14ac:dyDescent="0.2">
      <c r="A16" s="17" t="s">
        <v>15</v>
      </c>
      <c r="B16" s="95">
        <v>6</v>
      </c>
      <c r="C16" s="96">
        <v>14</v>
      </c>
      <c r="D16" s="97">
        <v>20</v>
      </c>
      <c r="E16" s="98">
        <v>0</v>
      </c>
      <c r="F16" s="96">
        <v>219</v>
      </c>
      <c r="G16" s="96">
        <v>225</v>
      </c>
      <c r="H16" s="96">
        <v>134</v>
      </c>
      <c r="I16" s="96">
        <v>99</v>
      </c>
      <c r="J16" s="96">
        <v>37</v>
      </c>
      <c r="K16" s="97">
        <v>714</v>
      </c>
      <c r="L16" s="99">
        <v>734</v>
      </c>
      <c r="M16" s="100">
        <v>0</v>
      </c>
      <c r="N16" s="96">
        <v>1</v>
      </c>
      <c r="O16" s="97">
        <v>1</v>
      </c>
      <c r="P16" s="98">
        <v>0</v>
      </c>
      <c r="Q16" s="96">
        <v>3</v>
      </c>
      <c r="R16" s="96">
        <v>5</v>
      </c>
      <c r="S16" s="96">
        <v>1</v>
      </c>
      <c r="T16" s="96">
        <v>1</v>
      </c>
      <c r="U16" s="96">
        <v>1</v>
      </c>
      <c r="V16" s="97">
        <v>11</v>
      </c>
      <c r="W16" s="99">
        <v>12</v>
      </c>
      <c r="X16" s="100">
        <v>6</v>
      </c>
      <c r="Y16" s="96">
        <v>15</v>
      </c>
      <c r="Z16" s="97">
        <v>21</v>
      </c>
      <c r="AA16" s="98">
        <v>0</v>
      </c>
      <c r="AB16" s="96">
        <v>222</v>
      </c>
      <c r="AC16" s="96">
        <v>230</v>
      </c>
      <c r="AD16" s="96">
        <v>135</v>
      </c>
      <c r="AE16" s="96">
        <v>100</v>
      </c>
      <c r="AF16" s="96">
        <v>38</v>
      </c>
      <c r="AG16" s="97">
        <v>725</v>
      </c>
      <c r="AH16" s="99">
        <v>746</v>
      </c>
    </row>
    <row r="17" spans="1:34" ht="21" customHeight="1" x14ac:dyDescent="0.2">
      <c r="A17" s="17" t="s">
        <v>16</v>
      </c>
      <c r="B17" s="95">
        <v>1</v>
      </c>
      <c r="C17" s="96">
        <v>1</v>
      </c>
      <c r="D17" s="97">
        <v>2</v>
      </c>
      <c r="E17" s="98">
        <v>0</v>
      </c>
      <c r="F17" s="96">
        <v>210</v>
      </c>
      <c r="G17" s="96">
        <v>302</v>
      </c>
      <c r="H17" s="96">
        <v>184</v>
      </c>
      <c r="I17" s="96">
        <v>120</v>
      </c>
      <c r="J17" s="96">
        <v>79</v>
      </c>
      <c r="K17" s="97">
        <v>895</v>
      </c>
      <c r="L17" s="99">
        <v>897</v>
      </c>
      <c r="M17" s="100">
        <v>0</v>
      </c>
      <c r="N17" s="96">
        <v>0</v>
      </c>
      <c r="O17" s="97">
        <v>0</v>
      </c>
      <c r="P17" s="98">
        <v>0</v>
      </c>
      <c r="Q17" s="96">
        <v>2</v>
      </c>
      <c r="R17" s="96">
        <v>2</v>
      </c>
      <c r="S17" s="96">
        <v>5</v>
      </c>
      <c r="T17" s="96">
        <v>1</v>
      </c>
      <c r="U17" s="96">
        <v>3</v>
      </c>
      <c r="V17" s="97">
        <v>13</v>
      </c>
      <c r="W17" s="99">
        <v>13</v>
      </c>
      <c r="X17" s="100">
        <v>1</v>
      </c>
      <c r="Y17" s="96">
        <v>1</v>
      </c>
      <c r="Z17" s="97">
        <v>2</v>
      </c>
      <c r="AA17" s="98">
        <v>0</v>
      </c>
      <c r="AB17" s="96">
        <v>212</v>
      </c>
      <c r="AC17" s="96">
        <v>304</v>
      </c>
      <c r="AD17" s="96">
        <v>189</v>
      </c>
      <c r="AE17" s="96">
        <v>121</v>
      </c>
      <c r="AF17" s="96">
        <v>82</v>
      </c>
      <c r="AG17" s="97">
        <v>908</v>
      </c>
      <c r="AH17" s="99">
        <v>910</v>
      </c>
    </row>
    <row r="18" spans="1:34" ht="21" customHeight="1" x14ac:dyDescent="0.2">
      <c r="A18" s="17" t="s">
        <v>17</v>
      </c>
      <c r="B18" s="95">
        <v>1</v>
      </c>
      <c r="C18" s="96">
        <v>3</v>
      </c>
      <c r="D18" s="97">
        <v>4</v>
      </c>
      <c r="E18" s="98">
        <v>0</v>
      </c>
      <c r="F18" s="96">
        <v>338</v>
      </c>
      <c r="G18" s="96">
        <v>379</v>
      </c>
      <c r="H18" s="96">
        <v>256</v>
      </c>
      <c r="I18" s="96">
        <v>174</v>
      </c>
      <c r="J18" s="96">
        <v>125</v>
      </c>
      <c r="K18" s="97">
        <v>1272</v>
      </c>
      <c r="L18" s="99">
        <v>1276</v>
      </c>
      <c r="M18" s="100">
        <v>0</v>
      </c>
      <c r="N18" s="96">
        <v>0</v>
      </c>
      <c r="O18" s="97">
        <v>0</v>
      </c>
      <c r="P18" s="98">
        <v>0</v>
      </c>
      <c r="Q18" s="96">
        <v>3</v>
      </c>
      <c r="R18" s="96">
        <v>14</v>
      </c>
      <c r="S18" s="96">
        <v>12</v>
      </c>
      <c r="T18" s="96">
        <v>10</v>
      </c>
      <c r="U18" s="96">
        <v>6</v>
      </c>
      <c r="V18" s="97">
        <v>45</v>
      </c>
      <c r="W18" s="99">
        <v>45</v>
      </c>
      <c r="X18" s="100">
        <v>1</v>
      </c>
      <c r="Y18" s="96">
        <v>3</v>
      </c>
      <c r="Z18" s="97">
        <v>4</v>
      </c>
      <c r="AA18" s="98">
        <v>0</v>
      </c>
      <c r="AB18" s="96">
        <v>341</v>
      </c>
      <c r="AC18" s="96">
        <v>393</v>
      </c>
      <c r="AD18" s="96">
        <v>268</v>
      </c>
      <c r="AE18" s="96">
        <v>184</v>
      </c>
      <c r="AF18" s="96">
        <v>131</v>
      </c>
      <c r="AG18" s="97">
        <v>1317</v>
      </c>
      <c r="AH18" s="99">
        <v>1321</v>
      </c>
    </row>
    <row r="19" spans="1:34" ht="21" customHeight="1" x14ac:dyDescent="0.2">
      <c r="A19" s="17" t="s">
        <v>18</v>
      </c>
      <c r="B19" s="95">
        <v>10</v>
      </c>
      <c r="C19" s="96">
        <v>9</v>
      </c>
      <c r="D19" s="97">
        <v>19</v>
      </c>
      <c r="E19" s="98">
        <v>0</v>
      </c>
      <c r="F19" s="96">
        <v>406</v>
      </c>
      <c r="G19" s="96">
        <v>414</v>
      </c>
      <c r="H19" s="96">
        <v>244</v>
      </c>
      <c r="I19" s="96">
        <v>136</v>
      </c>
      <c r="J19" s="96">
        <v>83</v>
      </c>
      <c r="K19" s="97">
        <v>1283</v>
      </c>
      <c r="L19" s="99">
        <v>1302</v>
      </c>
      <c r="M19" s="100">
        <v>0</v>
      </c>
      <c r="N19" s="96">
        <v>0</v>
      </c>
      <c r="O19" s="97">
        <v>0</v>
      </c>
      <c r="P19" s="98">
        <v>0</v>
      </c>
      <c r="Q19" s="96">
        <v>9</v>
      </c>
      <c r="R19" s="96">
        <v>8</v>
      </c>
      <c r="S19" s="96">
        <v>6</v>
      </c>
      <c r="T19" s="96">
        <v>5</v>
      </c>
      <c r="U19" s="96">
        <v>1</v>
      </c>
      <c r="V19" s="97">
        <v>29</v>
      </c>
      <c r="W19" s="99">
        <v>29</v>
      </c>
      <c r="X19" s="100">
        <v>10</v>
      </c>
      <c r="Y19" s="96">
        <v>9</v>
      </c>
      <c r="Z19" s="97">
        <v>19</v>
      </c>
      <c r="AA19" s="98">
        <v>0</v>
      </c>
      <c r="AB19" s="96">
        <v>415</v>
      </c>
      <c r="AC19" s="96">
        <v>422</v>
      </c>
      <c r="AD19" s="96">
        <v>250</v>
      </c>
      <c r="AE19" s="96">
        <v>141</v>
      </c>
      <c r="AF19" s="96">
        <v>84</v>
      </c>
      <c r="AG19" s="97">
        <v>1312</v>
      </c>
      <c r="AH19" s="99">
        <v>1331</v>
      </c>
    </row>
    <row r="20" spans="1:34" ht="21" customHeight="1" x14ac:dyDescent="0.2">
      <c r="A20" s="17" t="s">
        <v>19</v>
      </c>
      <c r="B20" s="95">
        <v>0</v>
      </c>
      <c r="C20" s="96">
        <v>6</v>
      </c>
      <c r="D20" s="97">
        <v>6</v>
      </c>
      <c r="E20" s="98">
        <v>0</v>
      </c>
      <c r="F20" s="96">
        <v>209</v>
      </c>
      <c r="G20" s="96">
        <v>213</v>
      </c>
      <c r="H20" s="96">
        <v>128</v>
      </c>
      <c r="I20" s="96">
        <v>65</v>
      </c>
      <c r="J20" s="96">
        <v>54</v>
      </c>
      <c r="K20" s="97">
        <v>669</v>
      </c>
      <c r="L20" s="99">
        <v>675</v>
      </c>
      <c r="M20" s="100">
        <v>0</v>
      </c>
      <c r="N20" s="96">
        <v>0</v>
      </c>
      <c r="O20" s="97">
        <v>0</v>
      </c>
      <c r="P20" s="98">
        <v>0</v>
      </c>
      <c r="Q20" s="96">
        <v>1</v>
      </c>
      <c r="R20" s="96">
        <v>2</v>
      </c>
      <c r="S20" s="96">
        <v>1</v>
      </c>
      <c r="T20" s="96">
        <v>1</v>
      </c>
      <c r="U20" s="96">
        <v>1</v>
      </c>
      <c r="V20" s="97">
        <v>6</v>
      </c>
      <c r="W20" s="99">
        <v>6</v>
      </c>
      <c r="X20" s="100">
        <v>0</v>
      </c>
      <c r="Y20" s="96">
        <v>6</v>
      </c>
      <c r="Z20" s="97">
        <v>6</v>
      </c>
      <c r="AA20" s="98">
        <v>0</v>
      </c>
      <c r="AB20" s="96">
        <v>210</v>
      </c>
      <c r="AC20" s="96">
        <v>215</v>
      </c>
      <c r="AD20" s="96">
        <v>129</v>
      </c>
      <c r="AE20" s="96">
        <v>66</v>
      </c>
      <c r="AF20" s="96">
        <v>55</v>
      </c>
      <c r="AG20" s="97">
        <v>675</v>
      </c>
      <c r="AH20" s="99">
        <v>681</v>
      </c>
    </row>
    <row r="21" spans="1:34" ht="21" customHeight="1" x14ac:dyDescent="0.2">
      <c r="A21" s="17" t="s">
        <v>20</v>
      </c>
      <c r="B21" s="95">
        <v>1</v>
      </c>
      <c r="C21" s="96">
        <v>3</v>
      </c>
      <c r="D21" s="97">
        <v>4</v>
      </c>
      <c r="E21" s="98">
        <v>0</v>
      </c>
      <c r="F21" s="96">
        <v>223</v>
      </c>
      <c r="G21" s="96">
        <v>120</v>
      </c>
      <c r="H21" s="96">
        <v>86</v>
      </c>
      <c r="I21" s="96">
        <v>57</v>
      </c>
      <c r="J21" s="96">
        <v>14</v>
      </c>
      <c r="K21" s="97">
        <v>500</v>
      </c>
      <c r="L21" s="99">
        <v>504</v>
      </c>
      <c r="M21" s="100">
        <v>0</v>
      </c>
      <c r="N21" s="96">
        <v>0</v>
      </c>
      <c r="O21" s="97">
        <v>0</v>
      </c>
      <c r="P21" s="98">
        <v>0</v>
      </c>
      <c r="Q21" s="96">
        <v>6</v>
      </c>
      <c r="R21" s="96">
        <v>3</v>
      </c>
      <c r="S21" s="96">
        <v>0</v>
      </c>
      <c r="T21" s="96">
        <v>0</v>
      </c>
      <c r="U21" s="96">
        <v>0</v>
      </c>
      <c r="V21" s="97">
        <v>9</v>
      </c>
      <c r="W21" s="99">
        <v>9</v>
      </c>
      <c r="X21" s="100">
        <v>1</v>
      </c>
      <c r="Y21" s="96">
        <v>3</v>
      </c>
      <c r="Z21" s="97">
        <v>4</v>
      </c>
      <c r="AA21" s="98">
        <v>0</v>
      </c>
      <c r="AB21" s="96">
        <v>229</v>
      </c>
      <c r="AC21" s="96">
        <v>123</v>
      </c>
      <c r="AD21" s="96">
        <v>86</v>
      </c>
      <c r="AE21" s="96">
        <v>57</v>
      </c>
      <c r="AF21" s="96">
        <v>14</v>
      </c>
      <c r="AG21" s="97">
        <v>509</v>
      </c>
      <c r="AH21" s="99">
        <v>513</v>
      </c>
    </row>
    <row r="22" spans="1:34" ht="21" customHeight="1" x14ac:dyDescent="0.2">
      <c r="A22" s="17" t="s">
        <v>21</v>
      </c>
      <c r="B22" s="95">
        <v>1</v>
      </c>
      <c r="C22" s="96">
        <v>3</v>
      </c>
      <c r="D22" s="97">
        <v>4</v>
      </c>
      <c r="E22" s="98">
        <v>0</v>
      </c>
      <c r="F22" s="96">
        <v>226</v>
      </c>
      <c r="G22" s="96">
        <v>239</v>
      </c>
      <c r="H22" s="96">
        <v>125</v>
      </c>
      <c r="I22" s="96">
        <v>57</v>
      </c>
      <c r="J22" s="96">
        <v>37</v>
      </c>
      <c r="K22" s="97">
        <v>684</v>
      </c>
      <c r="L22" s="99">
        <v>688</v>
      </c>
      <c r="M22" s="100">
        <v>0</v>
      </c>
      <c r="N22" s="96">
        <v>0</v>
      </c>
      <c r="O22" s="97">
        <v>0</v>
      </c>
      <c r="P22" s="98">
        <v>0</v>
      </c>
      <c r="Q22" s="96">
        <v>2</v>
      </c>
      <c r="R22" s="96">
        <v>7</v>
      </c>
      <c r="S22" s="96">
        <v>3</v>
      </c>
      <c r="T22" s="96">
        <v>2</v>
      </c>
      <c r="U22" s="96">
        <v>2</v>
      </c>
      <c r="V22" s="97">
        <v>16</v>
      </c>
      <c r="W22" s="99">
        <v>16</v>
      </c>
      <c r="X22" s="100">
        <v>1</v>
      </c>
      <c r="Y22" s="96">
        <v>3</v>
      </c>
      <c r="Z22" s="97">
        <v>4</v>
      </c>
      <c r="AA22" s="98">
        <v>0</v>
      </c>
      <c r="AB22" s="96">
        <v>228</v>
      </c>
      <c r="AC22" s="96">
        <v>246</v>
      </c>
      <c r="AD22" s="96">
        <v>128</v>
      </c>
      <c r="AE22" s="96">
        <v>59</v>
      </c>
      <c r="AF22" s="96">
        <v>39</v>
      </c>
      <c r="AG22" s="97">
        <v>700</v>
      </c>
      <c r="AH22" s="99">
        <v>704</v>
      </c>
    </row>
    <row r="23" spans="1:34" ht="21" customHeight="1" x14ac:dyDescent="0.2">
      <c r="A23" s="17" t="s">
        <v>22</v>
      </c>
      <c r="B23" s="95">
        <v>4</v>
      </c>
      <c r="C23" s="96">
        <v>4</v>
      </c>
      <c r="D23" s="97">
        <v>8</v>
      </c>
      <c r="E23" s="98">
        <v>0</v>
      </c>
      <c r="F23" s="96">
        <v>171</v>
      </c>
      <c r="G23" s="96">
        <v>136</v>
      </c>
      <c r="H23" s="96">
        <v>68</v>
      </c>
      <c r="I23" s="96">
        <v>55</v>
      </c>
      <c r="J23" s="96">
        <v>26</v>
      </c>
      <c r="K23" s="97">
        <v>456</v>
      </c>
      <c r="L23" s="99">
        <v>464</v>
      </c>
      <c r="M23" s="100">
        <v>0</v>
      </c>
      <c r="N23" s="96">
        <v>0</v>
      </c>
      <c r="O23" s="97">
        <v>0</v>
      </c>
      <c r="P23" s="98">
        <v>0</v>
      </c>
      <c r="Q23" s="96">
        <v>6</v>
      </c>
      <c r="R23" s="96">
        <v>0</v>
      </c>
      <c r="S23" s="96">
        <v>2</v>
      </c>
      <c r="T23" s="96">
        <v>1</v>
      </c>
      <c r="U23" s="96">
        <v>1</v>
      </c>
      <c r="V23" s="97">
        <v>10</v>
      </c>
      <c r="W23" s="99">
        <v>10</v>
      </c>
      <c r="X23" s="100">
        <v>4</v>
      </c>
      <c r="Y23" s="96">
        <v>4</v>
      </c>
      <c r="Z23" s="97">
        <v>8</v>
      </c>
      <c r="AA23" s="98">
        <v>0</v>
      </c>
      <c r="AB23" s="96">
        <v>177</v>
      </c>
      <c r="AC23" s="96">
        <v>136</v>
      </c>
      <c r="AD23" s="96">
        <v>70</v>
      </c>
      <c r="AE23" s="96">
        <v>56</v>
      </c>
      <c r="AF23" s="96">
        <v>27</v>
      </c>
      <c r="AG23" s="97">
        <v>466</v>
      </c>
      <c r="AH23" s="99">
        <v>474</v>
      </c>
    </row>
    <row r="24" spans="1:34" ht="21" customHeight="1" x14ac:dyDescent="0.2">
      <c r="A24" s="17" t="s">
        <v>23</v>
      </c>
      <c r="B24" s="95">
        <v>0</v>
      </c>
      <c r="C24" s="96">
        <v>1</v>
      </c>
      <c r="D24" s="97">
        <v>1</v>
      </c>
      <c r="E24" s="98">
        <v>0</v>
      </c>
      <c r="F24" s="96">
        <v>83</v>
      </c>
      <c r="G24" s="96">
        <v>62</v>
      </c>
      <c r="H24" s="96">
        <v>44</v>
      </c>
      <c r="I24" s="96">
        <v>28</v>
      </c>
      <c r="J24" s="96">
        <v>16</v>
      </c>
      <c r="K24" s="97">
        <v>233</v>
      </c>
      <c r="L24" s="99">
        <v>234</v>
      </c>
      <c r="M24" s="100">
        <v>0</v>
      </c>
      <c r="N24" s="96">
        <v>0</v>
      </c>
      <c r="O24" s="97">
        <v>0</v>
      </c>
      <c r="P24" s="98">
        <v>0</v>
      </c>
      <c r="Q24" s="96">
        <v>0</v>
      </c>
      <c r="R24" s="96">
        <v>1</v>
      </c>
      <c r="S24" s="96">
        <v>0</v>
      </c>
      <c r="T24" s="96">
        <v>0</v>
      </c>
      <c r="U24" s="96">
        <v>0</v>
      </c>
      <c r="V24" s="97">
        <v>1</v>
      </c>
      <c r="W24" s="99">
        <v>1</v>
      </c>
      <c r="X24" s="100">
        <v>0</v>
      </c>
      <c r="Y24" s="96">
        <v>1</v>
      </c>
      <c r="Z24" s="97">
        <v>1</v>
      </c>
      <c r="AA24" s="98">
        <v>0</v>
      </c>
      <c r="AB24" s="96">
        <v>83</v>
      </c>
      <c r="AC24" s="96">
        <v>63</v>
      </c>
      <c r="AD24" s="96">
        <v>44</v>
      </c>
      <c r="AE24" s="96">
        <v>28</v>
      </c>
      <c r="AF24" s="96">
        <v>16</v>
      </c>
      <c r="AG24" s="97">
        <v>234</v>
      </c>
      <c r="AH24" s="99">
        <v>235</v>
      </c>
    </row>
    <row r="25" spans="1:34" ht="21" customHeight="1" x14ac:dyDescent="0.2">
      <c r="A25" s="17" t="s">
        <v>24</v>
      </c>
      <c r="B25" s="95">
        <v>7</v>
      </c>
      <c r="C25" s="96">
        <v>6</v>
      </c>
      <c r="D25" s="97">
        <v>13</v>
      </c>
      <c r="E25" s="98">
        <v>0</v>
      </c>
      <c r="F25" s="96">
        <v>84</v>
      </c>
      <c r="G25" s="96">
        <v>34</v>
      </c>
      <c r="H25" s="96">
        <v>45</v>
      </c>
      <c r="I25" s="96">
        <v>18</v>
      </c>
      <c r="J25" s="96">
        <v>11</v>
      </c>
      <c r="K25" s="97">
        <v>192</v>
      </c>
      <c r="L25" s="99">
        <v>205</v>
      </c>
      <c r="M25" s="100">
        <v>0</v>
      </c>
      <c r="N25" s="96">
        <v>0</v>
      </c>
      <c r="O25" s="97">
        <v>0</v>
      </c>
      <c r="P25" s="98">
        <v>0</v>
      </c>
      <c r="Q25" s="96">
        <v>1</v>
      </c>
      <c r="R25" s="96">
        <v>0</v>
      </c>
      <c r="S25" s="96">
        <v>0</v>
      </c>
      <c r="T25" s="96">
        <v>0</v>
      </c>
      <c r="U25" s="96">
        <v>0</v>
      </c>
      <c r="V25" s="97">
        <v>1</v>
      </c>
      <c r="W25" s="99">
        <v>1</v>
      </c>
      <c r="X25" s="100">
        <v>7</v>
      </c>
      <c r="Y25" s="96">
        <v>6</v>
      </c>
      <c r="Z25" s="97">
        <v>13</v>
      </c>
      <c r="AA25" s="98">
        <v>0</v>
      </c>
      <c r="AB25" s="96">
        <v>85</v>
      </c>
      <c r="AC25" s="96">
        <v>34</v>
      </c>
      <c r="AD25" s="96">
        <v>45</v>
      </c>
      <c r="AE25" s="96">
        <v>18</v>
      </c>
      <c r="AF25" s="96">
        <v>11</v>
      </c>
      <c r="AG25" s="97">
        <v>193</v>
      </c>
      <c r="AH25" s="99">
        <v>206</v>
      </c>
    </row>
    <row r="26" spans="1:34" ht="21" customHeight="1" x14ac:dyDescent="0.2">
      <c r="A26" s="17" t="s">
        <v>25</v>
      </c>
      <c r="B26" s="95">
        <v>0</v>
      </c>
      <c r="C26" s="96">
        <v>0</v>
      </c>
      <c r="D26" s="97">
        <v>0</v>
      </c>
      <c r="E26" s="98">
        <v>0</v>
      </c>
      <c r="F26" s="96">
        <v>83</v>
      </c>
      <c r="G26" s="96">
        <v>39</v>
      </c>
      <c r="H26" s="96">
        <v>21</v>
      </c>
      <c r="I26" s="96">
        <v>12</v>
      </c>
      <c r="J26" s="96">
        <v>5</v>
      </c>
      <c r="K26" s="97">
        <v>160</v>
      </c>
      <c r="L26" s="99">
        <v>160</v>
      </c>
      <c r="M26" s="100">
        <v>0</v>
      </c>
      <c r="N26" s="96">
        <v>0</v>
      </c>
      <c r="O26" s="97">
        <v>0</v>
      </c>
      <c r="P26" s="98">
        <v>0</v>
      </c>
      <c r="Q26" s="96">
        <v>1</v>
      </c>
      <c r="R26" s="96">
        <v>1</v>
      </c>
      <c r="S26" s="96">
        <v>1</v>
      </c>
      <c r="T26" s="96">
        <v>0</v>
      </c>
      <c r="U26" s="96">
        <v>0</v>
      </c>
      <c r="V26" s="97">
        <v>3</v>
      </c>
      <c r="W26" s="99">
        <v>3</v>
      </c>
      <c r="X26" s="100">
        <v>0</v>
      </c>
      <c r="Y26" s="96">
        <v>0</v>
      </c>
      <c r="Z26" s="97">
        <v>0</v>
      </c>
      <c r="AA26" s="98">
        <v>0</v>
      </c>
      <c r="AB26" s="96">
        <v>84</v>
      </c>
      <c r="AC26" s="96">
        <v>40</v>
      </c>
      <c r="AD26" s="96">
        <v>22</v>
      </c>
      <c r="AE26" s="96">
        <v>12</v>
      </c>
      <c r="AF26" s="96">
        <v>5</v>
      </c>
      <c r="AG26" s="97">
        <v>163</v>
      </c>
      <c r="AH26" s="99">
        <v>163</v>
      </c>
    </row>
    <row r="27" spans="1:34" ht="21" customHeight="1" x14ac:dyDescent="0.2">
      <c r="A27" s="17" t="s">
        <v>26</v>
      </c>
      <c r="B27" s="95">
        <v>2</v>
      </c>
      <c r="C27" s="96">
        <v>0</v>
      </c>
      <c r="D27" s="97">
        <v>2</v>
      </c>
      <c r="E27" s="98">
        <v>0</v>
      </c>
      <c r="F27" s="96">
        <v>62</v>
      </c>
      <c r="G27" s="96">
        <v>58</v>
      </c>
      <c r="H27" s="96">
        <v>29</v>
      </c>
      <c r="I27" s="96">
        <v>30</v>
      </c>
      <c r="J27" s="96">
        <v>20</v>
      </c>
      <c r="K27" s="97">
        <v>199</v>
      </c>
      <c r="L27" s="99">
        <v>201</v>
      </c>
      <c r="M27" s="100">
        <v>0</v>
      </c>
      <c r="N27" s="96">
        <v>0</v>
      </c>
      <c r="O27" s="97">
        <v>0</v>
      </c>
      <c r="P27" s="98">
        <v>0</v>
      </c>
      <c r="Q27" s="96">
        <v>0</v>
      </c>
      <c r="R27" s="96">
        <v>0</v>
      </c>
      <c r="S27" s="96">
        <v>0</v>
      </c>
      <c r="T27" s="96">
        <v>0</v>
      </c>
      <c r="U27" s="96">
        <v>0</v>
      </c>
      <c r="V27" s="97">
        <v>0</v>
      </c>
      <c r="W27" s="99">
        <v>0</v>
      </c>
      <c r="X27" s="100">
        <v>2</v>
      </c>
      <c r="Y27" s="96">
        <v>0</v>
      </c>
      <c r="Z27" s="97">
        <v>2</v>
      </c>
      <c r="AA27" s="98">
        <v>0</v>
      </c>
      <c r="AB27" s="96">
        <v>62</v>
      </c>
      <c r="AC27" s="96">
        <v>58</v>
      </c>
      <c r="AD27" s="96">
        <v>29</v>
      </c>
      <c r="AE27" s="96">
        <v>30</v>
      </c>
      <c r="AF27" s="96">
        <v>20</v>
      </c>
      <c r="AG27" s="97">
        <v>199</v>
      </c>
      <c r="AH27" s="99">
        <v>201</v>
      </c>
    </row>
    <row r="28" spans="1:34" ht="21" customHeight="1" x14ac:dyDescent="0.2">
      <c r="A28" s="17" t="s">
        <v>27</v>
      </c>
      <c r="B28" s="95">
        <v>0</v>
      </c>
      <c r="C28" s="96">
        <v>0</v>
      </c>
      <c r="D28" s="97">
        <v>0</v>
      </c>
      <c r="E28" s="98">
        <v>0</v>
      </c>
      <c r="F28" s="96">
        <v>55</v>
      </c>
      <c r="G28" s="96">
        <v>31</v>
      </c>
      <c r="H28" s="96">
        <v>34</v>
      </c>
      <c r="I28" s="96">
        <v>12</v>
      </c>
      <c r="J28" s="96">
        <v>9</v>
      </c>
      <c r="K28" s="97">
        <v>141</v>
      </c>
      <c r="L28" s="99">
        <v>141</v>
      </c>
      <c r="M28" s="100">
        <v>0</v>
      </c>
      <c r="N28" s="96">
        <v>0</v>
      </c>
      <c r="O28" s="97">
        <v>0</v>
      </c>
      <c r="P28" s="98">
        <v>0</v>
      </c>
      <c r="Q28" s="96">
        <v>1</v>
      </c>
      <c r="R28" s="96">
        <v>0</v>
      </c>
      <c r="S28" s="96">
        <v>1</v>
      </c>
      <c r="T28" s="96">
        <v>0</v>
      </c>
      <c r="U28" s="96">
        <v>0</v>
      </c>
      <c r="V28" s="97">
        <v>2</v>
      </c>
      <c r="W28" s="99">
        <v>2</v>
      </c>
      <c r="X28" s="100">
        <v>0</v>
      </c>
      <c r="Y28" s="96">
        <v>0</v>
      </c>
      <c r="Z28" s="97">
        <v>0</v>
      </c>
      <c r="AA28" s="98">
        <v>0</v>
      </c>
      <c r="AB28" s="96">
        <v>56</v>
      </c>
      <c r="AC28" s="96">
        <v>31</v>
      </c>
      <c r="AD28" s="96">
        <v>35</v>
      </c>
      <c r="AE28" s="96">
        <v>12</v>
      </c>
      <c r="AF28" s="96">
        <v>9</v>
      </c>
      <c r="AG28" s="97">
        <v>143</v>
      </c>
      <c r="AH28" s="99">
        <v>143</v>
      </c>
    </row>
    <row r="29" spans="1:34" ht="21" customHeight="1" x14ac:dyDescent="0.2">
      <c r="A29" s="17" t="s">
        <v>28</v>
      </c>
      <c r="B29" s="95">
        <v>0</v>
      </c>
      <c r="C29" s="96">
        <v>0</v>
      </c>
      <c r="D29" s="97">
        <v>0</v>
      </c>
      <c r="E29" s="98">
        <v>0</v>
      </c>
      <c r="F29" s="96">
        <v>17</v>
      </c>
      <c r="G29" s="96">
        <v>17</v>
      </c>
      <c r="H29" s="96">
        <v>12</v>
      </c>
      <c r="I29" s="96">
        <v>5</v>
      </c>
      <c r="J29" s="96">
        <v>3</v>
      </c>
      <c r="K29" s="97">
        <v>54</v>
      </c>
      <c r="L29" s="99">
        <v>54</v>
      </c>
      <c r="M29" s="100">
        <v>0</v>
      </c>
      <c r="N29" s="96">
        <v>0</v>
      </c>
      <c r="O29" s="97">
        <v>0</v>
      </c>
      <c r="P29" s="98">
        <v>0</v>
      </c>
      <c r="Q29" s="96">
        <v>0</v>
      </c>
      <c r="R29" s="96">
        <v>0</v>
      </c>
      <c r="S29" s="96">
        <v>0</v>
      </c>
      <c r="T29" s="96">
        <v>0</v>
      </c>
      <c r="U29" s="96">
        <v>0</v>
      </c>
      <c r="V29" s="97">
        <v>0</v>
      </c>
      <c r="W29" s="99">
        <v>0</v>
      </c>
      <c r="X29" s="100">
        <v>0</v>
      </c>
      <c r="Y29" s="96">
        <v>0</v>
      </c>
      <c r="Z29" s="97">
        <v>0</v>
      </c>
      <c r="AA29" s="98">
        <v>0</v>
      </c>
      <c r="AB29" s="96">
        <v>17</v>
      </c>
      <c r="AC29" s="96">
        <v>17</v>
      </c>
      <c r="AD29" s="96">
        <v>12</v>
      </c>
      <c r="AE29" s="96">
        <v>5</v>
      </c>
      <c r="AF29" s="96">
        <v>3</v>
      </c>
      <c r="AG29" s="97">
        <v>54</v>
      </c>
      <c r="AH29" s="99">
        <v>54</v>
      </c>
    </row>
    <row r="30" spans="1:34" ht="21" customHeight="1" x14ac:dyDescent="0.2">
      <c r="A30" s="17" t="s">
        <v>29</v>
      </c>
      <c r="B30" s="95">
        <v>1</v>
      </c>
      <c r="C30" s="96">
        <v>1</v>
      </c>
      <c r="D30" s="97">
        <v>2</v>
      </c>
      <c r="E30" s="98">
        <v>0</v>
      </c>
      <c r="F30" s="96">
        <v>22</v>
      </c>
      <c r="G30" s="96">
        <v>21</v>
      </c>
      <c r="H30" s="96">
        <v>12</v>
      </c>
      <c r="I30" s="96">
        <v>10</v>
      </c>
      <c r="J30" s="96">
        <v>5</v>
      </c>
      <c r="K30" s="97">
        <v>70</v>
      </c>
      <c r="L30" s="99">
        <v>72</v>
      </c>
      <c r="M30" s="100">
        <v>0</v>
      </c>
      <c r="N30" s="96">
        <v>0</v>
      </c>
      <c r="O30" s="97">
        <v>0</v>
      </c>
      <c r="P30" s="98">
        <v>0</v>
      </c>
      <c r="Q30" s="96">
        <v>0</v>
      </c>
      <c r="R30" s="96">
        <v>0</v>
      </c>
      <c r="S30" s="96">
        <v>1</v>
      </c>
      <c r="T30" s="96">
        <v>0</v>
      </c>
      <c r="U30" s="96">
        <v>0</v>
      </c>
      <c r="V30" s="97">
        <v>1</v>
      </c>
      <c r="W30" s="99">
        <v>1</v>
      </c>
      <c r="X30" s="100">
        <v>1</v>
      </c>
      <c r="Y30" s="96">
        <v>1</v>
      </c>
      <c r="Z30" s="97">
        <v>2</v>
      </c>
      <c r="AA30" s="98">
        <v>0</v>
      </c>
      <c r="AB30" s="96">
        <v>22</v>
      </c>
      <c r="AC30" s="96">
        <v>21</v>
      </c>
      <c r="AD30" s="96">
        <v>13</v>
      </c>
      <c r="AE30" s="96">
        <v>10</v>
      </c>
      <c r="AF30" s="96">
        <v>5</v>
      </c>
      <c r="AG30" s="97">
        <v>71</v>
      </c>
      <c r="AH30" s="99">
        <v>73</v>
      </c>
    </row>
    <row r="31" spans="1:34" ht="21" customHeight="1" x14ac:dyDescent="0.2">
      <c r="A31" s="17" t="s">
        <v>30</v>
      </c>
      <c r="B31" s="95">
        <v>1</v>
      </c>
      <c r="C31" s="96">
        <v>0</v>
      </c>
      <c r="D31" s="97">
        <v>1</v>
      </c>
      <c r="E31" s="98">
        <v>0</v>
      </c>
      <c r="F31" s="96">
        <v>33</v>
      </c>
      <c r="G31" s="96">
        <v>19</v>
      </c>
      <c r="H31" s="96">
        <v>23</v>
      </c>
      <c r="I31" s="96">
        <v>8</v>
      </c>
      <c r="J31" s="96">
        <v>2</v>
      </c>
      <c r="K31" s="97">
        <v>85</v>
      </c>
      <c r="L31" s="99">
        <v>86</v>
      </c>
      <c r="M31" s="100">
        <v>0</v>
      </c>
      <c r="N31" s="96">
        <v>0</v>
      </c>
      <c r="O31" s="97">
        <v>0</v>
      </c>
      <c r="P31" s="98">
        <v>0</v>
      </c>
      <c r="Q31" s="96">
        <v>1</v>
      </c>
      <c r="R31" s="96">
        <v>0</v>
      </c>
      <c r="S31" s="96">
        <v>0</v>
      </c>
      <c r="T31" s="96">
        <v>0</v>
      </c>
      <c r="U31" s="96">
        <v>0</v>
      </c>
      <c r="V31" s="97">
        <v>1</v>
      </c>
      <c r="W31" s="99">
        <v>1</v>
      </c>
      <c r="X31" s="100">
        <v>1</v>
      </c>
      <c r="Y31" s="96">
        <v>0</v>
      </c>
      <c r="Z31" s="97">
        <v>1</v>
      </c>
      <c r="AA31" s="98">
        <v>0</v>
      </c>
      <c r="AB31" s="96">
        <v>34</v>
      </c>
      <c r="AC31" s="96">
        <v>19</v>
      </c>
      <c r="AD31" s="96">
        <v>23</v>
      </c>
      <c r="AE31" s="96">
        <v>8</v>
      </c>
      <c r="AF31" s="96">
        <v>2</v>
      </c>
      <c r="AG31" s="97">
        <v>86</v>
      </c>
      <c r="AH31" s="99">
        <v>87</v>
      </c>
    </row>
    <row r="32" spans="1:34" ht="21" customHeight="1" x14ac:dyDescent="0.2">
      <c r="A32" s="17" t="s">
        <v>31</v>
      </c>
      <c r="B32" s="95">
        <v>0</v>
      </c>
      <c r="C32" s="96">
        <v>1</v>
      </c>
      <c r="D32" s="97">
        <v>1</v>
      </c>
      <c r="E32" s="98">
        <v>0</v>
      </c>
      <c r="F32" s="96">
        <v>41</v>
      </c>
      <c r="G32" s="96">
        <v>43</v>
      </c>
      <c r="H32" s="96">
        <v>27</v>
      </c>
      <c r="I32" s="96">
        <v>11</v>
      </c>
      <c r="J32" s="96">
        <v>7</v>
      </c>
      <c r="K32" s="97">
        <v>129</v>
      </c>
      <c r="L32" s="99">
        <v>130</v>
      </c>
      <c r="M32" s="100">
        <v>0</v>
      </c>
      <c r="N32" s="96">
        <v>0</v>
      </c>
      <c r="O32" s="97">
        <v>0</v>
      </c>
      <c r="P32" s="98">
        <v>0</v>
      </c>
      <c r="Q32" s="96">
        <v>0</v>
      </c>
      <c r="R32" s="96">
        <v>0</v>
      </c>
      <c r="S32" s="96">
        <v>1</v>
      </c>
      <c r="T32" s="96">
        <v>1</v>
      </c>
      <c r="U32" s="96">
        <v>0</v>
      </c>
      <c r="V32" s="97">
        <v>2</v>
      </c>
      <c r="W32" s="99">
        <v>2</v>
      </c>
      <c r="X32" s="100">
        <v>0</v>
      </c>
      <c r="Y32" s="96">
        <v>1</v>
      </c>
      <c r="Z32" s="97">
        <v>1</v>
      </c>
      <c r="AA32" s="98">
        <v>0</v>
      </c>
      <c r="AB32" s="96">
        <v>41</v>
      </c>
      <c r="AC32" s="96">
        <v>43</v>
      </c>
      <c r="AD32" s="96">
        <v>28</v>
      </c>
      <c r="AE32" s="96">
        <v>12</v>
      </c>
      <c r="AF32" s="96">
        <v>7</v>
      </c>
      <c r="AG32" s="97">
        <v>131</v>
      </c>
      <c r="AH32" s="99">
        <v>132</v>
      </c>
    </row>
    <row r="33" spans="1:34" ht="21" customHeight="1" x14ac:dyDescent="0.2">
      <c r="A33" s="17" t="s">
        <v>32</v>
      </c>
      <c r="B33" s="95">
        <v>0</v>
      </c>
      <c r="C33" s="96">
        <v>0</v>
      </c>
      <c r="D33" s="97">
        <v>0</v>
      </c>
      <c r="E33" s="98">
        <v>0</v>
      </c>
      <c r="F33" s="96">
        <v>50</v>
      </c>
      <c r="G33" s="96">
        <v>35</v>
      </c>
      <c r="H33" s="96">
        <v>31</v>
      </c>
      <c r="I33" s="96">
        <v>25</v>
      </c>
      <c r="J33" s="96">
        <v>10</v>
      </c>
      <c r="K33" s="97">
        <v>151</v>
      </c>
      <c r="L33" s="99">
        <v>151</v>
      </c>
      <c r="M33" s="100">
        <v>0</v>
      </c>
      <c r="N33" s="96">
        <v>0</v>
      </c>
      <c r="O33" s="97">
        <v>0</v>
      </c>
      <c r="P33" s="98">
        <v>0</v>
      </c>
      <c r="Q33" s="96">
        <v>2</v>
      </c>
      <c r="R33" s="96">
        <v>1</v>
      </c>
      <c r="S33" s="96">
        <v>0</v>
      </c>
      <c r="T33" s="96">
        <v>1</v>
      </c>
      <c r="U33" s="96">
        <v>0</v>
      </c>
      <c r="V33" s="97">
        <v>4</v>
      </c>
      <c r="W33" s="99">
        <v>4</v>
      </c>
      <c r="X33" s="100">
        <v>0</v>
      </c>
      <c r="Y33" s="96">
        <v>0</v>
      </c>
      <c r="Z33" s="97">
        <v>0</v>
      </c>
      <c r="AA33" s="98">
        <v>0</v>
      </c>
      <c r="AB33" s="96">
        <v>52</v>
      </c>
      <c r="AC33" s="96">
        <v>36</v>
      </c>
      <c r="AD33" s="96">
        <v>31</v>
      </c>
      <c r="AE33" s="96">
        <v>26</v>
      </c>
      <c r="AF33" s="96">
        <v>10</v>
      </c>
      <c r="AG33" s="97">
        <v>155</v>
      </c>
      <c r="AH33" s="99">
        <v>155</v>
      </c>
    </row>
    <row r="34" spans="1:34" ht="21" customHeight="1" x14ac:dyDescent="0.2">
      <c r="A34" s="17" t="s">
        <v>33</v>
      </c>
      <c r="B34" s="95">
        <v>0</v>
      </c>
      <c r="C34" s="96">
        <v>2</v>
      </c>
      <c r="D34" s="97">
        <v>2</v>
      </c>
      <c r="E34" s="98">
        <v>0</v>
      </c>
      <c r="F34" s="96">
        <v>41</v>
      </c>
      <c r="G34" s="96">
        <v>26</v>
      </c>
      <c r="H34" s="96">
        <v>24</v>
      </c>
      <c r="I34" s="96">
        <v>8</v>
      </c>
      <c r="J34" s="96">
        <v>4</v>
      </c>
      <c r="K34" s="97">
        <v>103</v>
      </c>
      <c r="L34" s="99">
        <v>105</v>
      </c>
      <c r="M34" s="100">
        <v>0</v>
      </c>
      <c r="N34" s="96">
        <v>0</v>
      </c>
      <c r="O34" s="97">
        <v>0</v>
      </c>
      <c r="P34" s="98">
        <v>0</v>
      </c>
      <c r="Q34" s="96">
        <v>0</v>
      </c>
      <c r="R34" s="96">
        <v>0</v>
      </c>
      <c r="S34" s="96">
        <v>0</v>
      </c>
      <c r="T34" s="96">
        <v>0</v>
      </c>
      <c r="U34" s="96">
        <v>0</v>
      </c>
      <c r="V34" s="97">
        <v>0</v>
      </c>
      <c r="W34" s="99">
        <v>0</v>
      </c>
      <c r="X34" s="100">
        <v>0</v>
      </c>
      <c r="Y34" s="96">
        <v>2</v>
      </c>
      <c r="Z34" s="97">
        <v>2</v>
      </c>
      <c r="AA34" s="98">
        <v>0</v>
      </c>
      <c r="AB34" s="96">
        <v>41</v>
      </c>
      <c r="AC34" s="96">
        <v>26</v>
      </c>
      <c r="AD34" s="96">
        <v>24</v>
      </c>
      <c r="AE34" s="96">
        <v>8</v>
      </c>
      <c r="AF34" s="96">
        <v>4</v>
      </c>
      <c r="AG34" s="97">
        <v>103</v>
      </c>
      <c r="AH34" s="99">
        <v>105</v>
      </c>
    </row>
    <row r="35" spans="1:34" ht="21" customHeight="1" x14ac:dyDescent="0.2">
      <c r="A35" s="17" t="s">
        <v>34</v>
      </c>
      <c r="B35" s="95">
        <v>3</v>
      </c>
      <c r="C35" s="96">
        <v>1</v>
      </c>
      <c r="D35" s="97">
        <v>4</v>
      </c>
      <c r="E35" s="98">
        <v>0</v>
      </c>
      <c r="F35" s="96">
        <v>32</v>
      </c>
      <c r="G35" s="96">
        <v>21</v>
      </c>
      <c r="H35" s="96">
        <v>12</v>
      </c>
      <c r="I35" s="96">
        <v>10</v>
      </c>
      <c r="J35" s="96">
        <v>6</v>
      </c>
      <c r="K35" s="97">
        <v>81</v>
      </c>
      <c r="L35" s="99">
        <v>85</v>
      </c>
      <c r="M35" s="100">
        <v>0</v>
      </c>
      <c r="N35" s="96">
        <v>0</v>
      </c>
      <c r="O35" s="97">
        <v>0</v>
      </c>
      <c r="P35" s="98">
        <v>0</v>
      </c>
      <c r="Q35" s="96">
        <v>0</v>
      </c>
      <c r="R35" s="96">
        <v>1</v>
      </c>
      <c r="S35" s="96">
        <v>1</v>
      </c>
      <c r="T35" s="96">
        <v>0</v>
      </c>
      <c r="U35" s="96">
        <v>0</v>
      </c>
      <c r="V35" s="97">
        <v>2</v>
      </c>
      <c r="W35" s="99">
        <v>2</v>
      </c>
      <c r="X35" s="100">
        <v>3</v>
      </c>
      <c r="Y35" s="96">
        <v>1</v>
      </c>
      <c r="Z35" s="97">
        <v>4</v>
      </c>
      <c r="AA35" s="98">
        <v>0</v>
      </c>
      <c r="AB35" s="96">
        <v>32</v>
      </c>
      <c r="AC35" s="96">
        <v>22</v>
      </c>
      <c r="AD35" s="96">
        <v>13</v>
      </c>
      <c r="AE35" s="96">
        <v>10</v>
      </c>
      <c r="AF35" s="96">
        <v>6</v>
      </c>
      <c r="AG35" s="97">
        <v>83</v>
      </c>
      <c r="AH35" s="99">
        <v>87</v>
      </c>
    </row>
    <row r="36" spans="1:34" ht="21" customHeight="1" x14ac:dyDescent="0.2">
      <c r="A36" s="17" t="s">
        <v>35</v>
      </c>
      <c r="B36" s="95">
        <v>0</v>
      </c>
      <c r="C36" s="96">
        <v>3</v>
      </c>
      <c r="D36" s="97">
        <v>3</v>
      </c>
      <c r="E36" s="98">
        <v>0</v>
      </c>
      <c r="F36" s="96">
        <v>42</v>
      </c>
      <c r="G36" s="96">
        <v>39</v>
      </c>
      <c r="H36" s="96">
        <v>35</v>
      </c>
      <c r="I36" s="96">
        <v>25</v>
      </c>
      <c r="J36" s="96">
        <v>8</v>
      </c>
      <c r="K36" s="97">
        <v>149</v>
      </c>
      <c r="L36" s="99">
        <v>152</v>
      </c>
      <c r="M36" s="100">
        <v>0</v>
      </c>
      <c r="N36" s="96">
        <v>0</v>
      </c>
      <c r="O36" s="97">
        <v>0</v>
      </c>
      <c r="P36" s="98">
        <v>0</v>
      </c>
      <c r="Q36" s="96">
        <v>0</v>
      </c>
      <c r="R36" s="96">
        <v>1</v>
      </c>
      <c r="S36" s="96">
        <v>0</v>
      </c>
      <c r="T36" s="96">
        <v>0</v>
      </c>
      <c r="U36" s="96">
        <v>0</v>
      </c>
      <c r="V36" s="97">
        <v>1</v>
      </c>
      <c r="W36" s="99">
        <v>1</v>
      </c>
      <c r="X36" s="100">
        <v>0</v>
      </c>
      <c r="Y36" s="96">
        <v>3</v>
      </c>
      <c r="Z36" s="97">
        <v>3</v>
      </c>
      <c r="AA36" s="98">
        <v>0</v>
      </c>
      <c r="AB36" s="96">
        <v>42</v>
      </c>
      <c r="AC36" s="96">
        <v>40</v>
      </c>
      <c r="AD36" s="96">
        <v>35</v>
      </c>
      <c r="AE36" s="96">
        <v>25</v>
      </c>
      <c r="AF36" s="96">
        <v>8</v>
      </c>
      <c r="AG36" s="97">
        <v>150</v>
      </c>
      <c r="AH36" s="99">
        <v>153</v>
      </c>
    </row>
    <row r="37" spans="1:34" ht="21" customHeight="1" x14ac:dyDescent="0.2">
      <c r="A37" s="17" t="s">
        <v>36</v>
      </c>
      <c r="B37" s="95">
        <v>1</v>
      </c>
      <c r="C37" s="96">
        <v>1</v>
      </c>
      <c r="D37" s="97">
        <v>2</v>
      </c>
      <c r="E37" s="98">
        <v>0</v>
      </c>
      <c r="F37" s="96">
        <v>79</v>
      </c>
      <c r="G37" s="96">
        <v>66</v>
      </c>
      <c r="H37" s="96">
        <v>43</v>
      </c>
      <c r="I37" s="96">
        <v>24</v>
      </c>
      <c r="J37" s="96">
        <v>16</v>
      </c>
      <c r="K37" s="97">
        <v>228</v>
      </c>
      <c r="L37" s="99">
        <v>230</v>
      </c>
      <c r="M37" s="100">
        <v>0</v>
      </c>
      <c r="N37" s="96">
        <v>0</v>
      </c>
      <c r="O37" s="97">
        <v>0</v>
      </c>
      <c r="P37" s="98">
        <v>0</v>
      </c>
      <c r="Q37" s="96">
        <v>0</v>
      </c>
      <c r="R37" s="96">
        <v>1</v>
      </c>
      <c r="S37" s="96">
        <v>2</v>
      </c>
      <c r="T37" s="96">
        <v>0</v>
      </c>
      <c r="U37" s="96">
        <v>1</v>
      </c>
      <c r="V37" s="97">
        <v>4</v>
      </c>
      <c r="W37" s="99">
        <v>4</v>
      </c>
      <c r="X37" s="100">
        <v>1</v>
      </c>
      <c r="Y37" s="96">
        <v>1</v>
      </c>
      <c r="Z37" s="97">
        <v>2</v>
      </c>
      <c r="AA37" s="98">
        <v>0</v>
      </c>
      <c r="AB37" s="96">
        <v>79</v>
      </c>
      <c r="AC37" s="96">
        <v>67</v>
      </c>
      <c r="AD37" s="96">
        <v>45</v>
      </c>
      <c r="AE37" s="96">
        <v>24</v>
      </c>
      <c r="AF37" s="96">
        <v>17</v>
      </c>
      <c r="AG37" s="97">
        <v>232</v>
      </c>
      <c r="AH37" s="99">
        <v>234</v>
      </c>
    </row>
    <row r="38" spans="1:34" ht="21" customHeight="1" thickBot="1" x14ac:dyDescent="0.25">
      <c r="A38" s="18" t="s">
        <v>37</v>
      </c>
      <c r="B38" s="101">
        <v>0</v>
      </c>
      <c r="C38" s="102">
        <v>0</v>
      </c>
      <c r="D38" s="103">
        <v>0</v>
      </c>
      <c r="E38" s="104">
        <v>0</v>
      </c>
      <c r="F38" s="102">
        <v>15</v>
      </c>
      <c r="G38" s="102">
        <v>14</v>
      </c>
      <c r="H38" s="102">
        <v>7</v>
      </c>
      <c r="I38" s="102">
        <v>1</v>
      </c>
      <c r="J38" s="102">
        <v>3</v>
      </c>
      <c r="K38" s="103">
        <v>40</v>
      </c>
      <c r="L38" s="105">
        <v>40</v>
      </c>
      <c r="M38" s="106">
        <v>0</v>
      </c>
      <c r="N38" s="102">
        <v>0</v>
      </c>
      <c r="O38" s="103">
        <v>0</v>
      </c>
      <c r="P38" s="104">
        <v>0</v>
      </c>
      <c r="Q38" s="102">
        <v>0</v>
      </c>
      <c r="R38" s="102">
        <v>0</v>
      </c>
      <c r="S38" s="102">
        <v>0</v>
      </c>
      <c r="T38" s="102">
        <v>1</v>
      </c>
      <c r="U38" s="102">
        <v>0</v>
      </c>
      <c r="V38" s="103">
        <v>1</v>
      </c>
      <c r="W38" s="105">
        <v>1</v>
      </c>
      <c r="X38" s="106">
        <v>0</v>
      </c>
      <c r="Y38" s="102">
        <v>0</v>
      </c>
      <c r="Z38" s="103">
        <v>0</v>
      </c>
      <c r="AA38" s="104">
        <v>0</v>
      </c>
      <c r="AB38" s="102">
        <v>15</v>
      </c>
      <c r="AC38" s="102">
        <v>14</v>
      </c>
      <c r="AD38" s="102">
        <v>7</v>
      </c>
      <c r="AE38" s="102">
        <v>2</v>
      </c>
      <c r="AF38" s="102">
        <v>3</v>
      </c>
      <c r="AG38" s="103">
        <v>41</v>
      </c>
      <c r="AH38" s="105">
        <v>41</v>
      </c>
    </row>
    <row r="39" spans="1:34" x14ac:dyDescent="0.2">
      <c r="Z39" s="3"/>
      <c r="AA39" s="3"/>
      <c r="AB39" s="3"/>
      <c r="AC39" s="3"/>
      <c r="AD39" s="3"/>
      <c r="AE39" s="3"/>
      <c r="AF39" s="3"/>
      <c r="AG39" s="3"/>
      <c r="AH39" s="3"/>
    </row>
  </sheetData>
  <mergeCells count="5">
    <mergeCell ref="G1:H1"/>
    <mergeCell ref="J1:K1"/>
    <mergeCell ref="B3:L3"/>
    <mergeCell ref="M3:W3"/>
    <mergeCell ref="X3:AH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171"/>
    <col min="4" max="4" width="10.33203125" style="171" customWidth="1"/>
    <col min="5" max="5" width="7.6640625" style="171" customWidth="1"/>
    <col min="6" max="6" width="8.44140625" style="171" customWidth="1"/>
    <col min="7" max="7" width="8.77734375" style="171" customWidth="1"/>
    <col min="8" max="15" width="9" style="171"/>
    <col min="16" max="16" width="7.21875" style="171" customWidth="1"/>
    <col min="17" max="26" width="9" style="171"/>
    <col min="27" max="27" width="7.6640625" style="171" customWidth="1"/>
    <col min="28" max="37" width="9" style="171"/>
    <col min="38" max="38" width="7.6640625" style="171" customWidth="1"/>
    <col min="39" max="48" width="9" style="171"/>
    <col min="49" max="49" width="7.6640625" style="171" customWidth="1"/>
    <col min="50" max="59" width="9" style="171"/>
    <col min="60" max="60" width="7.21875" style="171" customWidth="1"/>
    <col min="61" max="70" width="9" style="171"/>
    <col min="71" max="71" width="7.21875" style="171" customWidth="1"/>
    <col min="72" max="81" width="9" style="171"/>
    <col min="82" max="82" width="7.33203125" style="171" customWidth="1"/>
    <col min="83" max="92" width="9" style="171"/>
    <col min="93" max="93" width="7.44140625" style="171" customWidth="1"/>
    <col min="94" max="16384" width="9" style="171"/>
  </cols>
  <sheetData>
    <row r="1" spans="1:100" ht="22.5" customHeight="1" x14ac:dyDescent="0.2">
      <c r="A1" s="206" t="s">
        <v>124</v>
      </c>
      <c r="H1" s="487">
        <f>第１表!F2</f>
        <v>4</v>
      </c>
      <c r="I1" s="487"/>
      <c r="J1" s="163">
        <f>第１表!G2</f>
        <v>1</v>
      </c>
      <c r="K1" s="488">
        <f>IF(J1&lt;3,J1+12-2,J1-2)</f>
        <v>11</v>
      </c>
      <c r="L1" s="488"/>
    </row>
    <row r="2" spans="1:100" s="207" customFormat="1" ht="21" customHeight="1" thickBot="1" x14ac:dyDescent="0.25">
      <c r="A2" s="206" t="s">
        <v>133</v>
      </c>
    </row>
    <row r="3" spans="1:100" ht="23.25" customHeight="1" thickBot="1" x14ac:dyDescent="0.25">
      <c r="A3" s="501"/>
      <c r="B3" s="492" t="s">
        <v>114</v>
      </c>
      <c r="C3" s="493"/>
      <c r="D3" s="493"/>
      <c r="E3" s="493"/>
      <c r="F3" s="493"/>
      <c r="G3" s="493"/>
      <c r="H3" s="493"/>
      <c r="I3" s="493"/>
      <c r="J3" s="493"/>
      <c r="K3" s="493"/>
      <c r="L3" s="494"/>
      <c r="M3" s="492" t="s">
        <v>115</v>
      </c>
      <c r="N3" s="493"/>
      <c r="O3" s="493"/>
      <c r="P3" s="493"/>
      <c r="Q3" s="493"/>
      <c r="R3" s="493"/>
      <c r="S3" s="493"/>
      <c r="T3" s="493"/>
      <c r="U3" s="493"/>
      <c r="V3" s="493"/>
      <c r="W3" s="494"/>
      <c r="X3" s="492" t="s">
        <v>142</v>
      </c>
      <c r="Y3" s="493"/>
      <c r="Z3" s="493"/>
      <c r="AA3" s="493"/>
      <c r="AB3" s="493"/>
      <c r="AC3" s="493"/>
      <c r="AD3" s="493"/>
      <c r="AE3" s="493"/>
      <c r="AF3" s="493"/>
      <c r="AG3" s="493"/>
      <c r="AH3" s="494"/>
      <c r="AI3" s="492" t="s">
        <v>90</v>
      </c>
      <c r="AJ3" s="493"/>
      <c r="AK3" s="493"/>
      <c r="AL3" s="493"/>
      <c r="AM3" s="493"/>
      <c r="AN3" s="493"/>
      <c r="AO3" s="493"/>
      <c r="AP3" s="493"/>
      <c r="AQ3" s="493"/>
      <c r="AR3" s="493"/>
      <c r="AS3" s="494"/>
      <c r="AT3" s="505" t="s">
        <v>89</v>
      </c>
      <c r="AU3" s="506"/>
      <c r="AV3" s="506"/>
      <c r="AW3" s="506"/>
      <c r="AX3" s="506"/>
      <c r="AY3" s="506"/>
      <c r="AZ3" s="506"/>
      <c r="BA3" s="506"/>
      <c r="BB3" s="506"/>
      <c r="BC3" s="506"/>
      <c r="BD3" s="507"/>
      <c r="BE3" s="505" t="s">
        <v>91</v>
      </c>
      <c r="BF3" s="506"/>
      <c r="BG3" s="506"/>
      <c r="BH3" s="506"/>
      <c r="BI3" s="506"/>
      <c r="BJ3" s="506"/>
      <c r="BK3" s="506"/>
      <c r="BL3" s="506"/>
      <c r="BM3" s="506"/>
      <c r="BN3" s="506"/>
      <c r="BO3" s="507"/>
      <c r="BP3" s="505" t="s">
        <v>92</v>
      </c>
      <c r="BQ3" s="506"/>
      <c r="BR3" s="506"/>
      <c r="BS3" s="506"/>
      <c r="BT3" s="506"/>
      <c r="BU3" s="506"/>
      <c r="BV3" s="506"/>
      <c r="BW3" s="506"/>
      <c r="BX3" s="506"/>
      <c r="BY3" s="506"/>
      <c r="BZ3" s="507"/>
      <c r="CA3" s="505" t="s">
        <v>93</v>
      </c>
      <c r="CB3" s="506"/>
      <c r="CC3" s="506"/>
      <c r="CD3" s="506"/>
      <c r="CE3" s="506"/>
      <c r="CF3" s="506"/>
      <c r="CG3" s="506"/>
      <c r="CH3" s="506"/>
      <c r="CI3" s="506"/>
      <c r="CJ3" s="506"/>
      <c r="CK3" s="507"/>
      <c r="CL3" s="506" t="s">
        <v>141</v>
      </c>
      <c r="CM3" s="506"/>
      <c r="CN3" s="506"/>
      <c r="CO3" s="506"/>
      <c r="CP3" s="506"/>
      <c r="CQ3" s="506"/>
      <c r="CR3" s="506"/>
      <c r="CS3" s="506"/>
      <c r="CT3" s="506"/>
      <c r="CU3" s="506"/>
      <c r="CV3" s="507"/>
    </row>
    <row r="4" spans="1:100" ht="22.5" customHeight="1" x14ac:dyDescent="0.2">
      <c r="A4" s="502"/>
      <c r="B4" s="500" t="s">
        <v>61</v>
      </c>
      <c r="C4" s="496"/>
      <c r="D4" s="497"/>
      <c r="E4" s="495" t="s">
        <v>62</v>
      </c>
      <c r="F4" s="496"/>
      <c r="G4" s="496"/>
      <c r="H4" s="496"/>
      <c r="I4" s="496"/>
      <c r="J4" s="496"/>
      <c r="K4" s="504"/>
      <c r="L4" s="498" t="s">
        <v>52</v>
      </c>
      <c r="M4" s="500" t="s">
        <v>61</v>
      </c>
      <c r="N4" s="496"/>
      <c r="O4" s="497"/>
      <c r="P4" s="495" t="s">
        <v>62</v>
      </c>
      <c r="Q4" s="496"/>
      <c r="R4" s="496"/>
      <c r="S4" s="496"/>
      <c r="T4" s="496"/>
      <c r="U4" s="496"/>
      <c r="V4" s="497"/>
      <c r="W4" s="498" t="s">
        <v>52</v>
      </c>
      <c r="X4" s="500" t="s">
        <v>61</v>
      </c>
      <c r="Y4" s="496"/>
      <c r="Z4" s="497"/>
      <c r="AA4" s="495" t="s">
        <v>62</v>
      </c>
      <c r="AB4" s="496"/>
      <c r="AC4" s="496"/>
      <c r="AD4" s="496"/>
      <c r="AE4" s="496"/>
      <c r="AF4" s="496"/>
      <c r="AG4" s="497"/>
      <c r="AH4" s="498" t="s">
        <v>52</v>
      </c>
      <c r="AI4" s="500" t="s">
        <v>61</v>
      </c>
      <c r="AJ4" s="496"/>
      <c r="AK4" s="497"/>
      <c r="AL4" s="495" t="s">
        <v>62</v>
      </c>
      <c r="AM4" s="496"/>
      <c r="AN4" s="496"/>
      <c r="AO4" s="496"/>
      <c r="AP4" s="496"/>
      <c r="AQ4" s="496"/>
      <c r="AR4" s="497"/>
      <c r="AS4" s="498" t="s">
        <v>52</v>
      </c>
      <c r="AT4" s="523" t="s">
        <v>61</v>
      </c>
      <c r="AU4" s="521"/>
      <c r="AV4" s="522"/>
      <c r="AW4" s="520" t="s">
        <v>62</v>
      </c>
      <c r="AX4" s="521"/>
      <c r="AY4" s="521"/>
      <c r="AZ4" s="521"/>
      <c r="BA4" s="521"/>
      <c r="BB4" s="521"/>
      <c r="BC4" s="522"/>
      <c r="BD4" s="518" t="s">
        <v>52</v>
      </c>
      <c r="BE4" s="523" t="s">
        <v>61</v>
      </c>
      <c r="BF4" s="521"/>
      <c r="BG4" s="522"/>
      <c r="BH4" s="520" t="s">
        <v>62</v>
      </c>
      <c r="BI4" s="521"/>
      <c r="BJ4" s="521"/>
      <c r="BK4" s="521"/>
      <c r="BL4" s="521"/>
      <c r="BM4" s="521"/>
      <c r="BN4" s="522"/>
      <c r="BO4" s="518" t="s">
        <v>52</v>
      </c>
      <c r="BP4" s="523" t="s">
        <v>61</v>
      </c>
      <c r="BQ4" s="521"/>
      <c r="BR4" s="522"/>
      <c r="BS4" s="520" t="s">
        <v>62</v>
      </c>
      <c r="BT4" s="521"/>
      <c r="BU4" s="521"/>
      <c r="BV4" s="521"/>
      <c r="BW4" s="521"/>
      <c r="BX4" s="521"/>
      <c r="BY4" s="522"/>
      <c r="BZ4" s="518" t="s">
        <v>52</v>
      </c>
      <c r="CA4" s="523" t="s">
        <v>61</v>
      </c>
      <c r="CB4" s="521"/>
      <c r="CC4" s="522"/>
      <c r="CD4" s="520" t="s">
        <v>62</v>
      </c>
      <c r="CE4" s="521"/>
      <c r="CF4" s="521"/>
      <c r="CG4" s="521"/>
      <c r="CH4" s="521"/>
      <c r="CI4" s="521"/>
      <c r="CJ4" s="522"/>
      <c r="CK4" s="518" t="s">
        <v>52</v>
      </c>
      <c r="CL4" s="523" t="s">
        <v>61</v>
      </c>
      <c r="CM4" s="521"/>
      <c r="CN4" s="522"/>
      <c r="CO4" s="520" t="s">
        <v>62</v>
      </c>
      <c r="CP4" s="521"/>
      <c r="CQ4" s="521"/>
      <c r="CR4" s="521"/>
      <c r="CS4" s="521"/>
      <c r="CT4" s="521"/>
      <c r="CU4" s="522"/>
      <c r="CV4" s="518" t="s">
        <v>52</v>
      </c>
    </row>
    <row r="5" spans="1:100" ht="34.5" customHeight="1" thickBot="1" x14ac:dyDescent="0.25">
      <c r="A5" s="503"/>
      <c r="B5" s="179" t="s">
        <v>43</v>
      </c>
      <c r="C5" s="181" t="s">
        <v>44</v>
      </c>
      <c r="D5" s="182" t="s">
        <v>45</v>
      </c>
      <c r="E5" s="183" t="s">
        <v>83</v>
      </c>
      <c r="F5" s="175" t="s">
        <v>47</v>
      </c>
      <c r="G5" s="175" t="s">
        <v>48</v>
      </c>
      <c r="H5" s="175" t="s">
        <v>49</v>
      </c>
      <c r="I5" s="175" t="s">
        <v>50</v>
      </c>
      <c r="J5" s="175" t="s">
        <v>51</v>
      </c>
      <c r="K5" s="184" t="s">
        <v>45</v>
      </c>
      <c r="L5" s="499"/>
      <c r="M5" s="179" t="s">
        <v>43</v>
      </c>
      <c r="N5" s="175" t="s">
        <v>44</v>
      </c>
      <c r="O5" s="181" t="s">
        <v>45</v>
      </c>
      <c r="P5" s="183" t="s">
        <v>83</v>
      </c>
      <c r="Q5" s="175" t="s">
        <v>47</v>
      </c>
      <c r="R5" s="175" t="s">
        <v>48</v>
      </c>
      <c r="S5" s="175" t="s">
        <v>49</v>
      </c>
      <c r="T5" s="175" t="s">
        <v>50</v>
      </c>
      <c r="U5" s="175" t="s">
        <v>51</v>
      </c>
      <c r="V5" s="181" t="s">
        <v>45</v>
      </c>
      <c r="W5" s="499"/>
      <c r="X5" s="179" t="s">
        <v>43</v>
      </c>
      <c r="Y5" s="175" t="s">
        <v>44</v>
      </c>
      <c r="Z5" s="181" t="s">
        <v>45</v>
      </c>
      <c r="AA5" s="183" t="s">
        <v>83</v>
      </c>
      <c r="AB5" s="175" t="s">
        <v>47</v>
      </c>
      <c r="AC5" s="175" t="s">
        <v>48</v>
      </c>
      <c r="AD5" s="175" t="s">
        <v>49</v>
      </c>
      <c r="AE5" s="175" t="s">
        <v>50</v>
      </c>
      <c r="AF5" s="175" t="s">
        <v>51</v>
      </c>
      <c r="AG5" s="181" t="s">
        <v>45</v>
      </c>
      <c r="AH5" s="499"/>
      <c r="AI5" s="224" t="s">
        <v>43</v>
      </c>
      <c r="AJ5" s="175" t="s">
        <v>44</v>
      </c>
      <c r="AK5" s="181" t="s">
        <v>45</v>
      </c>
      <c r="AL5" s="183" t="s">
        <v>83</v>
      </c>
      <c r="AM5" s="175" t="s">
        <v>47</v>
      </c>
      <c r="AN5" s="175" t="s">
        <v>48</v>
      </c>
      <c r="AO5" s="175" t="s">
        <v>49</v>
      </c>
      <c r="AP5" s="175" t="s">
        <v>50</v>
      </c>
      <c r="AQ5" s="175" t="s">
        <v>51</v>
      </c>
      <c r="AR5" s="181" t="s">
        <v>45</v>
      </c>
      <c r="AS5" s="499"/>
      <c r="AT5" s="224" t="s">
        <v>43</v>
      </c>
      <c r="AU5" s="175" t="s">
        <v>44</v>
      </c>
      <c r="AV5" s="181" t="s">
        <v>45</v>
      </c>
      <c r="AW5" s="183" t="s">
        <v>83</v>
      </c>
      <c r="AX5" s="175" t="s">
        <v>47</v>
      </c>
      <c r="AY5" s="175" t="s">
        <v>48</v>
      </c>
      <c r="AZ5" s="175" t="s">
        <v>49</v>
      </c>
      <c r="BA5" s="175" t="s">
        <v>50</v>
      </c>
      <c r="BB5" s="175" t="s">
        <v>51</v>
      </c>
      <c r="BC5" s="181" t="s">
        <v>45</v>
      </c>
      <c r="BD5" s="519"/>
      <c r="BE5" s="224" t="s">
        <v>43</v>
      </c>
      <c r="BF5" s="175" t="s">
        <v>44</v>
      </c>
      <c r="BG5" s="181" t="s">
        <v>45</v>
      </c>
      <c r="BH5" s="183" t="s">
        <v>83</v>
      </c>
      <c r="BI5" s="175" t="s">
        <v>47</v>
      </c>
      <c r="BJ5" s="175" t="s">
        <v>48</v>
      </c>
      <c r="BK5" s="175" t="s">
        <v>49</v>
      </c>
      <c r="BL5" s="175" t="s">
        <v>50</v>
      </c>
      <c r="BM5" s="175" t="s">
        <v>51</v>
      </c>
      <c r="BN5" s="181" t="s">
        <v>45</v>
      </c>
      <c r="BO5" s="519"/>
      <c r="BP5" s="224" t="s">
        <v>43</v>
      </c>
      <c r="BQ5" s="175" t="s">
        <v>44</v>
      </c>
      <c r="BR5" s="181" t="s">
        <v>45</v>
      </c>
      <c r="BS5" s="183" t="s">
        <v>83</v>
      </c>
      <c r="BT5" s="175" t="s">
        <v>47</v>
      </c>
      <c r="BU5" s="175" t="s">
        <v>48</v>
      </c>
      <c r="BV5" s="175" t="s">
        <v>49</v>
      </c>
      <c r="BW5" s="175" t="s">
        <v>50</v>
      </c>
      <c r="BX5" s="175" t="s">
        <v>51</v>
      </c>
      <c r="BY5" s="181" t="s">
        <v>45</v>
      </c>
      <c r="BZ5" s="519"/>
      <c r="CA5" s="224" t="s">
        <v>43</v>
      </c>
      <c r="CB5" s="175" t="s">
        <v>44</v>
      </c>
      <c r="CC5" s="181" t="s">
        <v>45</v>
      </c>
      <c r="CD5" s="183" t="s">
        <v>83</v>
      </c>
      <c r="CE5" s="175" t="s">
        <v>47</v>
      </c>
      <c r="CF5" s="175" t="s">
        <v>48</v>
      </c>
      <c r="CG5" s="175" t="s">
        <v>49</v>
      </c>
      <c r="CH5" s="175" t="s">
        <v>50</v>
      </c>
      <c r="CI5" s="175" t="s">
        <v>51</v>
      </c>
      <c r="CJ5" s="181" t="s">
        <v>45</v>
      </c>
      <c r="CK5" s="519"/>
      <c r="CL5" s="224" t="s">
        <v>43</v>
      </c>
      <c r="CM5" s="175" t="s">
        <v>44</v>
      </c>
      <c r="CN5" s="181" t="s">
        <v>45</v>
      </c>
      <c r="CO5" s="183" t="s">
        <v>83</v>
      </c>
      <c r="CP5" s="175" t="s">
        <v>47</v>
      </c>
      <c r="CQ5" s="175" t="s">
        <v>48</v>
      </c>
      <c r="CR5" s="175" t="s">
        <v>49</v>
      </c>
      <c r="CS5" s="175" t="s">
        <v>50</v>
      </c>
      <c r="CT5" s="175" t="s">
        <v>51</v>
      </c>
      <c r="CU5" s="181" t="s">
        <v>45</v>
      </c>
      <c r="CV5" s="519"/>
    </row>
    <row r="6" spans="1:100" ht="21" customHeight="1" x14ac:dyDescent="0.2">
      <c r="A6" s="176" t="s">
        <v>4</v>
      </c>
      <c r="B6" s="185">
        <v>0</v>
      </c>
      <c r="C6" s="186">
        <v>0</v>
      </c>
      <c r="D6" s="187">
        <v>0</v>
      </c>
      <c r="E6" s="188">
        <v>0</v>
      </c>
      <c r="F6" s="189">
        <v>332</v>
      </c>
      <c r="G6" s="189">
        <v>391</v>
      </c>
      <c r="H6" s="189">
        <v>302</v>
      </c>
      <c r="I6" s="189">
        <v>386</v>
      </c>
      <c r="J6" s="189">
        <v>317</v>
      </c>
      <c r="K6" s="190">
        <v>1728</v>
      </c>
      <c r="L6" s="191">
        <v>1728</v>
      </c>
      <c r="M6" s="185">
        <v>0</v>
      </c>
      <c r="N6" s="189">
        <v>0</v>
      </c>
      <c r="O6" s="186">
        <v>0</v>
      </c>
      <c r="P6" s="188">
        <v>0</v>
      </c>
      <c r="Q6" s="189">
        <v>207</v>
      </c>
      <c r="R6" s="189">
        <v>597</v>
      </c>
      <c r="S6" s="189">
        <v>500</v>
      </c>
      <c r="T6" s="189">
        <v>464</v>
      </c>
      <c r="U6" s="189">
        <v>397</v>
      </c>
      <c r="V6" s="186">
        <v>2165</v>
      </c>
      <c r="W6" s="191">
        <v>2165</v>
      </c>
      <c r="X6" s="185">
        <v>0</v>
      </c>
      <c r="Y6" s="189">
        <v>0</v>
      </c>
      <c r="Z6" s="186">
        <v>0</v>
      </c>
      <c r="AA6" s="188">
        <v>0</v>
      </c>
      <c r="AB6" s="189">
        <v>13209</v>
      </c>
      <c r="AC6" s="189">
        <v>11945</v>
      </c>
      <c r="AD6" s="189">
        <v>5713</v>
      </c>
      <c r="AE6" s="189">
        <v>2929</v>
      </c>
      <c r="AF6" s="189">
        <v>1368</v>
      </c>
      <c r="AG6" s="186">
        <v>35164</v>
      </c>
      <c r="AH6" s="191">
        <v>35164</v>
      </c>
      <c r="AI6" s="185">
        <v>6</v>
      </c>
      <c r="AJ6" s="189">
        <v>7</v>
      </c>
      <c r="AK6" s="186">
        <v>13</v>
      </c>
      <c r="AL6" s="188">
        <v>0</v>
      </c>
      <c r="AM6" s="189">
        <v>832</v>
      </c>
      <c r="AN6" s="189">
        <v>953</v>
      </c>
      <c r="AO6" s="189">
        <v>1074</v>
      </c>
      <c r="AP6" s="189">
        <v>560</v>
      </c>
      <c r="AQ6" s="189">
        <v>494</v>
      </c>
      <c r="AR6" s="186">
        <v>3913</v>
      </c>
      <c r="AS6" s="191">
        <v>3926</v>
      </c>
      <c r="AT6" s="185">
        <v>191</v>
      </c>
      <c r="AU6" s="189">
        <v>283</v>
      </c>
      <c r="AV6" s="186">
        <v>474</v>
      </c>
      <c r="AW6" s="188">
        <v>0</v>
      </c>
      <c r="AX6" s="189">
        <v>1514</v>
      </c>
      <c r="AY6" s="189">
        <v>1593</v>
      </c>
      <c r="AZ6" s="189">
        <v>1297</v>
      </c>
      <c r="BA6" s="189">
        <v>921</v>
      </c>
      <c r="BB6" s="189">
        <v>497</v>
      </c>
      <c r="BC6" s="186">
        <v>5822</v>
      </c>
      <c r="BD6" s="191">
        <v>6296</v>
      </c>
      <c r="BE6" s="185">
        <v>0</v>
      </c>
      <c r="BF6" s="189">
        <v>47</v>
      </c>
      <c r="BG6" s="186">
        <v>47</v>
      </c>
      <c r="BH6" s="188">
        <v>0</v>
      </c>
      <c r="BI6" s="189">
        <v>2702</v>
      </c>
      <c r="BJ6" s="189">
        <v>3313</v>
      </c>
      <c r="BK6" s="189">
        <v>3409</v>
      </c>
      <c r="BL6" s="189">
        <v>2233</v>
      </c>
      <c r="BM6" s="189">
        <v>1482</v>
      </c>
      <c r="BN6" s="190">
        <v>13139</v>
      </c>
      <c r="BO6" s="191">
        <v>13186</v>
      </c>
      <c r="BP6" s="185">
        <v>0</v>
      </c>
      <c r="BQ6" s="189">
        <v>0</v>
      </c>
      <c r="BR6" s="186">
        <v>0</v>
      </c>
      <c r="BS6" s="188">
        <v>0</v>
      </c>
      <c r="BT6" s="189">
        <v>40</v>
      </c>
      <c r="BU6" s="189">
        <v>54</v>
      </c>
      <c r="BV6" s="189">
        <v>59</v>
      </c>
      <c r="BW6" s="189">
        <v>68</v>
      </c>
      <c r="BX6" s="189">
        <v>46</v>
      </c>
      <c r="BY6" s="186">
        <v>267</v>
      </c>
      <c r="BZ6" s="191">
        <v>267</v>
      </c>
      <c r="CA6" s="185">
        <v>0</v>
      </c>
      <c r="CB6" s="189">
        <v>0</v>
      </c>
      <c r="CC6" s="186">
        <v>0</v>
      </c>
      <c r="CD6" s="188">
        <v>0</v>
      </c>
      <c r="CE6" s="189">
        <v>12</v>
      </c>
      <c r="CF6" s="189">
        <v>22</v>
      </c>
      <c r="CG6" s="189">
        <v>251</v>
      </c>
      <c r="CH6" s="189">
        <v>289</v>
      </c>
      <c r="CI6" s="189">
        <v>213</v>
      </c>
      <c r="CJ6" s="186">
        <v>787</v>
      </c>
      <c r="CK6" s="191">
        <v>787</v>
      </c>
      <c r="CL6" s="185">
        <v>0</v>
      </c>
      <c r="CM6" s="189">
        <v>0</v>
      </c>
      <c r="CN6" s="186">
        <v>0</v>
      </c>
      <c r="CO6" s="188">
        <v>0</v>
      </c>
      <c r="CP6" s="189">
        <v>168</v>
      </c>
      <c r="CQ6" s="189">
        <v>232</v>
      </c>
      <c r="CR6" s="189">
        <v>272</v>
      </c>
      <c r="CS6" s="189">
        <v>278</v>
      </c>
      <c r="CT6" s="189">
        <v>360</v>
      </c>
      <c r="CU6" s="186">
        <v>1310</v>
      </c>
      <c r="CV6" s="191">
        <v>1310</v>
      </c>
    </row>
    <row r="7" spans="1:100" ht="21" customHeight="1" x14ac:dyDescent="0.2">
      <c r="A7" s="177" t="s">
        <v>5</v>
      </c>
      <c r="B7" s="192">
        <v>0</v>
      </c>
      <c r="C7" s="193">
        <v>0</v>
      </c>
      <c r="D7" s="194">
        <v>0</v>
      </c>
      <c r="E7" s="195">
        <v>0</v>
      </c>
      <c r="F7" s="196">
        <v>136</v>
      </c>
      <c r="G7" s="196">
        <v>188</v>
      </c>
      <c r="H7" s="196">
        <v>155</v>
      </c>
      <c r="I7" s="196">
        <v>198</v>
      </c>
      <c r="J7" s="196">
        <v>161</v>
      </c>
      <c r="K7" s="197">
        <v>838</v>
      </c>
      <c r="L7" s="198">
        <v>838</v>
      </c>
      <c r="M7" s="192">
        <v>0</v>
      </c>
      <c r="N7" s="196">
        <v>0</v>
      </c>
      <c r="O7" s="193">
        <v>0</v>
      </c>
      <c r="P7" s="195">
        <v>0</v>
      </c>
      <c r="Q7" s="196">
        <v>110</v>
      </c>
      <c r="R7" s="196">
        <v>461</v>
      </c>
      <c r="S7" s="196">
        <v>367</v>
      </c>
      <c r="T7" s="196">
        <v>343</v>
      </c>
      <c r="U7" s="196">
        <v>301</v>
      </c>
      <c r="V7" s="193">
        <v>1582</v>
      </c>
      <c r="W7" s="198">
        <v>1582</v>
      </c>
      <c r="X7" s="192">
        <v>0</v>
      </c>
      <c r="Y7" s="196">
        <v>0</v>
      </c>
      <c r="Z7" s="193">
        <v>0</v>
      </c>
      <c r="AA7" s="195">
        <v>0</v>
      </c>
      <c r="AB7" s="196">
        <v>4305</v>
      </c>
      <c r="AC7" s="196">
        <v>5532</v>
      </c>
      <c r="AD7" s="196">
        <v>2529</v>
      </c>
      <c r="AE7" s="196">
        <v>1285</v>
      </c>
      <c r="AF7" s="196">
        <v>607</v>
      </c>
      <c r="AG7" s="193">
        <v>14258</v>
      </c>
      <c r="AH7" s="198">
        <v>14258</v>
      </c>
      <c r="AI7" s="192">
        <v>2</v>
      </c>
      <c r="AJ7" s="196">
        <v>1</v>
      </c>
      <c r="AK7" s="193">
        <v>3</v>
      </c>
      <c r="AL7" s="195">
        <v>0</v>
      </c>
      <c r="AM7" s="196">
        <v>373</v>
      </c>
      <c r="AN7" s="196">
        <v>483</v>
      </c>
      <c r="AO7" s="196">
        <v>549</v>
      </c>
      <c r="AP7" s="196">
        <v>314</v>
      </c>
      <c r="AQ7" s="196">
        <v>291</v>
      </c>
      <c r="AR7" s="193">
        <v>2010</v>
      </c>
      <c r="AS7" s="198">
        <v>2013</v>
      </c>
      <c r="AT7" s="192">
        <v>71</v>
      </c>
      <c r="AU7" s="196">
        <v>113</v>
      </c>
      <c r="AV7" s="193">
        <v>184</v>
      </c>
      <c r="AW7" s="195">
        <v>0</v>
      </c>
      <c r="AX7" s="196">
        <v>549</v>
      </c>
      <c r="AY7" s="196">
        <v>669</v>
      </c>
      <c r="AZ7" s="196">
        <v>557</v>
      </c>
      <c r="BA7" s="196">
        <v>416</v>
      </c>
      <c r="BB7" s="196">
        <v>240</v>
      </c>
      <c r="BC7" s="193">
        <v>2431</v>
      </c>
      <c r="BD7" s="198">
        <v>2615</v>
      </c>
      <c r="BE7" s="192">
        <v>0</v>
      </c>
      <c r="BF7" s="196">
        <v>13</v>
      </c>
      <c r="BG7" s="193">
        <v>13</v>
      </c>
      <c r="BH7" s="195">
        <v>0</v>
      </c>
      <c r="BI7" s="196">
        <v>1125</v>
      </c>
      <c r="BJ7" s="196">
        <v>1471</v>
      </c>
      <c r="BK7" s="196">
        <v>1440</v>
      </c>
      <c r="BL7" s="196">
        <v>938</v>
      </c>
      <c r="BM7" s="196">
        <v>670</v>
      </c>
      <c r="BN7" s="197">
        <v>5644</v>
      </c>
      <c r="BO7" s="198">
        <v>5657</v>
      </c>
      <c r="BP7" s="192">
        <v>0</v>
      </c>
      <c r="BQ7" s="196">
        <v>0</v>
      </c>
      <c r="BR7" s="193">
        <v>0</v>
      </c>
      <c r="BS7" s="195">
        <v>0</v>
      </c>
      <c r="BT7" s="196">
        <v>1</v>
      </c>
      <c r="BU7" s="196">
        <v>1</v>
      </c>
      <c r="BV7" s="196">
        <v>3</v>
      </c>
      <c r="BW7" s="196">
        <v>2</v>
      </c>
      <c r="BX7" s="196">
        <v>5</v>
      </c>
      <c r="BY7" s="193">
        <v>12</v>
      </c>
      <c r="BZ7" s="198">
        <v>12</v>
      </c>
      <c r="CA7" s="192">
        <v>0</v>
      </c>
      <c r="CB7" s="196">
        <v>0</v>
      </c>
      <c r="CC7" s="193">
        <v>0</v>
      </c>
      <c r="CD7" s="195">
        <v>0</v>
      </c>
      <c r="CE7" s="196">
        <v>4</v>
      </c>
      <c r="CF7" s="196">
        <v>5</v>
      </c>
      <c r="CG7" s="196">
        <v>31</v>
      </c>
      <c r="CH7" s="196">
        <v>26</v>
      </c>
      <c r="CI7" s="196">
        <v>20</v>
      </c>
      <c r="CJ7" s="193">
        <v>86</v>
      </c>
      <c r="CK7" s="198">
        <v>86</v>
      </c>
      <c r="CL7" s="192">
        <v>0</v>
      </c>
      <c r="CM7" s="196">
        <v>0</v>
      </c>
      <c r="CN7" s="193">
        <v>0</v>
      </c>
      <c r="CO7" s="195">
        <v>0</v>
      </c>
      <c r="CP7" s="196">
        <v>27</v>
      </c>
      <c r="CQ7" s="196">
        <v>48</v>
      </c>
      <c r="CR7" s="196">
        <v>83</v>
      </c>
      <c r="CS7" s="196">
        <v>81</v>
      </c>
      <c r="CT7" s="196">
        <v>158</v>
      </c>
      <c r="CU7" s="193">
        <v>397</v>
      </c>
      <c r="CV7" s="198">
        <v>397</v>
      </c>
    </row>
    <row r="8" spans="1:100" ht="21" customHeight="1" x14ac:dyDescent="0.2">
      <c r="A8" s="177" t="s">
        <v>6</v>
      </c>
      <c r="B8" s="192">
        <v>0</v>
      </c>
      <c r="C8" s="193">
        <v>0</v>
      </c>
      <c r="D8" s="194">
        <v>0</v>
      </c>
      <c r="E8" s="195">
        <v>0</v>
      </c>
      <c r="F8" s="196">
        <v>84</v>
      </c>
      <c r="G8" s="196">
        <v>89</v>
      </c>
      <c r="H8" s="196">
        <v>62</v>
      </c>
      <c r="I8" s="196">
        <v>96</v>
      </c>
      <c r="J8" s="196">
        <v>83</v>
      </c>
      <c r="K8" s="197">
        <v>414</v>
      </c>
      <c r="L8" s="198">
        <v>414</v>
      </c>
      <c r="M8" s="192">
        <v>0</v>
      </c>
      <c r="N8" s="196">
        <v>0</v>
      </c>
      <c r="O8" s="193">
        <v>0</v>
      </c>
      <c r="P8" s="195">
        <v>0</v>
      </c>
      <c r="Q8" s="196">
        <v>68</v>
      </c>
      <c r="R8" s="196">
        <v>101</v>
      </c>
      <c r="S8" s="196">
        <v>98</v>
      </c>
      <c r="T8" s="196">
        <v>93</v>
      </c>
      <c r="U8" s="196">
        <v>78</v>
      </c>
      <c r="V8" s="193">
        <v>438</v>
      </c>
      <c r="W8" s="198">
        <v>438</v>
      </c>
      <c r="X8" s="192">
        <v>0</v>
      </c>
      <c r="Y8" s="196">
        <v>0</v>
      </c>
      <c r="Z8" s="193">
        <v>0</v>
      </c>
      <c r="AA8" s="195">
        <v>0</v>
      </c>
      <c r="AB8" s="196">
        <v>2068</v>
      </c>
      <c r="AC8" s="196">
        <v>1303</v>
      </c>
      <c r="AD8" s="196">
        <v>728</v>
      </c>
      <c r="AE8" s="196">
        <v>417</v>
      </c>
      <c r="AF8" s="196">
        <v>211</v>
      </c>
      <c r="AG8" s="193">
        <v>4727</v>
      </c>
      <c r="AH8" s="198">
        <v>4727</v>
      </c>
      <c r="AI8" s="192">
        <v>2</v>
      </c>
      <c r="AJ8" s="196">
        <v>1</v>
      </c>
      <c r="AK8" s="193">
        <v>3</v>
      </c>
      <c r="AL8" s="195">
        <v>0</v>
      </c>
      <c r="AM8" s="196">
        <v>197</v>
      </c>
      <c r="AN8" s="196">
        <v>194</v>
      </c>
      <c r="AO8" s="196">
        <v>223</v>
      </c>
      <c r="AP8" s="196">
        <v>134</v>
      </c>
      <c r="AQ8" s="196">
        <v>94</v>
      </c>
      <c r="AR8" s="193">
        <v>842</v>
      </c>
      <c r="AS8" s="198">
        <v>845</v>
      </c>
      <c r="AT8" s="192">
        <v>25</v>
      </c>
      <c r="AU8" s="196">
        <v>34</v>
      </c>
      <c r="AV8" s="193">
        <v>59</v>
      </c>
      <c r="AW8" s="195">
        <v>0</v>
      </c>
      <c r="AX8" s="196">
        <v>243</v>
      </c>
      <c r="AY8" s="196">
        <v>234</v>
      </c>
      <c r="AZ8" s="196">
        <v>187</v>
      </c>
      <c r="BA8" s="196">
        <v>143</v>
      </c>
      <c r="BB8" s="196">
        <v>61</v>
      </c>
      <c r="BC8" s="193">
        <v>868</v>
      </c>
      <c r="BD8" s="198">
        <v>927</v>
      </c>
      <c r="BE8" s="192">
        <v>0</v>
      </c>
      <c r="BF8" s="196">
        <v>6</v>
      </c>
      <c r="BG8" s="193">
        <v>6</v>
      </c>
      <c r="BH8" s="195">
        <v>0</v>
      </c>
      <c r="BI8" s="196">
        <v>500</v>
      </c>
      <c r="BJ8" s="196">
        <v>565</v>
      </c>
      <c r="BK8" s="196">
        <v>560</v>
      </c>
      <c r="BL8" s="196">
        <v>388</v>
      </c>
      <c r="BM8" s="196">
        <v>223</v>
      </c>
      <c r="BN8" s="197">
        <v>2236</v>
      </c>
      <c r="BO8" s="198">
        <v>2242</v>
      </c>
      <c r="BP8" s="192">
        <v>0</v>
      </c>
      <c r="BQ8" s="196">
        <v>0</v>
      </c>
      <c r="BR8" s="193">
        <v>0</v>
      </c>
      <c r="BS8" s="195">
        <v>0</v>
      </c>
      <c r="BT8" s="196">
        <v>0</v>
      </c>
      <c r="BU8" s="196">
        <v>0</v>
      </c>
      <c r="BV8" s="196">
        <v>0</v>
      </c>
      <c r="BW8" s="196">
        <v>0</v>
      </c>
      <c r="BX8" s="196">
        <v>0</v>
      </c>
      <c r="BY8" s="193">
        <v>0</v>
      </c>
      <c r="BZ8" s="198">
        <v>0</v>
      </c>
      <c r="CA8" s="192">
        <v>0</v>
      </c>
      <c r="CB8" s="196">
        <v>0</v>
      </c>
      <c r="CC8" s="193">
        <v>0</v>
      </c>
      <c r="CD8" s="195">
        <v>0</v>
      </c>
      <c r="CE8" s="196">
        <v>4</v>
      </c>
      <c r="CF8" s="196">
        <v>5</v>
      </c>
      <c r="CG8" s="196">
        <v>70</v>
      </c>
      <c r="CH8" s="196">
        <v>97</v>
      </c>
      <c r="CI8" s="196">
        <v>64</v>
      </c>
      <c r="CJ8" s="193">
        <v>240</v>
      </c>
      <c r="CK8" s="198">
        <v>240</v>
      </c>
      <c r="CL8" s="192">
        <v>0</v>
      </c>
      <c r="CM8" s="196">
        <v>0</v>
      </c>
      <c r="CN8" s="193">
        <v>0</v>
      </c>
      <c r="CO8" s="195">
        <v>0</v>
      </c>
      <c r="CP8" s="196">
        <v>55</v>
      </c>
      <c r="CQ8" s="196">
        <v>82</v>
      </c>
      <c r="CR8" s="196">
        <v>69</v>
      </c>
      <c r="CS8" s="196">
        <v>76</v>
      </c>
      <c r="CT8" s="196">
        <v>81</v>
      </c>
      <c r="CU8" s="193">
        <v>363</v>
      </c>
      <c r="CV8" s="198">
        <v>363</v>
      </c>
    </row>
    <row r="9" spans="1:100" ht="21" customHeight="1" x14ac:dyDescent="0.2">
      <c r="A9" s="177" t="s">
        <v>14</v>
      </c>
      <c r="B9" s="192">
        <v>0</v>
      </c>
      <c r="C9" s="193">
        <v>0</v>
      </c>
      <c r="D9" s="194">
        <v>0</v>
      </c>
      <c r="E9" s="195">
        <v>0</v>
      </c>
      <c r="F9" s="196">
        <v>17</v>
      </c>
      <c r="G9" s="196">
        <v>15</v>
      </c>
      <c r="H9" s="196">
        <v>15</v>
      </c>
      <c r="I9" s="196">
        <v>20</v>
      </c>
      <c r="J9" s="196">
        <v>15</v>
      </c>
      <c r="K9" s="197">
        <v>82</v>
      </c>
      <c r="L9" s="198">
        <v>82</v>
      </c>
      <c r="M9" s="192">
        <v>0</v>
      </c>
      <c r="N9" s="196">
        <v>0</v>
      </c>
      <c r="O9" s="193">
        <v>0</v>
      </c>
      <c r="P9" s="195">
        <v>0</v>
      </c>
      <c r="Q9" s="196">
        <v>2</v>
      </c>
      <c r="R9" s="196">
        <v>4</v>
      </c>
      <c r="S9" s="196">
        <v>1</v>
      </c>
      <c r="T9" s="196">
        <v>3</v>
      </c>
      <c r="U9" s="196">
        <v>1</v>
      </c>
      <c r="V9" s="193">
        <v>11</v>
      </c>
      <c r="W9" s="198">
        <v>11</v>
      </c>
      <c r="X9" s="192">
        <v>0</v>
      </c>
      <c r="Y9" s="196">
        <v>0</v>
      </c>
      <c r="Z9" s="193">
        <v>0</v>
      </c>
      <c r="AA9" s="195">
        <v>0</v>
      </c>
      <c r="AB9" s="196">
        <v>1084</v>
      </c>
      <c r="AC9" s="196">
        <v>1070</v>
      </c>
      <c r="AD9" s="196">
        <v>557</v>
      </c>
      <c r="AE9" s="196">
        <v>255</v>
      </c>
      <c r="AF9" s="196">
        <v>114</v>
      </c>
      <c r="AG9" s="193">
        <v>3080</v>
      </c>
      <c r="AH9" s="198">
        <v>3080</v>
      </c>
      <c r="AI9" s="192">
        <v>0</v>
      </c>
      <c r="AJ9" s="196">
        <v>0</v>
      </c>
      <c r="AK9" s="193">
        <v>0</v>
      </c>
      <c r="AL9" s="195">
        <v>0</v>
      </c>
      <c r="AM9" s="196">
        <v>14</v>
      </c>
      <c r="AN9" s="196">
        <v>17</v>
      </c>
      <c r="AO9" s="196">
        <v>39</v>
      </c>
      <c r="AP9" s="196">
        <v>19</v>
      </c>
      <c r="AQ9" s="196">
        <v>20</v>
      </c>
      <c r="AR9" s="193">
        <v>109</v>
      </c>
      <c r="AS9" s="198">
        <v>109</v>
      </c>
      <c r="AT9" s="192">
        <v>19</v>
      </c>
      <c r="AU9" s="196">
        <v>31</v>
      </c>
      <c r="AV9" s="193">
        <v>50</v>
      </c>
      <c r="AW9" s="195">
        <v>0</v>
      </c>
      <c r="AX9" s="196">
        <v>133</v>
      </c>
      <c r="AY9" s="196">
        <v>142</v>
      </c>
      <c r="AZ9" s="196">
        <v>114</v>
      </c>
      <c r="BA9" s="196">
        <v>76</v>
      </c>
      <c r="BB9" s="196">
        <v>28</v>
      </c>
      <c r="BC9" s="193">
        <v>493</v>
      </c>
      <c r="BD9" s="198">
        <v>543</v>
      </c>
      <c r="BE9" s="192">
        <v>0</v>
      </c>
      <c r="BF9" s="196">
        <v>7</v>
      </c>
      <c r="BG9" s="193">
        <v>7</v>
      </c>
      <c r="BH9" s="195">
        <v>0</v>
      </c>
      <c r="BI9" s="196">
        <v>264</v>
      </c>
      <c r="BJ9" s="196">
        <v>293</v>
      </c>
      <c r="BK9" s="196">
        <v>337</v>
      </c>
      <c r="BL9" s="196">
        <v>208</v>
      </c>
      <c r="BM9" s="196">
        <v>129</v>
      </c>
      <c r="BN9" s="197">
        <v>1231</v>
      </c>
      <c r="BO9" s="198">
        <v>1238</v>
      </c>
      <c r="BP9" s="192">
        <v>0</v>
      </c>
      <c r="BQ9" s="196">
        <v>0</v>
      </c>
      <c r="BR9" s="193">
        <v>0</v>
      </c>
      <c r="BS9" s="195">
        <v>0</v>
      </c>
      <c r="BT9" s="196">
        <v>0</v>
      </c>
      <c r="BU9" s="196">
        <v>0</v>
      </c>
      <c r="BV9" s="196">
        <v>0</v>
      </c>
      <c r="BW9" s="196">
        <v>0</v>
      </c>
      <c r="BX9" s="196">
        <v>0</v>
      </c>
      <c r="BY9" s="193">
        <v>0</v>
      </c>
      <c r="BZ9" s="198">
        <v>0</v>
      </c>
      <c r="CA9" s="192">
        <v>0</v>
      </c>
      <c r="CB9" s="196">
        <v>0</v>
      </c>
      <c r="CC9" s="193">
        <v>0</v>
      </c>
      <c r="CD9" s="195">
        <v>0</v>
      </c>
      <c r="CE9" s="196">
        <v>0</v>
      </c>
      <c r="CF9" s="196">
        <v>2</v>
      </c>
      <c r="CG9" s="196">
        <v>21</v>
      </c>
      <c r="CH9" s="196">
        <v>27</v>
      </c>
      <c r="CI9" s="196">
        <v>8</v>
      </c>
      <c r="CJ9" s="193">
        <v>58</v>
      </c>
      <c r="CK9" s="198">
        <v>58</v>
      </c>
      <c r="CL9" s="192">
        <v>0</v>
      </c>
      <c r="CM9" s="196">
        <v>0</v>
      </c>
      <c r="CN9" s="193">
        <v>0</v>
      </c>
      <c r="CO9" s="195">
        <v>0</v>
      </c>
      <c r="CP9" s="196">
        <v>7</v>
      </c>
      <c r="CQ9" s="196">
        <v>12</v>
      </c>
      <c r="CR9" s="196">
        <v>11</v>
      </c>
      <c r="CS9" s="196">
        <v>17</v>
      </c>
      <c r="CT9" s="196">
        <v>15</v>
      </c>
      <c r="CU9" s="193">
        <v>62</v>
      </c>
      <c r="CV9" s="198">
        <v>62</v>
      </c>
    </row>
    <row r="10" spans="1:100" ht="21" customHeight="1" x14ac:dyDescent="0.2">
      <c r="A10" s="177" t="s">
        <v>7</v>
      </c>
      <c r="B10" s="192">
        <v>0</v>
      </c>
      <c r="C10" s="193">
        <v>0</v>
      </c>
      <c r="D10" s="194">
        <v>0</v>
      </c>
      <c r="E10" s="195">
        <v>0</v>
      </c>
      <c r="F10" s="196">
        <v>6</v>
      </c>
      <c r="G10" s="196">
        <v>11</v>
      </c>
      <c r="H10" s="196">
        <v>6</v>
      </c>
      <c r="I10" s="196">
        <v>7</v>
      </c>
      <c r="J10" s="196">
        <v>7</v>
      </c>
      <c r="K10" s="197">
        <v>37</v>
      </c>
      <c r="L10" s="198">
        <v>37</v>
      </c>
      <c r="M10" s="192">
        <v>0</v>
      </c>
      <c r="N10" s="196">
        <v>0</v>
      </c>
      <c r="O10" s="193">
        <v>0</v>
      </c>
      <c r="P10" s="195">
        <v>0</v>
      </c>
      <c r="Q10" s="196">
        <v>0</v>
      </c>
      <c r="R10" s="196">
        <v>0</v>
      </c>
      <c r="S10" s="196">
        <v>0</v>
      </c>
      <c r="T10" s="196">
        <v>0</v>
      </c>
      <c r="U10" s="196">
        <v>0</v>
      </c>
      <c r="V10" s="193">
        <v>0</v>
      </c>
      <c r="W10" s="198">
        <v>0</v>
      </c>
      <c r="X10" s="192">
        <v>0</v>
      </c>
      <c r="Y10" s="196">
        <v>0</v>
      </c>
      <c r="Z10" s="193">
        <v>0</v>
      </c>
      <c r="AA10" s="195">
        <v>0</v>
      </c>
      <c r="AB10" s="196">
        <v>1021</v>
      </c>
      <c r="AC10" s="196">
        <v>645</v>
      </c>
      <c r="AD10" s="196">
        <v>310</v>
      </c>
      <c r="AE10" s="196">
        <v>147</v>
      </c>
      <c r="AF10" s="196">
        <v>58</v>
      </c>
      <c r="AG10" s="193">
        <v>2181</v>
      </c>
      <c r="AH10" s="198">
        <v>2181</v>
      </c>
      <c r="AI10" s="192">
        <v>0</v>
      </c>
      <c r="AJ10" s="196">
        <v>0</v>
      </c>
      <c r="AK10" s="193">
        <v>0</v>
      </c>
      <c r="AL10" s="195">
        <v>0</v>
      </c>
      <c r="AM10" s="196">
        <v>87</v>
      </c>
      <c r="AN10" s="196">
        <v>96</v>
      </c>
      <c r="AO10" s="196">
        <v>99</v>
      </c>
      <c r="AP10" s="196">
        <v>32</v>
      </c>
      <c r="AQ10" s="196">
        <v>20</v>
      </c>
      <c r="AR10" s="193">
        <v>334</v>
      </c>
      <c r="AS10" s="198">
        <v>334</v>
      </c>
      <c r="AT10" s="192">
        <v>8</v>
      </c>
      <c r="AU10" s="196">
        <v>12</v>
      </c>
      <c r="AV10" s="193">
        <v>20</v>
      </c>
      <c r="AW10" s="195">
        <v>0</v>
      </c>
      <c r="AX10" s="196">
        <v>61</v>
      </c>
      <c r="AY10" s="196">
        <v>45</v>
      </c>
      <c r="AZ10" s="196">
        <v>30</v>
      </c>
      <c r="BA10" s="196">
        <v>15</v>
      </c>
      <c r="BB10" s="196">
        <v>9</v>
      </c>
      <c r="BC10" s="193">
        <v>160</v>
      </c>
      <c r="BD10" s="198">
        <v>180</v>
      </c>
      <c r="BE10" s="192">
        <v>0</v>
      </c>
      <c r="BF10" s="196">
        <v>1</v>
      </c>
      <c r="BG10" s="193">
        <v>1</v>
      </c>
      <c r="BH10" s="195">
        <v>0</v>
      </c>
      <c r="BI10" s="196">
        <v>118</v>
      </c>
      <c r="BJ10" s="196">
        <v>132</v>
      </c>
      <c r="BK10" s="196">
        <v>203</v>
      </c>
      <c r="BL10" s="196">
        <v>127</v>
      </c>
      <c r="BM10" s="196">
        <v>81</v>
      </c>
      <c r="BN10" s="197">
        <v>661</v>
      </c>
      <c r="BO10" s="198">
        <v>662</v>
      </c>
      <c r="BP10" s="192">
        <v>0</v>
      </c>
      <c r="BQ10" s="196">
        <v>0</v>
      </c>
      <c r="BR10" s="193">
        <v>0</v>
      </c>
      <c r="BS10" s="195">
        <v>0</v>
      </c>
      <c r="BT10" s="196">
        <v>0</v>
      </c>
      <c r="BU10" s="196">
        <v>0</v>
      </c>
      <c r="BV10" s="196">
        <v>0</v>
      </c>
      <c r="BW10" s="196">
        <v>0</v>
      </c>
      <c r="BX10" s="196">
        <v>0</v>
      </c>
      <c r="BY10" s="193">
        <v>0</v>
      </c>
      <c r="BZ10" s="198">
        <v>0</v>
      </c>
      <c r="CA10" s="192">
        <v>0</v>
      </c>
      <c r="CB10" s="196">
        <v>0</v>
      </c>
      <c r="CC10" s="193">
        <v>0</v>
      </c>
      <c r="CD10" s="195">
        <v>0</v>
      </c>
      <c r="CE10" s="196">
        <v>0</v>
      </c>
      <c r="CF10" s="196">
        <v>0</v>
      </c>
      <c r="CG10" s="196">
        <v>0</v>
      </c>
      <c r="CH10" s="196">
        <v>0</v>
      </c>
      <c r="CI10" s="196">
        <v>0</v>
      </c>
      <c r="CJ10" s="193">
        <v>0</v>
      </c>
      <c r="CK10" s="198">
        <v>0</v>
      </c>
      <c r="CL10" s="192">
        <v>0</v>
      </c>
      <c r="CM10" s="196">
        <v>0</v>
      </c>
      <c r="CN10" s="193">
        <v>0</v>
      </c>
      <c r="CO10" s="195">
        <v>0</v>
      </c>
      <c r="CP10" s="196">
        <v>7</v>
      </c>
      <c r="CQ10" s="196">
        <v>9</v>
      </c>
      <c r="CR10" s="196">
        <v>8</v>
      </c>
      <c r="CS10" s="196">
        <v>11</v>
      </c>
      <c r="CT10" s="196">
        <v>16</v>
      </c>
      <c r="CU10" s="193">
        <v>51</v>
      </c>
      <c r="CV10" s="198">
        <v>51</v>
      </c>
    </row>
    <row r="11" spans="1:100" ht="21" customHeight="1" x14ac:dyDescent="0.2">
      <c r="A11" s="177" t="s">
        <v>8</v>
      </c>
      <c r="B11" s="192">
        <v>0</v>
      </c>
      <c r="C11" s="193">
        <v>0</v>
      </c>
      <c r="D11" s="194">
        <v>0</v>
      </c>
      <c r="E11" s="195">
        <v>0</v>
      </c>
      <c r="F11" s="196">
        <v>4</v>
      </c>
      <c r="G11" s="196">
        <v>10</v>
      </c>
      <c r="H11" s="196">
        <v>5</v>
      </c>
      <c r="I11" s="196">
        <v>4</v>
      </c>
      <c r="J11" s="196">
        <v>2</v>
      </c>
      <c r="K11" s="197">
        <v>25</v>
      </c>
      <c r="L11" s="198">
        <v>25</v>
      </c>
      <c r="M11" s="192">
        <v>0</v>
      </c>
      <c r="N11" s="196">
        <v>0</v>
      </c>
      <c r="O11" s="193">
        <v>0</v>
      </c>
      <c r="P11" s="195">
        <v>0</v>
      </c>
      <c r="Q11" s="196">
        <v>1</v>
      </c>
      <c r="R11" s="196">
        <v>2</v>
      </c>
      <c r="S11" s="196">
        <v>2</v>
      </c>
      <c r="T11" s="196">
        <v>3</v>
      </c>
      <c r="U11" s="196">
        <v>3</v>
      </c>
      <c r="V11" s="193">
        <v>11</v>
      </c>
      <c r="W11" s="198">
        <v>11</v>
      </c>
      <c r="X11" s="192">
        <v>0</v>
      </c>
      <c r="Y11" s="196">
        <v>0</v>
      </c>
      <c r="Z11" s="193">
        <v>0</v>
      </c>
      <c r="AA11" s="195">
        <v>0</v>
      </c>
      <c r="AB11" s="196">
        <v>580</v>
      </c>
      <c r="AC11" s="196">
        <v>526</v>
      </c>
      <c r="AD11" s="196">
        <v>240</v>
      </c>
      <c r="AE11" s="196">
        <v>108</v>
      </c>
      <c r="AF11" s="196">
        <v>62</v>
      </c>
      <c r="AG11" s="193">
        <v>1516</v>
      </c>
      <c r="AH11" s="198">
        <v>1516</v>
      </c>
      <c r="AI11" s="192">
        <v>0</v>
      </c>
      <c r="AJ11" s="196">
        <v>0</v>
      </c>
      <c r="AK11" s="193">
        <v>0</v>
      </c>
      <c r="AL11" s="195">
        <v>0</v>
      </c>
      <c r="AM11" s="196">
        <v>9</v>
      </c>
      <c r="AN11" s="196">
        <v>13</v>
      </c>
      <c r="AO11" s="196">
        <v>12</v>
      </c>
      <c r="AP11" s="196">
        <v>4</v>
      </c>
      <c r="AQ11" s="196">
        <v>5</v>
      </c>
      <c r="AR11" s="193">
        <v>43</v>
      </c>
      <c r="AS11" s="198">
        <v>43</v>
      </c>
      <c r="AT11" s="192">
        <v>8</v>
      </c>
      <c r="AU11" s="196">
        <v>8</v>
      </c>
      <c r="AV11" s="193">
        <v>16</v>
      </c>
      <c r="AW11" s="195">
        <v>0</v>
      </c>
      <c r="AX11" s="196">
        <v>78</v>
      </c>
      <c r="AY11" s="196">
        <v>59</v>
      </c>
      <c r="AZ11" s="196">
        <v>51</v>
      </c>
      <c r="BA11" s="196">
        <v>16</v>
      </c>
      <c r="BB11" s="196">
        <v>6</v>
      </c>
      <c r="BC11" s="193">
        <v>210</v>
      </c>
      <c r="BD11" s="198">
        <v>226</v>
      </c>
      <c r="BE11" s="192">
        <v>0</v>
      </c>
      <c r="BF11" s="196">
        <v>0</v>
      </c>
      <c r="BG11" s="193">
        <v>0</v>
      </c>
      <c r="BH11" s="195">
        <v>0</v>
      </c>
      <c r="BI11" s="196">
        <v>70</v>
      </c>
      <c r="BJ11" s="196">
        <v>81</v>
      </c>
      <c r="BK11" s="196">
        <v>79</v>
      </c>
      <c r="BL11" s="196">
        <v>55</v>
      </c>
      <c r="BM11" s="196">
        <v>31</v>
      </c>
      <c r="BN11" s="197">
        <v>316</v>
      </c>
      <c r="BO11" s="198">
        <v>316</v>
      </c>
      <c r="BP11" s="192">
        <v>0</v>
      </c>
      <c r="BQ11" s="196">
        <v>0</v>
      </c>
      <c r="BR11" s="193">
        <v>0</v>
      </c>
      <c r="BS11" s="195">
        <v>0</v>
      </c>
      <c r="BT11" s="196">
        <v>2</v>
      </c>
      <c r="BU11" s="196">
        <v>11</v>
      </c>
      <c r="BV11" s="196">
        <v>10</v>
      </c>
      <c r="BW11" s="196">
        <v>16</v>
      </c>
      <c r="BX11" s="196">
        <v>3</v>
      </c>
      <c r="BY11" s="193">
        <v>42</v>
      </c>
      <c r="BZ11" s="198">
        <v>42</v>
      </c>
      <c r="CA11" s="192">
        <v>0</v>
      </c>
      <c r="CB11" s="196">
        <v>0</v>
      </c>
      <c r="CC11" s="193">
        <v>0</v>
      </c>
      <c r="CD11" s="195">
        <v>0</v>
      </c>
      <c r="CE11" s="196">
        <v>0</v>
      </c>
      <c r="CF11" s="196">
        <v>3</v>
      </c>
      <c r="CG11" s="196">
        <v>18</v>
      </c>
      <c r="CH11" s="196">
        <v>15</v>
      </c>
      <c r="CI11" s="196">
        <v>11</v>
      </c>
      <c r="CJ11" s="193">
        <v>47</v>
      </c>
      <c r="CK11" s="198">
        <v>47</v>
      </c>
      <c r="CL11" s="192">
        <v>0</v>
      </c>
      <c r="CM11" s="196">
        <v>0</v>
      </c>
      <c r="CN11" s="193">
        <v>0</v>
      </c>
      <c r="CO11" s="195">
        <v>0</v>
      </c>
      <c r="CP11" s="196">
        <v>16</v>
      </c>
      <c r="CQ11" s="196">
        <v>12</v>
      </c>
      <c r="CR11" s="196">
        <v>10</v>
      </c>
      <c r="CS11" s="196">
        <v>8</v>
      </c>
      <c r="CT11" s="196">
        <v>6</v>
      </c>
      <c r="CU11" s="193">
        <v>52</v>
      </c>
      <c r="CV11" s="198">
        <v>52</v>
      </c>
    </row>
    <row r="12" spans="1:100" ht="21" customHeight="1" x14ac:dyDescent="0.2">
      <c r="A12" s="177" t="s">
        <v>9</v>
      </c>
      <c r="B12" s="192">
        <v>0</v>
      </c>
      <c r="C12" s="193">
        <v>0</v>
      </c>
      <c r="D12" s="194">
        <v>0</v>
      </c>
      <c r="E12" s="195">
        <v>0</v>
      </c>
      <c r="F12" s="196">
        <v>5</v>
      </c>
      <c r="G12" s="196">
        <v>5</v>
      </c>
      <c r="H12" s="196">
        <v>2</v>
      </c>
      <c r="I12" s="196">
        <v>10</v>
      </c>
      <c r="J12" s="196">
        <v>10</v>
      </c>
      <c r="K12" s="197">
        <v>32</v>
      </c>
      <c r="L12" s="198">
        <v>32</v>
      </c>
      <c r="M12" s="192">
        <v>0</v>
      </c>
      <c r="N12" s="196">
        <v>0</v>
      </c>
      <c r="O12" s="193">
        <v>0</v>
      </c>
      <c r="P12" s="195">
        <v>0</v>
      </c>
      <c r="Q12" s="196">
        <v>0</v>
      </c>
      <c r="R12" s="196">
        <v>0</v>
      </c>
      <c r="S12" s="196">
        <v>0</v>
      </c>
      <c r="T12" s="196">
        <v>0</v>
      </c>
      <c r="U12" s="196">
        <v>0</v>
      </c>
      <c r="V12" s="193">
        <v>0</v>
      </c>
      <c r="W12" s="198">
        <v>0</v>
      </c>
      <c r="X12" s="192">
        <v>0</v>
      </c>
      <c r="Y12" s="196">
        <v>0</v>
      </c>
      <c r="Z12" s="193">
        <v>0</v>
      </c>
      <c r="AA12" s="195">
        <v>0</v>
      </c>
      <c r="AB12" s="196">
        <v>417</v>
      </c>
      <c r="AC12" s="196">
        <v>285</v>
      </c>
      <c r="AD12" s="196">
        <v>163</v>
      </c>
      <c r="AE12" s="196">
        <v>87</v>
      </c>
      <c r="AF12" s="196">
        <v>36</v>
      </c>
      <c r="AG12" s="193">
        <v>988</v>
      </c>
      <c r="AH12" s="198">
        <v>988</v>
      </c>
      <c r="AI12" s="192">
        <v>0</v>
      </c>
      <c r="AJ12" s="196">
        <v>0</v>
      </c>
      <c r="AK12" s="193">
        <v>0</v>
      </c>
      <c r="AL12" s="195">
        <v>0</v>
      </c>
      <c r="AM12" s="196">
        <v>9</v>
      </c>
      <c r="AN12" s="196">
        <v>6</v>
      </c>
      <c r="AO12" s="196">
        <v>10</v>
      </c>
      <c r="AP12" s="196">
        <v>3</v>
      </c>
      <c r="AQ12" s="196">
        <v>3</v>
      </c>
      <c r="AR12" s="193">
        <v>31</v>
      </c>
      <c r="AS12" s="198">
        <v>31</v>
      </c>
      <c r="AT12" s="192">
        <v>5</v>
      </c>
      <c r="AU12" s="196">
        <v>8</v>
      </c>
      <c r="AV12" s="193">
        <v>13</v>
      </c>
      <c r="AW12" s="195">
        <v>0</v>
      </c>
      <c r="AX12" s="196">
        <v>31</v>
      </c>
      <c r="AY12" s="196">
        <v>27</v>
      </c>
      <c r="AZ12" s="196">
        <v>23</v>
      </c>
      <c r="BA12" s="196">
        <v>21</v>
      </c>
      <c r="BB12" s="196">
        <v>5</v>
      </c>
      <c r="BC12" s="193">
        <v>107</v>
      </c>
      <c r="BD12" s="198">
        <v>120</v>
      </c>
      <c r="BE12" s="192">
        <v>0</v>
      </c>
      <c r="BF12" s="196">
        <v>1</v>
      </c>
      <c r="BG12" s="193">
        <v>1</v>
      </c>
      <c r="BH12" s="195">
        <v>0</v>
      </c>
      <c r="BI12" s="196">
        <v>27</v>
      </c>
      <c r="BJ12" s="196">
        <v>51</v>
      </c>
      <c r="BK12" s="196">
        <v>92</v>
      </c>
      <c r="BL12" s="196">
        <v>43</v>
      </c>
      <c r="BM12" s="196">
        <v>28</v>
      </c>
      <c r="BN12" s="197">
        <v>241</v>
      </c>
      <c r="BO12" s="198">
        <v>242</v>
      </c>
      <c r="BP12" s="192">
        <v>0</v>
      </c>
      <c r="BQ12" s="196">
        <v>0</v>
      </c>
      <c r="BR12" s="193">
        <v>0</v>
      </c>
      <c r="BS12" s="195">
        <v>0</v>
      </c>
      <c r="BT12" s="196">
        <v>4</v>
      </c>
      <c r="BU12" s="196">
        <v>5</v>
      </c>
      <c r="BV12" s="196">
        <v>5</v>
      </c>
      <c r="BW12" s="196">
        <v>4</v>
      </c>
      <c r="BX12" s="196">
        <v>6</v>
      </c>
      <c r="BY12" s="193">
        <v>24</v>
      </c>
      <c r="BZ12" s="198">
        <v>24</v>
      </c>
      <c r="CA12" s="192">
        <v>0</v>
      </c>
      <c r="CB12" s="196">
        <v>0</v>
      </c>
      <c r="CC12" s="193">
        <v>0</v>
      </c>
      <c r="CD12" s="195">
        <v>0</v>
      </c>
      <c r="CE12" s="196">
        <v>0</v>
      </c>
      <c r="CF12" s="196">
        <v>0</v>
      </c>
      <c r="CG12" s="196">
        <v>0</v>
      </c>
      <c r="CH12" s="196">
        <v>1</v>
      </c>
      <c r="CI12" s="196">
        <v>0</v>
      </c>
      <c r="CJ12" s="193">
        <v>1</v>
      </c>
      <c r="CK12" s="198">
        <v>1</v>
      </c>
      <c r="CL12" s="192">
        <v>0</v>
      </c>
      <c r="CM12" s="196">
        <v>0</v>
      </c>
      <c r="CN12" s="193">
        <v>0</v>
      </c>
      <c r="CO12" s="195">
        <v>0</v>
      </c>
      <c r="CP12" s="196">
        <v>6</v>
      </c>
      <c r="CQ12" s="196">
        <v>4</v>
      </c>
      <c r="CR12" s="196">
        <v>10</v>
      </c>
      <c r="CS12" s="196">
        <v>12</v>
      </c>
      <c r="CT12" s="196">
        <v>12</v>
      </c>
      <c r="CU12" s="193">
        <v>44</v>
      </c>
      <c r="CV12" s="198">
        <v>44</v>
      </c>
    </row>
    <row r="13" spans="1:100" ht="21" customHeight="1" x14ac:dyDescent="0.2">
      <c r="A13" s="177" t="s">
        <v>10</v>
      </c>
      <c r="B13" s="192">
        <v>0</v>
      </c>
      <c r="C13" s="193">
        <v>0</v>
      </c>
      <c r="D13" s="194">
        <v>0</v>
      </c>
      <c r="E13" s="195">
        <v>0</v>
      </c>
      <c r="F13" s="196">
        <v>22</v>
      </c>
      <c r="G13" s="196">
        <v>11</v>
      </c>
      <c r="H13" s="196">
        <v>15</v>
      </c>
      <c r="I13" s="196">
        <v>10</v>
      </c>
      <c r="J13" s="196">
        <v>12</v>
      </c>
      <c r="K13" s="197">
        <v>70</v>
      </c>
      <c r="L13" s="198">
        <v>70</v>
      </c>
      <c r="M13" s="192">
        <v>0</v>
      </c>
      <c r="N13" s="196">
        <v>0</v>
      </c>
      <c r="O13" s="193">
        <v>0</v>
      </c>
      <c r="P13" s="195">
        <v>0</v>
      </c>
      <c r="Q13" s="196">
        <v>11</v>
      </c>
      <c r="R13" s="196">
        <v>11</v>
      </c>
      <c r="S13" s="196">
        <v>13</v>
      </c>
      <c r="T13" s="196">
        <v>10</v>
      </c>
      <c r="U13" s="196">
        <v>9</v>
      </c>
      <c r="V13" s="193">
        <v>54</v>
      </c>
      <c r="W13" s="198">
        <v>54</v>
      </c>
      <c r="X13" s="192">
        <v>0</v>
      </c>
      <c r="Y13" s="196">
        <v>0</v>
      </c>
      <c r="Z13" s="193">
        <v>0</v>
      </c>
      <c r="AA13" s="195">
        <v>0</v>
      </c>
      <c r="AB13" s="196">
        <v>558</v>
      </c>
      <c r="AC13" s="196">
        <v>237</v>
      </c>
      <c r="AD13" s="196">
        <v>115</v>
      </c>
      <c r="AE13" s="196">
        <v>64</v>
      </c>
      <c r="AF13" s="196">
        <v>26</v>
      </c>
      <c r="AG13" s="193">
        <v>1000</v>
      </c>
      <c r="AH13" s="198">
        <v>1000</v>
      </c>
      <c r="AI13" s="192">
        <v>0</v>
      </c>
      <c r="AJ13" s="196">
        <v>1</v>
      </c>
      <c r="AK13" s="193">
        <v>1</v>
      </c>
      <c r="AL13" s="195">
        <v>0</v>
      </c>
      <c r="AM13" s="196">
        <v>22</v>
      </c>
      <c r="AN13" s="196">
        <v>19</v>
      </c>
      <c r="AO13" s="196">
        <v>19</v>
      </c>
      <c r="AP13" s="196">
        <v>8</v>
      </c>
      <c r="AQ13" s="196">
        <v>7</v>
      </c>
      <c r="AR13" s="193">
        <v>75</v>
      </c>
      <c r="AS13" s="198">
        <v>76</v>
      </c>
      <c r="AT13" s="192">
        <v>11</v>
      </c>
      <c r="AU13" s="196">
        <v>21</v>
      </c>
      <c r="AV13" s="193">
        <v>32</v>
      </c>
      <c r="AW13" s="195">
        <v>0</v>
      </c>
      <c r="AX13" s="196">
        <v>116</v>
      </c>
      <c r="AY13" s="196">
        <v>87</v>
      </c>
      <c r="AZ13" s="196">
        <v>78</v>
      </c>
      <c r="BA13" s="196">
        <v>54</v>
      </c>
      <c r="BB13" s="196">
        <v>45</v>
      </c>
      <c r="BC13" s="193">
        <v>380</v>
      </c>
      <c r="BD13" s="198">
        <v>412</v>
      </c>
      <c r="BE13" s="192">
        <v>0</v>
      </c>
      <c r="BF13" s="196">
        <v>5</v>
      </c>
      <c r="BG13" s="193">
        <v>5</v>
      </c>
      <c r="BH13" s="195">
        <v>0</v>
      </c>
      <c r="BI13" s="196">
        <v>135</v>
      </c>
      <c r="BJ13" s="196">
        <v>136</v>
      </c>
      <c r="BK13" s="196">
        <v>83</v>
      </c>
      <c r="BL13" s="196">
        <v>82</v>
      </c>
      <c r="BM13" s="196">
        <v>82</v>
      </c>
      <c r="BN13" s="197">
        <v>518</v>
      </c>
      <c r="BO13" s="198">
        <v>523</v>
      </c>
      <c r="BP13" s="192">
        <v>0</v>
      </c>
      <c r="BQ13" s="196">
        <v>0</v>
      </c>
      <c r="BR13" s="193">
        <v>0</v>
      </c>
      <c r="BS13" s="195">
        <v>0</v>
      </c>
      <c r="BT13" s="196">
        <v>30</v>
      </c>
      <c r="BU13" s="196">
        <v>31</v>
      </c>
      <c r="BV13" s="196">
        <v>34</v>
      </c>
      <c r="BW13" s="196">
        <v>26</v>
      </c>
      <c r="BX13" s="196">
        <v>24</v>
      </c>
      <c r="BY13" s="193">
        <v>145</v>
      </c>
      <c r="BZ13" s="198">
        <v>145</v>
      </c>
      <c r="CA13" s="192">
        <v>0</v>
      </c>
      <c r="CB13" s="196">
        <v>0</v>
      </c>
      <c r="CC13" s="193">
        <v>0</v>
      </c>
      <c r="CD13" s="195">
        <v>0</v>
      </c>
      <c r="CE13" s="196">
        <v>1</v>
      </c>
      <c r="CF13" s="196">
        <v>0</v>
      </c>
      <c r="CG13" s="196">
        <v>4</v>
      </c>
      <c r="CH13" s="196">
        <v>17</v>
      </c>
      <c r="CI13" s="196">
        <v>21</v>
      </c>
      <c r="CJ13" s="193">
        <v>43</v>
      </c>
      <c r="CK13" s="198">
        <v>43</v>
      </c>
      <c r="CL13" s="192">
        <v>0</v>
      </c>
      <c r="CM13" s="196">
        <v>0</v>
      </c>
      <c r="CN13" s="193">
        <v>0</v>
      </c>
      <c r="CO13" s="195">
        <v>0</v>
      </c>
      <c r="CP13" s="196">
        <v>14</v>
      </c>
      <c r="CQ13" s="196">
        <v>19</v>
      </c>
      <c r="CR13" s="196">
        <v>27</v>
      </c>
      <c r="CS13" s="196">
        <v>19</v>
      </c>
      <c r="CT13" s="196">
        <v>17</v>
      </c>
      <c r="CU13" s="193">
        <v>96</v>
      </c>
      <c r="CV13" s="198">
        <v>96</v>
      </c>
    </row>
    <row r="14" spans="1:100" ht="21" customHeight="1" x14ac:dyDescent="0.2">
      <c r="A14" s="177" t="s">
        <v>11</v>
      </c>
      <c r="B14" s="192">
        <v>0</v>
      </c>
      <c r="C14" s="193">
        <v>0</v>
      </c>
      <c r="D14" s="194">
        <v>0</v>
      </c>
      <c r="E14" s="195">
        <v>0</v>
      </c>
      <c r="F14" s="196">
        <v>7</v>
      </c>
      <c r="G14" s="196">
        <v>8</v>
      </c>
      <c r="H14" s="196">
        <v>7</v>
      </c>
      <c r="I14" s="196">
        <v>4</v>
      </c>
      <c r="J14" s="196">
        <v>7</v>
      </c>
      <c r="K14" s="197">
        <v>33</v>
      </c>
      <c r="L14" s="198">
        <v>33</v>
      </c>
      <c r="M14" s="192">
        <v>0</v>
      </c>
      <c r="N14" s="196">
        <v>0</v>
      </c>
      <c r="O14" s="193">
        <v>0</v>
      </c>
      <c r="P14" s="195">
        <v>0</v>
      </c>
      <c r="Q14" s="196">
        <v>11</v>
      </c>
      <c r="R14" s="196">
        <v>13</v>
      </c>
      <c r="S14" s="196">
        <v>10</v>
      </c>
      <c r="T14" s="196">
        <v>9</v>
      </c>
      <c r="U14" s="196">
        <v>4</v>
      </c>
      <c r="V14" s="193">
        <v>47</v>
      </c>
      <c r="W14" s="198">
        <v>47</v>
      </c>
      <c r="X14" s="192">
        <v>0</v>
      </c>
      <c r="Y14" s="196">
        <v>0</v>
      </c>
      <c r="Z14" s="193">
        <v>0</v>
      </c>
      <c r="AA14" s="195">
        <v>0</v>
      </c>
      <c r="AB14" s="196">
        <v>560</v>
      </c>
      <c r="AC14" s="196">
        <v>264</v>
      </c>
      <c r="AD14" s="196">
        <v>146</v>
      </c>
      <c r="AE14" s="196">
        <v>81</v>
      </c>
      <c r="AF14" s="196">
        <v>28</v>
      </c>
      <c r="AG14" s="193">
        <v>1079</v>
      </c>
      <c r="AH14" s="198">
        <v>1079</v>
      </c>
      <c r="AI14" s="192">
        <v>0</v>
      </c>
      <c r="AJ14" s="196">
        <v>2</v>
      </c>
      <c r="AK14" s="193">
        <v>2</v>
      </c>
      <c r="AL14" s="195">
        <v>0</v>
      </c>
      <c r="AM14" s="196">
        <v>24</v>
      </c>
      <c r="AN14" s="196">
        <v>11</v>
      </c>
      <c r="AO14" s="196">
        <v>11</v>
      </c>
      <c r="AP14" s="196">
        <v>0</v>
      </c>
      <c r="AQ14" s="196">
        <v>2</v>
      </c>
      <c r="AR14" s="193">
        <v>48</v>
      </c>
      <c r="AS14" s="198">
        <v>50</v>
      </c>
      <c r="AT14" s="192">
        <v>6</v>
      </c>
      <c r="AU14" s="196">
        <v>5</v>
      </c>
      <c r="AV14" s="193">
        <v>11</v>
      </c>
      <c r="AW14" s="195">
        <v>0</v>
      </c>
      <c r="AX14" s="196">
        <v>48</v>
      </c>
      <c r="AY14" s="196">
        <v>37</v>
      </c>
      <c r="AZ14" s="196">
        <v>24</v>
      </c>
      <c r="BA14" s="196">
        <v>17</v>
      </c>
      <c r="BB14" s="196">
        <v>6</v>
      </c>
      <c r="BC14" s="193">
        <v>132</v>
      </c>
      <c r="BD14" s="198">
        <v>143</v>
      </c>
      <c r="BE14" s="192">
        <v>0</v>
      </c>
      <c r="BF14" s="196">
        <v>4</v>
      </c>
      <c r="BG14" s="193">
        <v>4</v>
      </c>
      <c r="BH14" s="195">
        <v>0</v>
      </c>
      <c r="BI14" s="196">
        <v>57</v>
      </c>
      <c r="BJ14" s="196">
        <v>85</v>
      </c>
      <c r="BK14" s="196">
        <v>60</v>
      </c>
      <c r="BL14" s="196">
        <v>53</v>
      </c>
      <c r="BM14" s="196">
        <v>28</v>
      </c>
      <c r="BN14" s="197">
        <v>283</v>
      </c>
      <c r="BO14" s="198">
        <v>287</v>
      </c>
      <c r="BP14" s="192">
        <v>0</v>
      </c>
      <c r="BQ14" s="196">
        <v>0</v>
      </c>
      <c r="BR14" s="193">
        <v>0</v>
      </c>
      <c r="BS14" s="195">
        <v>0</v>
      </c>
      <c r="BT14" s="196">
        <v>0</v>
      </c>
      <c r="BU14" s="196">
        <v>0</v>
      </c>
      <c r="BV14" s="196">
        <v>0</v>
      </c>
      <c r="BW14" s="196">
        <v>0</v>
      </c>
      <c r="BX14" s="196">
        <v>0</v>
      </c>
      <c r="BY14" s="193">
        <v>0</v>
      </c>
      <c r="BZ14" s="198">
        <v>0</v>
      </c>
      <c r="CA14" s="192">
        <v>0</v>
      </c>
      <c r="CB14" s="196">
        <v>0</v>
      </c>
      <c r="CC14" s="193">
        <v>0</v>
      </c>
      <c r="CD14" s="195">
        <v>0</v>
      </c>
      <c r="CE14" s="196">
        <v>0</v>
      </c>
      <c r="CF14" s="196">
        <v>1</v>
      </c>
      <c r="CG14" s="196">
        <v>1</v>
      </c>
      <c r="CH14" s="196">
        <v>0</v>
      </c>
      <c r="CI14" s="196">
        <v>0</v>
      </c>
      <c r="CJ14" s="193">
        <v>2</v>
      </c>
      <c r="CK14" s="198">
        <v>2</v>
      </c>
      <c r="CL14" s="192">
        <v>0</v>
      </c>
      <c r="CM14" s="196">
        <v>0</v>
      </c>
      <c r="CN14" s="193">
        <v>0</v>
      </c>
      <c r="CO14" s="195">
        <v>0</v>
      </c>
      <c r="CP14" s="196">
        <v>3</v>
      </c>
      <c r="CQ14" s="196">
        <v>2</v>
      </c>
      <c r="CR14" s="196">
        <v>3</v>
      </c>
      <c r="CS14" s="196">
        <v>6</v>
      </c>
      <c r="CT14" s="196">
        <v>3</v>
      </c>
      <c r="CU14" s="193">
        <v>17</v>
      </c>
      <c r="CV14" s="198">
        <v>17</v>
      </c>
    </row>
    <row r="15" spans="1:100" ht="21" customHeight="1" x14ac:dyDescent="0.2">
      <c r="A15" s="177" t="s">
        <v>12</v>
      </c>
      <c r="B15" s="192">
        <v>0</v>
      </c>
      <c r="C15" s="193">
        <v>0</v>
      </c>
      <c r="D15" s="194">
        <v>0</v>
      </c>
      <c r="E15" s="195">
        <v>0</v>
      </c>
      <c r="F15" s="196">
        <v>11</v>
      </c>
      <c r="G15" s="196">
        <v>6</v>
      </c>
      <c r="H15" s="196">
        <v>5</v>
      </c>
      <c r="I15" s="196">
        <v>6</v>
      </c>
      <c r="J15" s="196">
        <v>1</v>
      </c>
      <c r="K15" s="197">
        <v>29</v>
      </c>
      <c r="L15" s="198">
        <v>29</v>
      </c>
      <c r="M15" s="192">
        <v>0</v>
      </c>
      <c r="N15" s="196">
        <v>0</v>
      </c>
      <c r="O15" s="193">
        <v>0</v>
      </c>
      <c r="P15" s="195">
        <v>0</v>
      </c>
      <c r="Q15" s="196">
        <v>0</v>
      </c>
      <c r="R15" s="196">
        <v>0</v>
      </c>
      <c r="S15" s="196">
        <v>0</v>
      </c>
      <c r="T15" s="196">
        <v>0</v>
      </c>
      <c r="U15" s="196">
        <v>0</v>
      </c>
      <c r="V15" s="193">
        <v>0</v>
      </c>
      <c r="W15" s="198">
        <v>0</v>
      </c>
      <c r="X15" s="192">
        <v>0</v>
      </c>
      <c r="Y15" s="196">
        <v>0</v>
      </c>
      <c r="Z15" s="193">
        <v>0</v>
      </c>
      <c r="AA15" s="195">
        <v>0</v>
      </c>
      <c r="AB15" s="196">
        <v>427</v>
      </c>
      <c r="AC15" s="196">
        <v>250</v>
      </c>
      <c r="AD15" s="196">
        <v>135</v>
      </c>
      <c r="AE15" s="196">
        <v>62</v>
      </c>
      <c r="AF15" s="196">
        <v>37</v>
      </c>
      <c r="AG15" s="193">
        <v>911</v>
      </c>
      <c r="AH15" s="198">
        <v>911</v>
      </c>
      <c r="AI15" s="192">
        <v>0</v>
      </c>
      <c r="AJ15" s="196">
        <v>0</v>
      </c>
      <c r="AK15" s="193">
        <v>0</v>
      </c>
      <c r="AL15" s="195">
        <v>0</v>
      </c>
      <c r="AM15" s="196">
        <v>4</v>
      </c>
      <c r="AN15" s="196">
        <v>6</v>
      </c>
      <c r="AO15" s="196">
        <v>0</v>
      </c>
      <c r="AP15" s="196">
        <v>1</v>
      </c>
      <c r="AQ15" s="196">
        <v>1</v>
      </c>
      <c r="AR15" s="193">
        <v>12</v>
      </c>
      <c r="AS15" s="198">
        <v>12</v>
      </c>
      <c r="AT15" s="192">
        <v>0</v>
      </c>
      <c r="AU15" s="196">
        <v>0</v>
      </c>
      <c r="AV15" s="193">
        <v>0</v>
      </c>
      <c r="AW15" s="195">
        <v>0</v>
      </c>
      <c r="AX15" s="196">
        <v>17</v>
      </c>
      <c r="AY15" s="196">
        <v>32</v>
      </c>
      <c r="AZ15" s="196">
        <v>47</v>
      </c>
      <c r="BA15" s="196">
        <v>35</v>
      </c>
      <c r="BB15" s="196">
        <v>26</v>
      </c>
      <c r="BC15" s="193">
        <v>157</v>
      </c>
      <c r="BD15" s="198">
        <v>157</v>
      </c>
      <c r="BE15" s="192">
        <v>0</v>
      </c>
      <c r="BF15" s="196">
        <v>1</v>
      </c>
      <c r="BG15" s="193">
        <v>1</v>
      </c>
      <c r="BH15" s="195">
        <v>0</v>
      </c>
      <c r="BI15" s="196">
        <v>47</v>
      </c>
      <c r="BJ15" s="196">
        <v>40</v>
      </c>
      <c r="BK15" s="196">
        <v>49</v>
      </c>
      <c r="BL15" s="196">
        <v>31</v>
      </c>
      <c r="BM15" s="196">
        <v>34</v>
      </c>
      <c r="BN15" s="197">
        <v>201</v>
      </c>
      <c r="BO15" s="198">
        <v>202</v>
      </c>
      <c r="BP15" s="192">
        <v>0</v>
      </c>
      <c r="BQ15" s="196">
        <v>0</v>
      </c>
      <c r="BR15" s="193">
        <v>0</v>
      </c>
      <c r="BS15" s="195">
        <v>0</v>
      </c>
      <c r="BT15" s="196">
        <v>3</v>
      </c>
      <c r="BU15" s="196">
        <v>6</v>
      </c>
      <c r="BV15" s="196">
        <v>3</v>
      </c>
      <c r="BW15" s="196">
        <v>11</v>
      </c>
      <c r="BX15" s="196">
        <v>4</v>
      </c>
      <c r="BY15" s="193">
        <v>27</v>
      </c>
      <c r="BZ15" s="198">
        <v>27</v>
      </c>
      <c r="CA15" s="192">
        <v>0</v>
      </c>
      <c r="CB15" s="196">
        <v>0</v>
      </c>
      <c r="CC15" s="193">
        <v>0</v>
      </c>
      <c r="CD15" s="195">
        <v>0</v>
      </c>
      <c r="CE15" s="196">
        <v>1</v>
      </c>
      <c r="CF15" s="196">
        <v>0</v>
      </c>
      <c r="CG15" s="196">
        <v>15</v>
      </c>
      <c r="CH15" s="196">
        <v>9</v>
      </c>
      <c r="CI15" s="196">
        <v>4</v>
      </c>
      <c r="CJ15" s="193">
        <v>29</v>
      </c>
      <c r="CK15" s="198">
        <v>29</v>
      </c>
      <c r="CL15" s="192">
        <v>0</v>
      </c>
      <c r="CM15" s="196">
        <v>0</v>
      </c>
      <c r="CN15" s="193">
        <v>0</v>
      </c>
      <c r="CO15" s="195">
        <v>0</v>
      </c>
      <c r="CP15" s="196">
        <v>7</v>
      </c>
      <c r="CQ15" s="196">
        <v>10</v>
      </c>
      <c r="CR15" s="196">
        <v>10</v>
      </c>
      <c r="CS15" s="196">
        <v>16</v>
      </c>
      <c r="CT15" s="196">
        <v>15</v>
      </c>
      <c r="CU15" s="193">
        <v>58</v>
      </c>
      <c r="CV15" s="198">
        <v>58</v>
      </c>
    </row>
    <row r="16" spans="1:100" ht="21" customHeight="1" x14ac:dyDescent="0.2">
      <c r="A16" s="177" t="s">
        <v>13</v>
      </c>
      <c r="B16" s="192">
        <v>0</v>
      </c>
      <c r="C16" s="193">
        <v>0</v>
      </c>
      <c r="D16" s="194">
        <v>0</v>
      </c>
      <c r="E16" s="195">
        <v>0</v>
      </c>
      <c r="F16" s="196">
        <v>0</v>
      </c>
      <c r="G16" s="196">
        <v>1</v>
      </c>
      <c r="H16" s="196">
        <v>1</v>
      </c>
      <c r="I16" s="196">
        <v>0</v>
      </c>
      <c r="J16" s="196">
        <v>0</v>
      </c>
      <c r="K16" s="197">
        <v>2</v>
      </c>
      <c r="L16" s="198">
        <v>2</v>
      </c>
      <c r="M16" s="192">
        <v>0</v>
      </c>
      <c r="N16" s="196">
        <v>0</v>
      </c>
      <c r="O16" s="193">
        <v>0</v>
      </c>
      <c r="P16" s="195">
        <v>0</v>
      </c>
      <c r="Q16" s="196">
        <v>0</v>
      </c>
      <c r="R16" s="196">
        <v>0</v>
      </c>
      <c r="S16" s="196">
        <v>0</v>
      </c>
      <c r="T16" s="196">
        <v>0</v>
      </c>
      <c r="U16" s="196">
        <v>0</v>
      </c>
      <c r="V16" s="193">
        <v>0</v>
      </c>
      <c r="W16" s="198">
        <v>0</v>
      </c>
      <c r="X16" s="192">
        <v>0</v>
      </c>
      <c r="Y16" s="196">
        <v>0</v>
      </c>
      <c r="Z16" s="193">
        <v>0</v>
      </c>
      <c r="AA16" s="195">
        <v>0</v>
      </c>
      <c r="AB16" s="196">
        <v>131</v>
      </c>
      <c r="AC16" s="196">
        <v>120</v>
      </c>
      <c r="AD16" s="196">
        <v>57</v>
      </c>
      <c r="AE16" s="196">
        <v>25</v>
      </c>
      <c r="AF16" s="196">
        <v>12</v>
      </c>
      <c r="AG16" s="193">
        <v>345</v>
      </c>
      <c r="AH16" s="198">
        <v>345</v>
      </c>
      <c r="AI16" s="192">
        <v>0</v>
      </c>
      <c r="AJ16" s="196">
        <v>0</v>
      </c>
      <c r="AK16" s="193">
        <v>0</v>
      </c>
      <c r="AL16" s="195">
        <v>0</v>
      </c>
      <c r="AM16" s="196">
        <v>2</v>
      </c>
      <c r="AN16" s="196">
        <v>4</v>
      </c>
      <c r="AO16" s="196">
        <v>11</v>
      </c>
      <c r="AP16" s="196">
        <v>5</v>
      </c>
      <c r="AQ16" s="196">
        <v>8</v>
      </c>
      <c r="AR16" s="193">
        <v>30</v>
      </c>
      <c r="AS16" s="198">
        <v>30</v>
      </c>
      <c r="AT16" s="192">
        <v>1</v>
      </c>
      <c r="AU16" s="196">
        <v>3</v>
      </c>
      <c r="AV16" s="193">
        <v>4</v>
      </c>
      <c r="AW16" s="195">
        <v>0</v>
      </c>
      <c r="AX16" s="196">
        <v>16</v>
      </c>
      <c r="AY16" s="196">
        <v>12</v>
      </c>
      <c r="AZ16" s="196">
        <v>1</v>
      </c>
      <c r="BA16" s="196">
        <v>1</v>
      </c>
      <c r="BB16" s="196">
        <v>0</v>
      </c>
      <c r="BC16" s="193">
        <v>30</v>
      </c>
      <c r="BD16" s="198">
        <v>34</v>
      </c>
      <c r="BE16" s="192">
        <v>0</v>
      </c>
      <c r="BF16" s="196">
        <v>0</v>
      </c>
      <c r="BG16" s="193">
        <v>0</v>
      </c>
      <c r="BH16" s="195">
        <v>0</v>
      </c>
      <c r="BI16" s="196">
        <v>13</v>
      </c>
      <c r="BJ16" s="196">
        <v>16</v>
      </c>
      <c r="BK16" s="196">
        <v>24</v>
      </c>
      <c r="BL16" s="196">
        <v>13</v>
      </c>
      <c r="BM16" s="196">
        <v>10</v>
      </c>
      <c r="BN16" s="197">
        <v>76</v>
      </c>
      <c r="BO16" s="198">
        <v>76</v>
      </c>
      <c r="BP16" s="192">
        <v>0</v>
      </c>
      <c r="BQ16" s="196">
        <v>0</v>
      </c>
      <c r="BR16" s="193">
        <v>0</v>
      </c>
      <c r="BS16" s="195">
        <v>0</v>
      </c>
      <c r="BT16" s="196">
        <v>0</v>
      </c>
      <c r="BU16" s="196">
        <v>0</v>
      </c>
      <c r="BV16" s="196">
        <v>4</v>
      </c>
      <c r="BW16" s="196">
        <v>9</v>
      </c>
      <c r="BX16" s="196">
        <v>4</v>
      </c>
      <c r="BY16" s="193">
        <v>17</v>
      </c>
      <c r="BZ16" s="198">
        <v>17</v>
      </c>
      <c r="CA16" s="192">
        <v>0</v>
      </c>
      <c r="CB16" s="196">
        <v>0</v>
      </c>
      <c r="CC16" s="193">
        <v>0</v>
      </c>
      <c r="CD16" s="195">
        <v>0</v>
      </c>
      <c r="CE16" s="196">
        <v>0</v>
      </c>
      <c r="CF16" s="196">
        <v>0</v>
      </c>
      <c r="CG16" s="196">
        <v>0</v>
      </c>
      <c r="CH16" s="196">
        <v>0</v>
      </c>
      <c r="CI16" s="196">
        <v>0</v>
      </c>
      <c r="CJ16" s="193">
        <v>0</v>
      </c>
      <c r="CK16" s="198">
        <v>0</v>
      </c>
      <c r="CL16" s="192">
        <v>0</v>
      </c>
      <c r="CM16" s="196">
        <v>0</v>
      </c>
      <c r="CN16" s="193">
        <v>0</v>
      </c>
      <c r="CO16" s="195">
        <v>0</v>
      </c>
      <c r="CP16" s="196">
        <v>0</v>
      </c>
      <c r="CQ16" s="196">
        <v>0</v>
      </c>
      <c r="CR16" s="196">
        <v>0</v>
      </c>
      <c r="CS16" s="196">
        <v>0</v>
      </c>
      <c r="CT16" s="196">
        <v>0</v>
      </c>
      <c r="CU16" s="193">
        <v>0</v>
      </c>
      <c r="CV16" s="198">
        <v>0</v>
      </c>
    </row>
    <row r="17" spans="1:100" ht="21" customHeight="1" x14ac:dyDescent="0.2">
      <c r="A17" s="177" t="s">
        <v>15</v>
      </c>
      <c r="B17" s="192">
        <v>0</v>
      </c>
      <c r="C17" s="193">
        <v>0</v>
      </c>
      <c r="D17" s="194">
        <v>0</v>
      </c>
      <c r="E17" s="195">
        <v>0</v>
      </c>
      <c r="F17" s="196">
        <v>3</v>
      </c>
      <c r="G17" s="196">
        <v>3</v>
      </c>
      <c r="H17" s="196">
        <v>4</v>
      </c>
      <c r="I17" s="196">
        <v>3</v>
      </c>
      <c r="J17" s="196">
        <v>3</v>
      </c>
      <c r="K17" s="197">
        <v>16</v>
      </c>
      <c r="L17" s="198">
        <v>16</v>
      </c>
      <c r="M17" s="192">
        <v>0</v>
      </c>
      <c r="N17" s="196">
        <v>0</v>
      </c>
      <c r="O17" s="193">
        <v>0</v>
      </c>
      <c r="P17" s="195">
        <v>0</v>
      </c>
      <c r="Q17" s="196">
        <v>0</v>
      </c>
      <c r="R17" s="196">
        <v>0</v>
      </c>
      <c r="S17" s="196">
        <v>0</v>
      </c>
      <c r="T17" s="196">
        <v>0</v>
      </c>
      <c r="U17" s="196">
        <v>0</v>
      </c>
      <c r="V17" s="193">
        <v>0</v>
      </c>
      <c r="W17" s="198">
        <v>0</v>
      </c>
      <c r="X17" s="192">
        <v>0</v>
      </c>
      <c r="Y17" s="196">
        <v>0</v>
      </c>
      <c r="Z17" s="193">
        <v>0</v>
      </c>
      <c r="AA17" s="195">
        <v>0</v>
      </c>
      <c r="AB17" s="196">
        <v>150</v>
      </c>
      <c r="AC17" s="196">
        <v>166</v>
      </c>
      <c r="AD17" s="196">
        <v>62</v>
      </c>
      <c r="AE17" s="196">
        <v>46</v>
      </c>
      <c r="AF17" s="196">
        <v>8</v>
      </c>
      <c r="AG17" s="193">
        <v>432</v>
      </c>
      <c r="AH17" s="198">
        <v>432</v>
      </c>
      <c r="AI17" s="192">
        <v>0</v>
      </c>
      <c r="AJ17" s="196">
        <v>0</v>
      </c>
      <c r="AK17" s="193">
        <v>0</v>
      </c>
      <c r="AL17" s="195">
        <v>0</v>
      </c>
      <c r="AM17" s="196">
        <v>7</v>
      </c>
      <c r="AN17" s="196">
        <v>7</v>
      </c>
      <c r="AO17" s="196">
        <v>8</v>
      </c>
      <c r="AP17" s="196">
        <v>3</v>
      </c>
      <c r="AQ17" s="196">
        <v>2</v>
      </c>
      <c r="AR17" s="193">
        <v>27</v>
      </c>
      <c r="AS17" s="198">
        <v>27</v>
      </c>
      <c r="AT17" s="192">
        <v>6</v>
      </c>
      <c r="AU17" s="196">
        <v>14</v>
      </c>
      <c r="AV17" s="193">
        <v>20</v>
      </c>
      <c r="AW17" s="195">
        <v>0</v>
      </c>
      <c r="AX17" s="196">
        <v>19</v>
      </c>
      <c r="AY17" s="196">
        <v>25</v>
      </c>
      <c r="AZ17" s="196">
        <v>14</v>
      </c>
      <c r="BA17" s="196">
        <v>11</v>
      </c>
      <c r="BB17" s="196">
        <v>4</v>
      </c>
      <c r="BC17" s="193">
        <v>73</v>
      </c>
      <c r="BD17" s="198">
        <v>93</v>
      </c>
      <c r="BE17" s="192">
        <v>0</v>
      </c>
      <c r="BF17" s="196">
        <v>1</v>
      </c>
      <c r="BG17" s="193">
        <v>1</v>
      </c>
      <c r="BH17" s="195">
        <v>0</v>
      </c>
      <c r="BI17" s="196">
        <v>44</v>
      </c>
      <c r="BJ17" s="196">
        <v>31</v>
      </c>
      <c r="BK17" s="196">
        <v>41</v>
      </c>
      <c r="BL17" s="196">
        <v>26</v>
      </c>
      <c r="BM17" s="196">
        <v>15</v>
      </c>
      <c r="BN17" s="197">
        <v>157</v>
      </c>
      <c r="BO17" s="198">
        <v>158</v>
      </c>
      <c r="BP17" s="192">
        <v>0</v>
      </c>
      <c r="BQ17" s="196">
        <v>0</v>
      </c>
      <c r="BR17" s="193">
        <v>0</v>
      </c>
      <c r="BS17" s="195">
        <v>0</v>
      </c>
      <c r="BT17" s="196">
        <v>0</v>
      </c>
      <c r="BU17" s="196">
        <v>0</v>
      </c>
      <c r="BV17" s="196">
        <v>0</v>
      </c>
      <c r="BW17" s="196">
        <v>0</v>
      </c>
      <c r="BX17" s="196">
        <v>0</v>
      </c>
      <c r="BY17" s="193">
        <v>0</v>
      </c>
      <c r="BZ17" s="198">
        <v>0</v>
      </c>
      <c r="CA17" s="192">
        <v>0</v>
      </c>
      <c r="CB17" s="196">
        <v>0</v>
      </c>
      <c r="CC17" s="193">
        <v>0</v>
      </c>
      <c r="CD17" s="195">
        <v>0</v>
      </c>
      <c r="CE17" s="196">
        <v>0</v>
      </c>
      <c r="CF17" s="196">
        <v>0</v>
      </c>
      <c r="CG17" s="196">
        <v>11</v>
      </c>
      <c r="CH17" s="196">
        <v>11</v>
      </c>
      <c r="CI17" s="196">
        <v>6</v>
      </c>
      <c r="CJ17" s="193">
        <v>28</v>
      </c>
      <c r="CK17" s="198">
        <v>28</v>
      </c>
      <c r="CL17" s="192">
        <v>0</v>
      </c>
      <c r="CM17" s="196">
        <v>0</v>
      </c>
      <c r="CN17" s="193">
        <v>0</v>
      </c>
      <c r="CO17" s="195">
        <v>0</v>
      </c>
      <c r="CP17" s="196">
        <v>0</v>
      </c>
      <c r="CQ17" s="196">
        <v>0</v>
      </c>
      <c r="CR17" s="196">
        <v>0</v>
      </c>
      <c r="CS17" s="196">
        <v>0</v>
      </c>
      <c r="CT17" s="196">
        <v>0</v>
      </c>
      <c r="CU17" s="193">
        <v>0</v>
      </c>
      <c r="CV17" s="198">
        <v>0</v>
      </c>
    </row>
    <row r="18" spans="1:100" ht="21" customHeight="1" x14ac:dyDescent="0.2">
      <c r="A18" s="177" t="s">
        <v>16</v>
      </c>
      <c r="B18" s="192">
        <v>0</v>
      </c>
      <c r="C18" s="193">
        <v>0</v>
      </c>
      <c r="D18" s="194">
        <v>0</v>
      </c>
      <c r="E18" s="195">
        <v>0</v>
      </c>
      <c r="F18" s="196">
        <v>11</v>
      </c>
      <c r="G18" s="196">
        <v>15</v>
      </c>
      <c r="H18" s="196">
        <v>7</v>
      </c>
      <c r="I18" s="196">
        <v>11</v>
      </c>
      <c r="J18" s="196">
        <v>7</v>
      </c>
      <c r="K18" s="197">
        <v>51</v>
      </c>
      <c r="L18" s="198">
        <v>51</v>
      </c>
      <c r="M18" s="192">
        <v>0</v>
      </c>
      <c r="N18" s="196">
        <v>0</v>
      </c>
      <c r="O18" s="193">
        <v>0</v>
      </c>
      <c r="P18" s="195">
        <v>0</v>
      </c>
      <c r="Q18" s="196">
        <v>1</v>
      </c>
      <c r="R18" s="196">
        <v>2</v>
      </c>
      <c r="S18" s="196">
        <v>4</v>
      </c>
      <c r="T18" s="196">
        <v>2</v>
      </c>
      <c r="U18" s="196">
        <v>0</v>
      </c>
      <c r="V18" s="193">
        <v>9</v>
      </c>
      <c r="W18" s="198">
        <v>9</v>
      </c>
      <c r="X18" s="192">
        <v>0</v>
      </c>
      <c r="Y18" s="196">
        <v>0</v>
      </c>
      <c r="Z18" s="193">
        <v>0</v>
      </c>
      <c r="AA18" s="195">
        <v>0</v>
      </c>
      <c r="AB18" s="196">
        <v>168</v>
      </c>
      <c r="AC18" s="196">
        <v>193</v>
      </c>
      <c r="AD18" s="196">
        <v>89</v>
      </c>
      <c r="AE18" s="196">
        <v>50</v>
      </c>
      <c r="AF18" s="196">
        <v>22</v>
      </c>
      <c r="AG18" s="193">
        <v>522</v>
      </c>
      <c r="AH18" s="198">
        <v>522</v>
      </c>
      <c r="AI18" s="192">
        <v>0</v>
      </c>
      <c r="AJ18" s="196">
        <v>0</v>
      </c>
      <c r="AK18" s="193">
        <v>0</v>
      </c>
      <c r="AL18" s="195">
        <v>0</v>
      </c>
      <c r="AM18" s="196">
        <v>4</v>
      </c>
      <c r="AN18" s="196">
        <v>12</v>
      </c>
      <c r="AO18" s="196">
        <v>9</v>
      </c>
      <c r="AP18" s="196">
        <v>4</v>
      </c>
      <c r="AQ18" s="196">
        <v>4</v>
      </c>
      <c r="AR18" s="193">
        <v>33</v>
      </c>
      <c r="AS18" s="198">
        <v>33</v>
      </c>
      <c r="AT18" s="192">
        <v>1</v>
      </c>
      <c r="AU18" s="196">
        <v>1</v>
      </c>
      <c r="AV18" s="193">
        <v>2</v>
      </c>
      <c r="AW18" s="195">
        <v>0</v>
      </c>
      <c r="AX18" s="196">
        <v>8</v>
      </c>
      <c r="AY18" s="196">
        <v>22</v>
      </c>
      <c r="AZ18" s="196">
        <v>15</v>
      </c>
      <c r="BA18" s="196">
        <v>11</v>
      </c>
      <c r="BB18" s="196">
        <v>14</v>
      </c>
      <c r="BC18" s="193">
        <v>70</v>
      </c>
      <c r="BD18" s="198">
        <v>72</v>
      </c>
      <c r="BE18" s="192">
        <v>0</v>
      </c>
      <c r="BF18" s="196">
        <v>0</v>
      </c>
      <c r="BG18" s="193">
        <v>0</v>
      </c>
      <c r="BH18" s="195">
        <v>0</v>
      </c>
      <c r="BI18" s="196">
        <v>19</v>
      </c>
      <c r="BJ18" s="196">
        <v>57</v>
      </c>
      <c r="BK18" s="196">
        <v>55</v>
      </c>
      <c r="BL18" s="196">
        <v>36</v>
      </c>
      <c r="BM18" s="196">
        <v>23</v>
      </c>
      <c r="BN18" s="197">
        <v>190</v>
      </c>
      <c r="BO18" s="198">
        <v>190</v>
      </c>
      <c r="BP18" s="192">
        <v>0</v>
      </c>
      <c r="BQ18" s="196">
        <v>0</v>
      </c>
      <c r="BR18" s="193">
        <v>0</v>
      </c>
      <c r="BS18" s="195">
        <v>0</v>
      </c>
      <c r="BT18" s="196">
        <v>0</v>
      </c>
      <c r="BU18" s="196">
        <v>0</v>
      </c>
      <c r="BV18" s="196">
        <v>0</v>
      </c>
      <c r="BW18" s="196">
        <v>0</v>
      </c>
      <c r="BX18" s="196">
        <v>0</v>
      </c>
      <c r="BY18" s="193">
        <v>0</v>
      </c>
      <c r="BZ18" s="198">
        <v>0</v>
      </c>
      <c r="CA18" s="192">
        <v>0</v>
      </c>
      <c r="CB18" s="196">
        <v>0</v>
      </c>
      <c r="CC18" s="193">
        <v>0</v>
      </c>
      <c r="CD18" s="195">
        <v>0</v>
      </c>
      <c r="CE18" s="196">
        <v>1</v>
      </c>
      <c r="CF18" s="196">
        <v>1</v>
      </c>
      <c r="CG18" s="196">
        <v>8</v>
      </c>
      <c r="CH18" s="196">
        <v>8</v>
      </c>
      <c r="CI18" s="196">
        <v>11</v>
      </c>
      <c r="CJ18" s="193">
        <v>29</v>
      </c>
      <c r="CK18" s="198">
        <v>29</v>
      </c>
      <c r="CL18" s="192">
        <v>0</v>
      </c>
      <c r="CM18" s="196">
        <v>0</v>
      </c>
      <c r="CN18" s="193">
        <v>0</v>
      </c>
      <c r="CO18" s="195">
        <v>0</v>
      </c>
      <c r="CP18" s="196">
        <v>1</v>
      </c>
      <c r="CQ18" s="196">
        <v>6</v>
      </c>
      <c r="CR18" s="196">
        <v>6</v>
      </c>
      <c r="CS18" s="196">
        <v>2</v>
      </c>
      <c r="CT18" s="196">
        <v>4</v>
      </c>
      <c r="CU18" s="193">
        <v>19</v>
      </c>
      <c r="CV18" s="198">
        <v>19</v>
      </c>
    </row>
    <row r="19" spans="1:100" ht="21" customHeight="1" x14ac:dyDescent="0.2">
      <c r="A19" s="177" t="s">
        <v>17</v>
      </c>
      <c r="B19" s="192">
        <v>0</v>
      </c>
      <c r="C19" s="193">
        <v>0</v>
      </c>
      <c r="D19" s="194">
        <v>0</v>
      </c>
      <c r="E19" s="195">
        <v>0</v>
      </c>
      <c r="F19" s="196">
        <v>2</v>
      </c>
      <c r="G19" s="196">
        <v>2</v>
      </c>
      <c r="H19" s="196">
        <v>1</v>
      </c>
      <c r="I19" s="196">
        <v>4</v>
      </c>
      <c r="J19" s="196">
        <v>0</v>
      </c>
      <c r="K19" s="197">
        <v>9</v>
      </c>
      <c r="L19" s="198">
        <v>9</v>
      </c>
      <c r="M19" s="192">
        <v>0</v>
      </c>
      <c r="N19" s="196">
        <v>0</v>
      </c>
      <c r="O19" s="193">
        <v>0</v>
      </c>
      <c r="P19" s="195">
        <v>0</v>
      </c>
      <c r="Q19" s="196">
        <v>0</v>
      </c>
      <c r="R19" s="196">
        <v>0</v>
      </c>
      <c r="S19" s="196">
        <v>0</v>
      </c>
      <c r="T19" s="196">
        <v>0</v>
      </c>
      <c r="U19" s="196">
        <v>0</v>
      </c>
      <c r="V19" s="193">
        <v>0</v>
      </c>
      <c r="W19" s="198">
        <v>0</v>
      </c>
      <c r="X19" s="192">
        <v>0</v>
      </c>
      <c r="Y19" s="196">
        <v>0</v>
      </c>
      <c r="Z19" s="193">
        <v>0</v>
      </c>
      <c r="AA19" s="195">
        <v>0</v>
      </c>
      <c r="AB19" s="196">
        <v>255</v>
      </c>
      <c r="AC19" s="196">
        <v>267</v>
      </c>
      <c r="AD19" s="196">
        <v>126</v>
      </c>
      <c r="AE19" s="196">
        <v>76</v>
      </c>
      <c r="AF19" s="196">
        <v>50</v>
      </c>
      <c r="AG19" s="193">
        <v>774</v>
      </c>
      <c r="AH19" s="198">
        <v>774</v>
      </c>
      <c r="AI19" s="192">
        <v>0</v>
      </c>
      <c r="AJ19" s="196">
        <v>2</v>
      </c>
      <c r="AK19" s="193">
        <v>2</v>
      </c>
      <c r="AL19" s="195">
        <v>0</v>
      </c>
      <c r="AM19" s="196">
        <v>24</v>
      </c>
      <c r="AN19" s="196">
        <v>26</v>
      </c>
      <c r="AO19" s="196">
        <v>22</v>
      </c>
      <c r="AP19" s="196">
        <v>11</v>
      </c>
      <c r="AQ19" s="196">
        <v>3</v>
      </c>
      <c r="AR19" s="193">
        <v>86</v>
      </c>
      <c r="AS19" s="198">
        <v>88</v>
      </c>
      <c r="AT19" s="192">
        <v>1</v>
      </c>
      <c r="AU19" s="196">
        <v>1</v>
      </c>
      <c r="AV19" s="193">
        <v>2</v>
      </c>
      <c r="AW19" s="195">
        <v>0</v>
      </c>
      <c r="AX19" s="196">
        <v>12</v>
      </c>
      <c r="AY19" s="196">
        <v>31</v>
      </c>
      <c r="AZ19" s="196">
        <v>26</v>
      </c>
      <c r="BA19" s="196">
        <v>33</v>
      </c>
      <c r="BB19" s="196">
        <v>11</v>
      </c>
      <c r="BC19" s="193">
        <v>113</v>
      </c>
      <c r="BD19" s="198">
        <v>115</v>
      </c>
      <c r="BE19" s="192">
        <v>0</v>
      </c>
      <c r="BF19" s="196">
        <v>0</v>
      </c>
      <c r="BG19" s="193">
        <v>0</v>
      </c>
      <c r="BH19" s="195">
        <v>0</v>
      </c>
      <c r="BI19" s="196">
        <v>47</v>
      </c>
      <c r="BJ19" s="196">
        <v>67</v>
      </c>
      <c r="BK19" s="196">
        <v>58</v>
      </c>
      <c r="BL19" s="196">
        <v>36</v>
      </c>
      <c r="BM19" s="196">
        <v>18</v>
      </c>
      <c r="BN19" s="197">
        <v>226</v>
      </c>
      <c r="BO19" s="198">
        <v>226</v>
      </c>
      <c r="BP19" s="192">
        <v>0</v>
      </c>
      <c r="BQ19" s="196">
        <v>0</v>
      </c>
      <c r="BR19" s="193">
        <v>0</v>
      </c>
      <c r="BS19" s="195">
        <v>0</v>
      </c>
      <c r="BT19" s="196">
        <v>0</v>
      </c>
      <c r="BU19" s="196">
        <v>0</v>
      </c>
      <c r="BV19" s="196">
        <v>0</v>
      </c>
      <c r="BW19" s="196">
        <v>0</v>
      </c>
      <c r="BX19" s="196">
        <v>0</v>
      </c>
      <c r="BY19" s="193">
        <v>0</v>
      </c>
      <c r="BZ19" s="198">
        <v>0</v>
      </c>
      <c r="CA19" s="192">
        <v>0</v>
      </c>
      <c r="CB19" s="196">
        <v>0</v>
      </c>
      <c r="CC19" s="193">
        <v>0</v>
      </c>
      <c r="CD19" s="195">
        <v>0</v>
      </c>
      <c r="CE19" s="196">
        <v>1</v>
      </c>
      <c r="CF19" s="196">
        <v>1</v>
      </c>
      <c r="CG19" s="196">
        <v>34</v>
      </c>
      <c r="CH19" s="196">
        <v>24</v>
      </c>
      <c r="CI19" s="196">
        <v>43</v>
      </c>
      <c r="CJ19" s="193">
        <v>103</v>
      </c>
      <c r="CK19" s="198">
        <v>103</v>
      </c>
      <c r="CL19" s="192">
        <v>0</v>
      </c>
      <c r="CM19" s="196">
        <v>0</v>
      </c>
      <c r="CN19" s="193">
        <v>0</v>
      </c>
      <c r="CO19" s="195">
        <v>0</v>
      </c>
      <c r="CP19" s="196">
        <v>4</v>
      </c>
      <c r="CQ19" s="196">
        <v>0</v>
      </c>
      <c r="CR19" s="196">
        <v>2</v>
      </c>
      <c r="CS19" s="196">
        <v>3</v>
      </c>
      <c r="CT19" s="196">
        <v>6</v>
      </c>
      <c r="CU19" s="193">
        <v>15</v>
      </c>
      <c r="CV19" s="198">
        <v>15</v>
      </c>
    </row>
    <row r="20" spans="1:100" ht="21" customHeight="1" x14ac:dyDescent="0.2">
      <c r="A20" s="177" t="s">
        <v>18</v>
      </c>
      <c r="B20" s="192">
        <v>0</v>
      </c>
      <c r="C20" s="193">
        <v>0</v>
      </c>
      <c r="D20" s="194">
        <v>0</v>
      </c>
      <c r="E20" s="195">
        <v>0</v>
      </c>
      <c r="F20" s="196">
        <v>2</v>
      </c>
      <c r="G20" s="196">
        <v>1</v>
      </c>
      <c r="H20" s="196">
        <v>3</v>
      </c>
      <c r="I20" s="196">
        <v>1</v>
      </c>
      <c r="J20" s="196">
        <v>3</v>
      </c>
      <c r="K20" s="197">
        <v>10</v>
      </c>
      <c r="L20" s="198">
        <v>10</v>
      </c>
      <c r="M20" s="192">
        <v>0</v>
      </c>
      <c r="N20" s="196">
        <v>0</v>
      </c>
      <c r="O20" s="193">
        <v>0</v>
      </c>
      <c r="P20" s="195">
        <v>0</v>
      </c>
      <c r="Q20" s="196">
        <v>0</v>
      </c>
      <c r="R20" s="196">
        <v>0</v>
      </c>
      <c r="S20" s="196">
        <v>0</v>
      </c>
      <c r="T20" s="196">
        <v>0</v>
      </c>
      <c r="U20" s="196">
        <v>0</v>
      </c>
      <c r="V20" s="193">
        <v>0</v>
      </c>
      <c r="W20" s="198">
        <v>0</v>
      </c>
      <c r="X20" s="192">
        <v>0</v>
      </c>
      <c r="Y20" s="196">
        <v>0</v>
      </c>
      <c r="Z20" s="193">
        <v>0</v>
      </c>
      <c r="AA20" s="195">
        <v>0</v>
      </c>
      <c r="AB20" s="196">
        <v>307</v>
      </c>
      <c r="AC20" s="196">
        <v>249</v>
      </c>
      <c r="AD20" s="196">
        <v>94</v>
      </c>
      <c r="AE20" s="196">
        <v>42</v>
      </c>
      <c r="AF20" s="196">
        <v>11</v>
      </c>
      <c r="AG20" s="193">
        <v>703</v>
      </c>
      <c r="AH20" s="198">
        <v>703</v>
      </c>
      <c r="AI20" s="192">
        <v>0</v>
      </c>
      <c r="AJ20" s="196">
        <v>0</v>
      </c>
      <c r="AK20" s="193">
        <v>0</v>
      </c>
      <c r="AL20" s="195">
        <v>0</v>
      </c>
      <c r="AM20" s="196">
        <v>8</v>
      </c>
      <c r="AN20" s="196">
        <v>6</v>
      </c>
      <c r="AO20" s="196">
        <v>19</v>
      </c>
      <c r="AP20" s="196">
        <v>11</v>
      </c>
      <c r="AQ20" s="196">
        <v>21</v>
      </c>
      <c r="AR20" s="193">
        <v>65</v>
      </c>
      <c r="AS20" s="198">
        <v>65</v>
      </c>
      <c r="AT20" s="192">
        <v>10</v>
      </c>
      <c r="AU20" s="196">
        <v>7</v>
      </c>
      <c r="AV20" s="193">
        <v>17</v>
      </c>
      <c r="AW20" s="195">
        <v>0</v>
      </c>
      <c r="AX20" s="196">
        <v>45</v>
      </c>
      <c r="AY20" s="196">
        <v>58</v>
      </c>
      <c r="AZ20" s="196">
        <v>29</v>
      </c>
      <c r="BA20" s="196">
        <v>13</v>
      </c>
      <c r="BB20" s="196">
        <v>7</v>
      </c>
      <c r="BC20" s="193">
        <v>152</v>
      </c>
      <c r="BD20" s="198">
        <v>169</v>
      </c>
      <c r="BE20" s="192">
        <v>0</v>
      </c>
      <c r="BF20" s="196">
        <v>2</v>
      </c>
      <c r="BG20" s="193">
        <v>2</v>
      </c>
      <c r="BH20" s="195">
        <v>0</v>
      </c>
      <c r="BI20" s="196">
        <v>50</v>
      </c>
      <c r="BJ20" s="196">
        <v>101</v>
      </c>
      <c r="BK20" s="196">
        <v>87</v>
      </c>
      <c r="BL20" s="196">
        <v>47</v>
      </c>
      <c r="BM20" s="196">
        <v>23</v>
      </c>
      <c r="BN20" s="197">
        <v>308</v>
      </c>
      <c r="BO20" s="198">
        <v>310</v>
      </c>
      <c r="BP20" s="192">
        <v>0</v>
      </c>
      <c r="BQ20" s="196">
        <v>0</v>
      </c>
      <c r="BR20" s="193">
        <v>0</v>
      </c>
      <c r="BS20" s="195">
        <v>0</v>
      </c>
      <c r="BT20" s="196">
        <v>0</v>
      </c>
      <c r="BU20" s="196">
        <v>0</v>
      </c>
      <c r="BV20" s="196">
        <v>0</v>
      </c>
      <c r="BW20" s="196">
        <v>0</v>
      </c>
      <c r="BX20" s="196">
        <v>0</v>
      </c>
      <c r="BY20" s="193">
        <v>0</v>
      </c>
      <c r="BZ20" s="198">
        <v>0</v>
      </c>
      <c r="CA20" s="192">
        <v>0</v>
      </c>
      <c r="CB20" s="196">
        <v>0</v>
      </c>
      <c r="CC20" s="193">
        <v>0</v>
      </c>
      <c r="CD20" s="195">
        <v>0</v>
      </c>
      <c r="CE20" s="196">
        <v>0</v>
      </c>
      <c r="CF20" s="196">
        <v>2</v>
      </c>
      <c r="CG20" s="196">
        <v>8</v>
      </c>
      <c r="CH20" s="196">
        <v>14</v>
      </c>
      <c r="CI20" s="196">
        <v>5</v>
      </c>
      <c r="CJ20" s="193">
        <v>29</v>
      </c>
      <c r="CK20" s="198">
        <v>29</v>
      </c>
      <c r="CL20" s="192">
        <v>0</v>
      </c>
      <c r="CM20" s="196">
        <v>0</v>
      </c>
      <c r="CN20" s="193">
        <v>0</v>
      </c>
      <c r="CO20" s="195">
        <v>0</v>
      </c>
      <c r="CP20" s="196">
        <v>4</v>
      </c>
      <c r="CQ20" s="196">
        <v>6</v>
      </c>
      <c r="CR20" s="196">
        <v>13</v>
      </c>
      <c r="CS20" s="196">
        <v>13</v>
      </c>
      <c r="CT20" s="196">
        <v>14</v>
      </c>
      <c r="CU20" s="193">
        <v>50</v>
      </c>
      <c r="CV20" s="198">
        <v>50</v>
      </c>
    </row>
    <row r="21" spans="1:100" ht="21" customHeight="1" x14ac:dyDescent="0.2">
      <c r="A21" s="177" t="s">
        <v>19</v>
      </c>
      <c r="B21" s="192">
        <v>0</v>
      </c>
      <c r="C21" s="193">
        <v>0</v>
      </c>
      <c r="D21" s="194">
        <v>0</v>
      </c>
      <c r="E21" s="195">
        <v>0</v>
      </c>
      <c r="F21" s="196">
        <v>10</v>
      </c>
      <c r="G21" s="196">
        <v>10</v>
      </c>
      <c r="H21" s="196">
        <v>2</v>
      </c>
      <c r="I21" s="196">
        <v>6</v>
      </c>
      <c r="J21" s="196">
        <v>2</v>
      </c>
      <c r="K21" s="197">
        <v>30</v>
      </c>
      <c r="L21" s="198">
        <v>30</v>
      </c>
      <c r="M21" s="192">
        <v>0</v>
      </c>
      <c r="N21" s="196">
        <v>0</v>
      </c>
      <c r="O21" s="193">
        <v>0</v>
      </c>
      <c r="P21" s="195">
        <v>0</v>
      </c>
      <c r="Q21" s="196">
        <v>3</v>
      </c>
      <c r="R21" s="196">
        <v>3</v>
      </c>
      <c r="S21" s="196">
        <v>5</v>
      </c>
      <c r="T21" s="196">
        <v>1</v>
      </c>
      <c r="U21" s="196">
        <v>1</v>
      </c>
      <c r="V21" s="193">
        <v>13</v>
      </c>
      <c r="W21" s="198">
        <v>13</v>
      </c>
      <c r="X21" s="192">
        <v>0</v>
      </c>
      <c r="Y21" s="196">
        <v>0</v>
      </c>
      <c r="Z21" s="193">
        <v>0</v>
      </c>
      <c r="AA21" s="195">
        <v>0</v>
      </c>
      <c r="AB21" s="196">
        <v>147</v>
      </c>
      <c r="AC21" s="196">
        <v>128</v>
      </c>
      <c r="AD21" s="196">
        <v>56</v>
      </c>
      <c r="AE21" s="196">
        <v>22</v>
      </c>
      <c r="AF21" s="196">
        <v>12</v>
      </c>
      <c r="AG21" s="193">
        <v>365</v>
      </c>
      <c r="AH21" s="198">
        <v>365</v>
      </c>
      <c r="AI21" s="192">
        <v>0</v>
      </c>
      <c r="AJ21" s="196">
        <v>0</v>
      </c>
      <c r="AK21" s="193">
        <v>0</v>
      </c>
      <c r="AL21" s="195">
        <v>0</v>
      </c>
      <c r="AM21" s="196">
        <v>11</v>
      </c>
      <c r="AN21" s="196">
        <v>25</v>
      </c>
      <c r="AO21" s="196">
        <v>17</v>
      </c>
      <c r="AP21" s="196">
        <v>0</v>
      </c>
      <c r="AQ21" s="196">
        <v>4</v>
      </c>
      <c r="AR21" s="193">
        <v>57</v>
      </c>
      <c r="AS21" s="198">
        <v>57</v>
      </c>
      <c r="AT21" s="192">
        <v>0</v>
      </c>
      <c r="AU21" s="196">
        <v>5</v>
      </c>
      <c r="AV21" s="193">
        <v>5</v>
      </c>
      <c r="AW21" s="195">
        <v>0</v>
      </c>
      <c r="AX21" s="196">
        <v>22</v>
      </c>
      <c r="AY21" s="196">
        <v>28</v>
      </c>
      <c r="AZ21" s="196">
        <v>26</v>
      </c>
      <c r="BA21" s="196">
        <v>15</v>
      </c>
      <c r="BB21" s="196">
        <v>17</v>
      </c>
      <c r="BC21" s="193">
        <v>108</v>
      </c>
      <c r="BD21" s="198">
        <v>113</v>
      </c>
      <c r="BE21" s="192">
        <v>0</v>
      </c>
      <c r="BF21" s="196">
        <v>1</v>
      </c>
      <c r="BG21" s="193">
        <v>1</v>
      </c>
      <c r="BH21" s="195">
        <v>0</v>
      </c>
      <c r="BI21" s="196">
        <v>13</v>
      </c>
      <c r="BJ21" s="196">
        <v>20</v>
      </c>
      <c r="BK21" s="196">
        <v>22</v>
      </c>
      <c r="BL21" s="196">
        <v>16</v>
      </c>
      <c r="BM21" s="196">
        <v>10</v>
      </c>
      <c r="BN21" s="197">
        <v>81</v>
      </c>
      <c r="BO21" s="198">
        <v>82</v>
      </c>
      <c r="BP21" s="192">
        <v>0</v>
      </c>
      <c r="BQ21" s="196">
        <v>0</v>
      </c>
      <c r="BR21" s="193">
        <v>0</v>
      </c>
      <c r="BS21" s="195">
        <v>0</v>
      </c>
      <c r="BT21" s="196">
        <v>0</v>
      </c>
      <c r="BU21" s="196">
        <v>0</v>
      </c>
      <c r="BV21" s="196">
        <v>0</v>
      </c>
      <c r="BW21" s="196">
        <v>0</v>
      </c>
      <c r="BX21" s="196">
        <v>0</v>
      </c>
      <c r="BY21" s="193">
        <v>0</v>
      </c>
      <c r="BZ21" s="198">
        <v>0</v>
      </c>
      <c r="CA21" s="192">
        <v>0</v>
      </c>
      <c r="CB21" s="196">
        <v>0</v>
      </c>
      <c r="CC21" s="193">
        <v>0</v>
      </c>
      <c r="CD21" s="195">
        <v>0</v>
      </c>
      <c r="CE21" s="196">
        <v>0</v>
      </c>
      <c r="CF21" s="196">
        <v>0</v>
      </c>
      <c r="CG21" s="196">
        <v>0</v>
      </c>
      <c r="CH21" s="196">
        <v>0</v>
      </c>
      <c r="CI21" s="196">
        <v>0</v>
      </c>
      <c r="CJ21" s="193">
        <v>0</v>
      </c>
      <c r="CK21" s="198">
        <v>0</v>
      </c>
      <c r="CL21" s="192">
        <v>0</v>
      </c>
      <c r="CM21" s="196">
        <v>0</v>
      </c>
      <c r="CN21" s="193">
        <v>0</v>
      </c>
      <c r="CO21" s="195">
        <v>0</v>
      </c>
      <c r="CP21" s="196">
        <v>4</v>
      </c>
      <c r="CQ21" s="196">
        <v>2</v>
      </c>
      <c r="CR21" s="196">
        <v>2</v>
      </c>
      <c r="CS21" s="196">
        <v>6</v>
      </c>
      <c r="CT21" s="196">
        <v>7</v>
      </c>
      <c r="CU21" s="193">
        <v>21</v>
      </c>
      <c r="CV21" s="198">
        <v>21</v>
      </c>
    </row>
    <row r="22" spans="1:100" ht="21" customHeight="1" x14ac:dyDescent="0.2">
      <c r="A22" s="177" t="s">
        <v>20</v>
      </c>
      <c r="B22" s="192">
        <v>0</v>
      </c>
      <c r="C22" s="193">
        <v>0</v>
      </c>
      <c r="D22" s="194">
        <v>0</v>
      </c>
      <c r="E22" s="195">
        <v>0</v>
      </c>
      <c r="F22" s="196">
        <v>1</v>
      </c>
      <c r="G22" s="196">
        <v>0</v>
      </c>
      <c r="H22" s="196">
        <v>0</v>
      </c>
      <c r="I22" s="196">
        <v>0</v>
      </c>
      <c r="J22" s="196">
        <v>0</v>
      </c>
      <c r="K22" s="197">
        <v>1</v>
      </c>
      <c r="L22" s="198">
        <v>1</v>
      </c>
      <c r="M22" s="192">
        <v>0</v>
      </c>
      <c r="N22" s="196">
        <v>0</v>
      </c>
      <c r="O22" s="193">
        <v>0</v>
      </c>
      <c r="P22" s="195">
        <v>0</v>
      </c>
      <c r="Q22" s="196">
        <v>0</v>
      </c>
      <c r="R22" s="196">
        <v>0</v>
      </c>
      <c r="S22" s="196">
        <v>0</v>
      </c>
      <c r="T22" s="196">
        <v>0</v>
      </c>
      <c r="U22" s="196">
        <v>0</v>
      </c>
      <c r="V22" s="193">
        <v>0</v>
      </c>
      <c r="W22" s="198">
        <v>0</v>
      </c>
      <c r="X22" s="192">
        <v>0</v>
      </c>
      <c r="Y22" s="196">
        <v>0</v>
      </c>
      <c r="Z22" s="193">
        <v>0</v>
      </c>
      <c r="AA22" s="195">
        <v>0</v>
      </c>
      <c r="AB22" s="196">
        <v>187</v>
      </c>
      <c r="AC22" s="196">
        <v>85</v>
      </c>
      <c r="AD22" s="196">
        <v>39</v>
      </c>
      <c r="AE22" s="196">
        <v>23</v>
      </c>
      <c r="AF22" s="196">
        <v>7</v>
      </c>
      <c r="AG22" s="193">
        <v>341</v>
      </c>
      <c r="AH22" s="198">
        <v>341</v>
      </c>
      <c r="AI22" s="192">
        <v>0</v>
      </c>
      <c r="AJ22" s="196">
        <v>0</v>
      </c>
      <c r="AK22" s="193">
        <v>0</v>
      </c>
      <c r="AL22" s="195">
        <v>0</v>
      </c>
      <c r="AM22" s="196">
        <v>2</v>
      </c>
      <c r="AN22" s="196">
        <v>4</v>
      </c>
      <c r="AO22" s="196">
        <v>2</v>
      </c>
      <c r="AP22" s="196">
        <v>3</v>
      </c>
      <c r="AQ22" s="196">
        <v>2</v>
      </c>
      <c r="AR22" s="193">
        <v>13</v>
      </c>
      <c r="AS22" s="198">
        <v>13</v>
      </c>
      <c r="AT22" s="192">
        <v>1</v>
      </c>
      <c r="AU22" s="196">
        <v>2</v>
      </c>
      <c r="AV22" s="193">
        <v>3</v>
      </c>
      <c r="AW22" s="195">
        <v>0</v>
      </c>
      <c r="AX22" s="196">
        <v>11</v>
      </c>
      <c r="AY22" s="196">
        <v>13</v>
      </c>
      <c r="AZ22" s="196">
        <v>7</v>
      </c>
      <c r="BA22" s="196">
        <v>6</v>
      </c>
      <c r="BB22" s="196">
        <v>0</v>
      </c>
      <c r="BC22" s="193">
        <v>37</v>
      </c>
      <c r="BD22" s="198">
        <v>40</v>
      </c>
      <c r="BE22" s="192">
        <v>0</v>
      </c>
      <c r="BF22" s="196">
        <v>1</v>
      </c>
      <c r="BG22" s="193">
        <v>1</v>
      </c>
      <c r="BH22" s="195">
        <v>0</v>
      </c>
      <c r="BI22" s="196">
        <v>29</v>
      </c>
      <c r="BJ22" s="196">
        <v>22</v>
      </c>
      <c r="BK22" s="196">
        <v>38</v>
      </c>
      <c r="BL22" s="196">
        <v>26</v>
      </c>
      <c r="BM22" s="196">
        <v>7</v>
      </c>
      <c r="BN22" s="197">
        <v>122</v>
      </c>
      <c r="BO22" s="198">
        <v>123</v>
      </c>
      <c r="BP22" s="192">
        <v>0</v>
      </c>
      <c r="BQ22" s="196">
        <v>0</v>
      </c>
      <c r="BR22" s="193">
        <v>0</v>
      </c>
      <c r="BS22" s="195">
        <v>0</v>
      </c>
      <c r="BT22" s="196">
        <v>0</v>
      </c>
      <c r="BU22" s="196">
        <v>0</v>
      </c>
      <c r="BV22" s="196">
        <v>0</v>
      </c>
      <c r="BW22" s="196">
        <v>0</v>
      </c>
      <c r="BX22" s="196">
        <v>0</v>
      </c>
      <c r="BY22" s="193">
        <v>0</v>
      </c>
      <c r="BZ22" s="198">
        <v>0</v>
      </c>
      <c r="CA22" s="192">
        <v>0</v>
      </c>
      <c r="CB22" s="196">
        <v>0</v>
      </c>
      <c r="CC22" s="193">
        <v>0</v>
      </c>
      <c r="CD22" s="195">
        <v>0</v>
      </c>
      <c r="CE22" s="196">
        <v>0</v>
      </c>
      <c r="CF22" s="196">
        <v>0</v>
      </c>
      <c r="CG22" s="196">
        <v>0</v>
      </c>
      <c r="CH22" s="196">
        <v>0</v>
      </c>
      <c r="CI22" s="196">
        <v>0</v>
      </c>
      <c r="CJ22" s="193">
        <v>0</v>
      </c>
      <c r="CK22" s="198">
        <v>0</v>
      </c>
      <c r="CL22" s="192">
        <v>0</v>
      </c>
      <c r="CM22" s="196">
        <v>0</v>
      </c>
      <c r="CN22" s="193">
        <v>0</v>
      </c>
      <c r="CO22" s="195">
        <v>0</v>
      </c>
      <c r="CP22" s="196">
        <v>0</v>
      </c>
      <c r="CQ22" s="196">
        <v>0</v>
      </c>
      <c r="CR22" s="196">
        <v>0</v>
      </c>
      <c r="CS22" s="196">
        <v>0</v>
      </c>
      <c r="CT22" s="196">
        <v>0</v>
      </c>
      <c r="CU22" s="193">
        <v>0</v>
      </c>
      <c r="CV22" s="198">
        <v>0</v>
      </c>
    </row>
    <row r="23" spans="1:100" ht="21" customHeight="1" x14ac:dyDescent="0.2">
      <c r="A23" s="177" t="s">
        <v>21</v>
      </c>
      <c r="B23" s="192">
        <v>0</v>
      </c>
      <c r="C23" s="193">
        <v>0</v>
      </c>
      <c r="D23" s="194">
        <v>0</v>
      </c>
      <c r="E23" s="195">
        <v>0</v>
      </c>
      <c r="F23" s="196">
        <v>1</v>
      </c>
      <c r="G23" s="196">
        <v>5</v>
      </c>
      <c r="H23" s="196">
        <v>1</v>
      </c>
      <c r="I23" s="196">
        <v>2</v>
      </c>
      <c r="J23" s="196">
        <v>1</v>
      </c>
      <c r="K23" s="197">
        <v>10</v>
      </c>
      <c r="L23" s="198">
        <v>10</v>
      </c>
      <c r="M23" s="192">
        <v>0</v>
      </c>
      <c r="N23" s="196">
        <v>0</v>
      </c>
      <c r="O23" s="193">
        <v>0</v>
      </c>
      <c r="P23" s="195">
        <v>0</v>
      </c>
      <c r="Q23" s="196">
        <v>0</v>
      </c>
      <c r="R23" s="196">
        <v>0</v>
      </c>
      <c r="S23" s="196">
        <v>0</v>
      </c>
      <c r="T23" s="196">
        <v>0</v>
      </c>
      <c r="U23" s="196">
        <v>0</v>
      </c>
      <c r="V23" s="193">
        <v>0</v>
      </c>
      <c r="W23" s="198">
        <v>0</v>
      </c>
      <c r="X23" s="192">
        <v>0</v>
      </c>
      <c r="Y23" s="196">
        <v>0</v>
      </c>
      <c r="Z23" s="193">
        <v>0</v>
      </c>
      <c r="AA23" s="195">
        <v>0</v>
      </c>
      <c r="AB23" s="196">
        <v>190</v>
      </c>
      <c r="AC23" s="196">
        <v>192</v>
      </c>
      <c r="AD23" s="196">
        <v>72</v>
      </c>
      <c r="AE23" s="196">
        <v>28</v>
      </c>
      <c r="AF23" s="196">
        <v>16</v>
      </c>
      <c r="AG23" s="193">
        <v>498</v>
      </c>
      <c r="AH23" s="198">
        <v>498</v>
      </c>
      <c r="AI23" s="192">
        <v>0</v>
      </c>
      <c r="AJ23" s="196">
        <v>0</v>
      </c>
      <c r="AK23" s="193">
        <v>0</v>
      </c>
      <c r="AL23" s="195">
        <v>0</v>
      </c>
      <c r="AM23" s="196">
        <v>0</v>
      </c>
      <c r="AN23" s="196">
        <v>0</v>
      </c>
      <c r="AO23" s="196">
        <v>0</v>
      </c>
      <c r="AP23" s="196">
        <v>0</v>
      </c>
      <c r="AQ23" s="196">
        <v>0</v>
      </c>
      <c r="AR23" s="193">
        <v>0</v>
      </c>
      <c r="AS23" s="198">
        <v>0</v>
      </c>
      <c r="AT23" s="192">
        <v>1</v>
      </c>
      <c r="AU23" s="196">
        <v>2</v>
      </c>
      <c r="AV23" s="193">
        <v>3</v>
      </c>
      <c r="AW23" s="195">
        <v>0</v>
      </c>
      <c r="AX23" s="196">
        <v>10</v>
      </c>
      <c r="AY23" s="196">
        <v>8</v>
      </c>
      <c r="AZ23" s="196">
        <v>15</v>
      </c>
      <c r="BA23" s="196">
        <v>11</v>
      </c>
      <c r="BB23" s="196">
        <v>6</v>
      </c>
      <c r="BC23" s="193">
        <v>50</v>
      </c>
      <c r="BD23" s="198">
        <v>53</v>
      </c>
      <c r="BE23" s="192">
        <v>0</v>
      </c>
      <c r="BF23" s="196">
        <v>0</v>
      </c>
      <c r="BG23" s="193">
        <v>0</v>
      </c>
      <c r="BH23" s="195">
        <v>0</v>
      </c>
      <c r="BI23" s="196">
        <v>19</v>
      </c>
      <c r="BJ23" s="196">
        <v>30</v>
      </c>
      <c r="BK23" s="196">
        <v>30</v>
      </c>
      <c r="BL23" s="196">
        <v>12</v>
      </c>
      <c r="BM23" s="196">
        <v>10</v>
      </c>
      <c r="BN23" s="197">
        <v>101</v>
      </c>
      <c r="BO23" s="198">
        <v>101</v>
      </c>
      <c r="BP23" s="192">
        <v>0</v>
      </c>
      <c r="BQ23" s="196">
        <v>0</v>
      </c>
      <c r="BR23" s="193">
        <v>0</v>
      </c>
      <c r="BS23" s="195">
        <v>0</v>
      </c>
      <c r="BT23" s="196">
        <v>0</v>
      </c>
      <c r="BU23" s="196">
        <v>0</v>
      </c>
      <c r="BV23" s="196">
        <v>0</v>
      </c>
      <c r="BW23" s="196">
        <v>0</v>
      </c>
      <c r="BX23" s="196">
        <v>0</v>
      </c>
      <c r="BY23" s="193">
        <v>0</v>
      </c>
      <c r="BZ23" s="198">
        <v>0</v>
      </c>
      <c r="CA23" s="192">
        <v>0</v>
      </c>
      <c r="CB23" s="196">
        <v>0</v>
      </c>
      <c r="CC23" s="193">
        <v>0</v>
      </c>
      <c r="CD23" s="195">
        <v>0</v>
      </c>
      <c r="CE23" s="196">
        <v>0</v>
      </c>
      <c r="CF23" s="196">
        <v>0</v>
      </c>
      <c r="CG23" s="196">
        <v>0</v>
      </c>
      <c r="CH23" s="196">
        <v>0</v>
      </c>
      <c r="CI23" s="196">
        <v>0</v>
      </c>
      <c r="CJ23" s="193">
        <v>0</v>
      </c>
      <c r="CK23" s="198">
        <v>0</v>
      </c>
      <c r="CL23" s="192">
        <v>0</v>
      </c>
      <c r="CM23" s="196">
        <v>0</v>
      </c>
      <c r="CN23" s="193">
        <v>0</v>
      </c>
      <c r="CO23" s="195">
        <v>0</v>
      </c>
      <c r="CP23" s="196">
        <v>2</v>
      </c>
      <c r="CQ23" s="196">
        <v>4</v>
      </c>
      <c r="CR23" s="196">
        <v>4</v>
      </c>
      <c r="CS23" s="196">
        <v>2</v>
      </c>
      <c r="CT23" s="196">
        <v>4</v>
      </c>
      <c r="CU23" s="193">
        <v>16</v>
      </c>
      <c r="CV23" s="198">
        <v>16</v>
      </c>
    </row>
    <row r="24" spans="1:100" ht="21" customHeight="1" x14ac:dyDescent="0.2">
      <c r="A24" s="177" t="s">
        <v>22</v>
      </c>
      <c r="B24" s="192">
        <v>0</v>
      </c>
      <c r="C24" s="193">
        <v>0</v>
      </c>
      <c r="D24" s="194">
        <v>0</v>
      </c>
      <c r="E24" s="195">
        <v>0</v>
      </c>
      <c r="F24" s="196">
        <v>4</v>
      </c>
      <c r="G24" s="196">
        <v>5</v>
      </c>
      <c r="H24" s="196">
        <v>3</v>
      </c>
      <c r="I24" s="196">
        <v>1</v>
      </c>
      <c r="J24" s="196">
        <v>0</v>
      </c>
      <c r="K24" s="197">
        <v>13</v>
      </c>
      <c r="L24" s="198">
        <v>13</v>
      </c>
      <c r="M24" s="192">
        <v>0</v>
      </c>
      <c r="N24" s="196">
        <v>0</v>
      </c>
      <c r="O24" s="193">
        <v>0</v>
      </c>
      <c r="P24" s="195">
        <v>0</v>
      </c>
      <c r="Q24" s="196">
        <v>0</v>
      </c>
      <c r="R24" s="196">
        <v>0</v>
      </c>
      <c r="S24" s="196">
        <v>0</v>
      </c>
      <c r="T24" s="196">
        <v>0</v>
      </c>
      <c r="U24" s="196">
        <v>0</v>
      </c>
      <c r="V24" s="193">
        <v>0</v>
      </c>
      <c r="W24" s="198">
        <v>0</v>
      </c>
      <c r="X24" s="192">
        <v>0</v>
      </c>
      <c r="Y24" s="196">
        <v>0</v>
      </c>
      <c r="Z24" s="193">
        <v>0</v>
      </c>
      <c r="AA24" s="195">
        <v>0</v>
      </c>
      <c r="AB24" s="196">
        <v>132</v>
      </c>
      <c r="AC24" s="196">
        <v>91</v>
      </c>
      <c r="AD24" s="196">
        <v>35</v>
      </c>
      <c r="AE24" s="196">
        <v>19</v>
      </c>
      <c r="AF24" s="196">
        <v>9</v>
      </c>
      <c r="AG24" s="193">
        <v>286</v>
      </c>
      <c r="AH24" s="198">
        <v>286</v>
      </c>
      <c r="AI24" s="192">
        <v>1</v>
      </c>
      <c r="AJ24" s="196">
        <v>0</v>
      </c>
      <c r="AK24" s="193">
        <v>1</v>
      </c>
      <c r="AL24" s="195">
        <v>0</v>
      </c>
      <c r="AM24" s="196">
        <v>8</v>
      </c>
      <c r="AN24" s="196">
        <v>9</v>
      </c>
      <c r="AO24" s="196">
        <v>3</v>
      </c>
      <c r="AP24" s="196">
        <v>2</v>
      </c>
      <c r="AQ24" s="196">
        <v>1</v>
      </c>
      <c r="AR24" s="193">
        <v>23</v>
      </c>
      <c r="AS24" s="198">
        <v>24</v>
      </c>
      <c r="AT24" s="192">
        <v>3</v>
      </c>
      <c r="AU24" s="196">
        <v>4</v>
      </c>
      <c r="AV24" s="193">
        <v>7</v>
      </c>
      <c r="AW24" s="195">
        <v>0</v>
      </c>
      <c r="AX24" s="196">
        <v>23</v>
      </c>
      <c r="AY24" s="196">
        <v>15</v>
      </c>
      <c r="AZ24" s="196">
        <v>13</v>
      </c>
      <c r="BA24" s="196">
        <v>7</v>
      </c>
      <c r="BB24" s="196">
        <v>3</v>
      </c>
      <c r="BC24" s="193">
        <v>61</v>
      </c>
      <c r="BD24" s="198">
        <v>68</v>
      </c>
      <c r="BE24" s="192">
        <v>0</v>
      </c>
      <c r="BF24" s="196">
        <v>0</v>
      </c>
      <c r="BG24" s="193">
        <v>0</v>
      </c>
      <c r="BH24" s="195">
        <v>0</v>
      </c>
      <c r="BI24" s="196">
        <v>10</v>
      </c>
      <c r="BJ24" s="196">
        <v>15</v>
      </c>
      <c r="BK24" s="196">
        <v>12</v>
      </c>
      <c r="BL24" s="196">
        <v>9</v>
      </c>
      <c r="BM24" s="196">
        <v>7</v>
      </c>
      <c r="BN24" s="197">
        <v>53</v>
      </c>
      <c r="BO24" s="198">
        <v>53</v>
      </c>
      <c r="BP24" s="192">
        <v>0</v>
      </c>
      <c r="BQ24" s="196">
        <v>0</v>
      </c>
      <c r="BR24" s="193">
        <v>0</v>
      </c>
      <c r="BS24" s="195">
        <v>0</v>
      </c>
      <c r="BT24" s="196">
        <v>0</v>
      </c>
      <c r="BU24" s="196">
        <v>0</v>
      </c>
      <c r="BV24" s="196">
        <v>0</v>
      </c>
      <c r="BW24" s="196">
        <v>0</v>
      </c>
      <c r="BX24" s="196">
        <v>0</v>
      </c>
      <c r="BY24" s="193">
        <v>0</v>
      </c>
      <c r="BZ24" s="198">
        <v>0</v>
      </c>
      <c r="CA24" s="192">
        <v>0</v>
      </c>
      <c r="CB24" s="196">
        <v>0</v>
      </c>
      <c r="CC24" s="193">
        <v>0</v>
      </c>
      <c r="CD24" s="195">
        <v>0</v>
      </c>
      <c r="CE24" s="196">
        <v>0</v>
      </c>
      <c r="CF24" s="196">
        <v>0</v>
      </c>
      <c r="CG24" s="196">
        <v>3</v>
      </c>
      <c r="CH24" s="196">
        <v>20</v>
      </c>
      <c r="CI24" s="196">
        <v>9</v>
      </c>
      <c r="CJ24" s="193">
        <v>32</v>
      </c>
      <c r="CK24" s="198">
        <v>32</v>
      </c>
      <c r="CL24" s="192">
        <v>0</v>
      </c>
      <c r="CM24" s="196">
        <v>0</v>
      </c>
      <c r="CN24" s="193">
        <v>0</v>
      </c>
      <c r="CO24" s="195">
        <v>0</v>
      </c>
      <c r="CP24" s="196">
        <v>0</v>
      </c>
      <c r="CQ24" s="196">
        <v>0</v>
      </c>
      <c r="CR24" s="196">
        <v>0</v>
      </c>
      <c r="CS24" s="196">
        <v>0</v>
      </c>
      <c r="CT24" s="196">
        <v>0</v>
      </c>
      <c r="CU24" s="193">
        <v>0</v>
      </c>
      <c r="CV24" s="198">
        <v>0</v>
      </c>
    </row>
    <row r="25" spans="1:100" ht="21" customHeight="1" x14ac:dyDescent="0.2">
      <c r="A25" s="177" t="s">
        <v>23</v>
      </c>
      <c r="B25" s="192">
        <v>0</v>
      </c>
      <c r="C25" s="193">
        <v>0</v>
      </c>
      <c r="D25" s="194">
        <v>0</v>
      </c>
      <c r="E25" s="195">
        <v>0</v>
      </c>
      <c r="F25" s="196">
        <v>1</v>
      </c>
      <c r="G25" s="196">
        <v>1</v>
      </c>
      <c r="H25" s="196">
        <v>0</v>
      </c>
      <c r="I25" s="196">
        <v>0</v>
      </c>
      <c r="J25" s="196">
        <v>1</v>
      </c>
      <c r="K25" s="197">
        <v>3</v>
      </c>
      <c r="L25" s="198">
        <v>3</v>
      </c>
      <c r="M25" s="192">
        <v>0</v>
      </c>
      <c r="N25" s="196">
        <v>0</v>
      </c>
      <c r="O25" s="193">
        <v>0</v>
      </c>
      <c r="P25" s="195">
        <v>0</v>
      </c>
      <c r="Q25" s="196">
        <v>0</v>
      </c>
      <c r="R25" s="196">
        <v>0</v>
      </c>
      <c r="S25" s="196">
        <v>0</v>
      </c>
      <c r="T25" s="196">
        <v>0</v>
      </c>
      <c r="U25" s="196">
        <v>0</v>
      </c>
      <c r="V25" s="193">
        <v>0</v>
      </c>
      <c r="W25" s="198">
        <v>0</v>
      </c>
      <c r="X25" s="192">
        <v>0</v>
      </c>
      <c r="Y25" s="196">
        <v>0</v>
      </c>
      <c r="Z25" s="193">
        <v>0</v>
      </c>
      <c r="AA25" s="195">
        <v>0</v>
      </c>
      <c r="AB25" s="196">
        <v>50</v>
      </c>
      <c r="AC25" s="196">
        <v>42</v>
      </c>
      <c r="AD25" s="196">
        <v>17</v>
      </c>
      <c r="AE25" s="196">
        <v>15</v>
      </c>
      <c r="AF25" s="196">
        <v>4</v>
      </c>
      <c r="AG25" s="193">
        <v>128</v>
      </c>
      <c r="AH25" s="198">
        <v>128</v>
      </c>
      <c r="AI25" s="192">
        <v>0</v>
      </c>
      <c r="AJ25" s="196">
        <v>0</v>
      </c>
      <c r="AK25" s="193">
        <v>0</v>
      </c>
      <c r="AL25" s="195">
        <v>0</v>
      </c>
      <c r="AM25" s="196">
        <v>0</v>
      </c>
      <c r="AN25" s="196">
        <v>0</v>
      </c>
      <c r="AO25" s="196">
        <v>1</v>
      </c>
      <c r="AP25" s="196">
        <v>0</v>
      </c>
      <c r="AQ25" s="196">
        <v>0</v>
      </c>
      <c r="AR25" s="193">
        <v>1</v>
      </c>
      <c r="AS25" s="198">
        <v>1</v>
      </c>
      <c r="AT25" s="192">
        <v>0</v>
      </c>
      <c r="AU25" s="196">
        <v>0</v>
      </c>
      <c r="AV25" s="193">
        <v>0</v>
      </c>
      <c r="AW25" s="195">
        <v>0</v>
      </c>
      <c r="AX25" s="196">
        <v>5</v>
      </c>
      <c r="AY25" s="196">
        <v>1</v>
      </c>
      <c r="AZ25" s="196">
        <v>5</v>
      </c>
      <c r="BA25" s="196">
        <v>1</v>
      </c>
      <c r="BB25" s="196">
        <v>1</v>
      </c>
      <c r="BC25" s="193">
        <v>13</v>
      </c>
      <c r="BD25" s="198">
        <v>13</v>
      </c>
      <c r="BE25" s="192">
        <v>0</v>
      </c>
      <c r="BF25" s="196">
        <v>1</v>
      </c>
      <c r="BG25" s="193">
        <v>1</v>
      </c>
      <c r="BH25" s="195">
        <v>0</v>
      </c>
      <c r="BI25" s="196">
        <v>27</v>
      </c>
      <c r="BJ25" s="196">
        <v>19</v>
      </c>
      <c r="BK25" s="196">
        <v>20</v>
      </c>
      <c r="BL25" s="196">
        <v>12</v>
      </c>
      <c r="BM25" s="196">
        <v>10</v>
      </c>
      <c r="BN25" s="197">
        <v>88</v>
      </c>
      <c r="BO25" s="198">
        <v>89</v>
      </c>
      <c r="BP25" s="192">
        <v>0</v>
      </c>
      <c r="BQ25" s="196">
        <v>0</v>
      </c>
      <c r="BR25" s="193">
        <v>0</v>
      </c>
      <c r="BS25" s="195">
        <v>0</v>
      </c>
      <c r="BT25" s="196">
        <v>0</v>
      </c>
      <c r="BU25" s="196">
        <v>0</v>
      </c>
      <c r="BV25" s="196">
        <v>0</v>
      </c>
      <c r="BW25" s="196">
        <v>0</v>
      </c>
      <c r="BX25" s="196">
        <v>0</v>
      </c>
      <c r="BY25" s="193">
        <v>0</v>
      </c>
      <c r="BZ25" s="198">
        <v>0</v>
      </c>
      <c r="CA25" s="192">
        <v>0</v>
      </c>
      <c r="CB25" s="196">
        <v>0</v>
      </c>
      <c r="CC25" s="193">
        <v>0</v>
      </c>
      <c r="CD25" s="195">
        <v>0</v>
      </c>
      <c r="CE25" s="196">
        <v>0</v>
      </c>
      <c r="CF25" s="196">
        <v>0</v>
      </c>
      <c r="CG25" s="196">
        <v>0</v>
      </c>
      <c r="CH25" s="196">
        <v>0</v>
      </c>
      <c r="CI25" s="196">
        <v>0</v>
      </c>
      <c r="CJ25" s="193">
        <v>0</v>
      </c>
      <c r="CK25" s="198">
        <v>0</v>
      </c>
      <c r="CL25" s="192">
        <v>0</v>
      </c>
      <c r="CM25" s="196">
        <v>0</v>
      </c>
      <c r="CN25" s="193">
        <v>0</v>
      </c>
      <c r="CO25" s="195">
        <v>0</v>
      </c>
      <c r="CP25" s="196">
        <v>0</v>
      </c>
      <c r="CQ25" s="196">
        <v>0</v>
      </c>
      <c r="CR25" s="196">
        <v>1</v>
      </c>
      <c r="CS25" s="196">
        <v>0</v>
      </c>
      <c r="CT25" s="196">
        <v>0</v>
      </c>
      <c r="CU25" s="193">
        <v>1</v>
      </c>
      <c r="CV25" s="198">
        <v>1</v>
      </c>
    </row>
    <row r="26" spans="1:100" ht="21" customHeight="1" x14ac:dyDescent="0.2">
      <c r="A26" s="177" t="s">
        <v>24</v>
      </c>
      <c r="B26" s="192">
        <v>0</v>
      </c>
      <c r="C26" s="193">
        <v>0</v>
      </c>
      <c r="D26" s="194">
        <v>0</v>
      </c>
      <c r="E26" s="195">
        <v>0</v>
      </c>
      <c r="F26" s="196">
        <v>2</v>
      </c>
      <c r="G26" s="196">
        <v>1</v>
      </c>
      <c r="H26" s="196">
        <v>3</v>
      </c>
      <c r="I26" s="196">
        <v>0</v>
      </c>
      <c r="J26" s="196">
        <v>1</v>
      </c>
      <c r="K26" s="197">
        <v>7</v>
      </c>
      <c r="L26" s="198">
        <v>7</v>
      </c>
      <c r="M26" s="192">
        <v>0</v>
      </c>
      <c r="N26" s="196">
        <v>0</v>
      </c>
      <c r="O26" s="193">
        <v>0</v>
      </c>
      <c r="P26" s="195">
        <v>0</v>
      </c>
      <c r="Q26" s="196">
        <v>0</v>
      </c>
      <c r="R26" s="196">
        <v>0</v>
      </c>
      <c r="S26" s="196">
        <v>0</v>
      </c>
      <c r="T26" s="196">
        <v>0</v>
      </c>
      <c r="U26" s="196">
        <v>0</v>
      </c>
      <c r="V26" s="193">
        <v>0</v>
      </c>
      <c r="W26" s="198">
        <v>0</v>
      </c>
      <c r="X26" s="192">
        <v>0</v>
      </c>
      <c r="Y26" s="196">
        <v>0</v>
      </c>
      <c r="Z26" s="193">
        <v>0</v>
      </c>
      <c r="AA26" s="195">
        <v>0</v>
      </c>
      <c r="AB26" s="196">
        <v>57</v>
      </c>
      <c r="AC26" s="196">
        <v>15</v>
      </c>
      <c r="AD26" s="196">
        <v>20</v>
      </c>
      <c r="AE26" s="196">
        <v>8</v>
      </c>
      <c r="AF26" s="196">
        <v>5</v>
      </c>
      <c r="AG26" s="193">
        <v>105</v>
      </c>
      <c r="AH26" s="198">
        <v>105</v>
      </c>
      <c r="AI26" s="192">
        <v>0</v>
      </c>
      <c r="AJ26" s="196">
        <v>0</v>
      </c>
      <c r="AK26" s="193">
        <v>0</v>
      </c>
      <c r="AL26" s="195">
        <v>0</v>
      </c>
      <c r="AM26" s="196">
        <v>11</v>
      </c>
      <c r="AN26" s="196">
        <v>6</v>
      </c>
      <c r="AO26" s="196">
        <v>5</v>
      </c>
      <c r="AP26" s="196">
        <v>2</v>
      </c>
      <c r="AQ26" s="196">
        <v>2</v>
      </c>
      <c r="AR26" s="193">
        <v>26</v>
      </c>
      <c r="AS26" s="198">
        <v>26</v>
      </c>
      <c r="AT26" s="192">
        <v>7</v>
      </c>
      <c r="AU26" s="196">
        <v>6</v>
      </c>
      <c r="AV26" s="193">
        <v>13</v>
      </c>
      <c r="AW26" s="195">
        <v>0</v>
      </c>
      <c r="AX26" s="196">
        <v>18</v>
      </c>
      <c r="AY26" s="196">
        <v>10</v>
      </c>
      <c r="AZ26" s="196">
        <v>6</v>
      </c>
      <c r="BA26" s="196">
        <v>4</v>
      </c>
      <c r="BB26" s="196">
        <v>1</v>
      </c>
      <c r="BC26" s="193">
        <v>39</v>
      </c>
      <c r="BD26" s="198">
        <v>52</v>
      </c>
      <c r="BE26" s="192">
        <v>0</v>
      </c>
      <c r="BF26" s="196">
        <v>0</v>
      </c>
      <c r="BG26" s="193">
        <v>0</v>
      </c>
      <c r="BH26" s="195">
        <v>0</v>
      </c>
      <c r="BI26" s="196">
        <v>2</v>
      </c>
      <c r="BJ26" s="196">
        <v>3</v>
      </c>
      <c r="BK26" s="196">
        <v>13</v>
      </c>
      <c r="BL26" s="196">
        <v>6</v>
      </c>
      <c r="BM26" s="196">
        <v>3</v>
      </c>
      <c r="BN26" s="197">
        <v>27</v>
      </c>
      <c r="BO26" s="198">
        <v>27</v>
      </c>
      <c r="BP26" s="192">
        <v>0</v>
      </c>
      <c r="BQ26" s="196">
        <v>0</v>
      </c>
      <c r="BR26" s="193">
        <v>0</v>
      </c>
      <c r="BS26" s="195">
        <v>0</v>
      </c>
      <c r="BT26" s="196">
        <v>0</v>
      </c>
      <c r="BU26" s="196">
        <v>0</v>
      </c>
      <c r="BV26" s="196">
        <v>0</v>
      </c>
      <c r="BW26" s="196">
        <v>0</v>
      </c>
      <c r="BX26" s="196">
        <v>0</v>
      </c>
      <c r="BY26" s="193">
        <v>0</v>
      </c>
      <c r="BZ26" s="198">
        <v>0</v>
      </c>
      <c r="CA26" s="192">
        <v>0</v>
      </c>
      <c r="CB26" s="196">
        <v>0</v>
      </c>
      <c r="CC26" s="193">
        <v>0</v>
      </c>
      <c r="CD26" s="195">
        <v>0</v>
      </c>
      <c r="CE26" s="196">
        <v>0</v>
      </c>
      <c r="CF26" s="196">
        <v>0</v>
      </c>
      <c r="CG26" s="196">
        <v>0</v>
      </c>
      <c r="CH26" s="196">
        <v>0</v>
      </c>
      <c r="CI26" s="196">
        <v>0</v>
      </c>
      <c r="CJ26" s="193">
        <v>0</v>
      </c>
      <c r="CK26" s="198">
        <v>0</v>
      </c>
      <c r="CL26" s="192">
        <v>0</v>
      </c>
      <c r="CM26" s="196">
        <v>0</v>
      </c>
      <c r="CN26" s="193">
        <v>0</v>
      </c>
      <c r="CO26" s="195">
        <v>0</v>
      </c>
      <c r="CP26" s="196">
        <v>0</v>
      </c>
      <c r="CQ26" s="196">
        <v>0</v>
      </c>
      <c r="CR26" s="196">
        <v>0</v>
      </c>
      <c r="CS26" s="196">
        <v>0</v>
      </c>
      <c r="CT26" s="196">
        <v>0</v>
      </c>
      <c r="CU26" s="193">
        <v>0</v>
      </c>
      <c r="CV26" s="198">
        <v>0</v>
      </c>
    </row>
    <row r="27" spans="1:100" ht="21" customHeight="1" x14ac:dyDescent="0.2">
      <c r="A27" s="177" t="s">
        <v>25</v>
      </c>
      <c r="B27" s="192">
        <v>0</v>
      </c>
      <c r="C27" s="193">
        <v>0</v>
      </c>
      <c r="D27" s="194">
        <v>0</v>
      </c>
      <c r="E27" s="195">
        <v>0</v>
      </c>
      <c r="F27" s="196">
        <v>0</v>
      </c>
      <c r="G27" s="196">
        <v>0</v>
      </c>
      <c r="H27" s="196">
        <v>0</v>
      </c>
      <c r="I27" s="196">
        <v>0</v>
      </c>
      <c r="J27" s="196">
        <v>0</v>
      </c>
      <c r="K27" s="197">
        <v>0</v>
      </c>
      <c r="L27" s="198">
        <v>0</v>
      </c>
      <c r="M27" s="192">
        <v>0</v>
      </c>
      <c r="N27" s="196">
        <v>0</v>
      </c>
      <c r="O27" s="193">
        <v>0</v>
      </c>
      <c r="P27" s="195">
        <v>0</v>
      </c>
      <c r="Q27" s="196">
        <v>0</v>
      </c>
      <c r="R27" s="196">
        <v>0</v>
      </c>
      <c r="S27" s="196">
        <v>0</v>
      </c>
      <c r="T27" s="196">
        <v>0</v>
      </c>
      <c r="U27" s="196">
        <v>0</v>
      </c>
      <c r="V27" s="193">
        <v>0</v>
      </c>
      <c r="W27" s="198">
        <v>0</v>
      </c>
      <c r="X27" s="192">
        <v>0</v>
      </c>
      <c r="Y27" s="196">
        <v>0</v>
      </c>
      <c r="Z27" s="193">
        <v>0</v>
      </c>
      <c r="AA27" s="195">
        <v>0</v>
      </c>
      <c r="AB27" s="196">
        <v>68</v>
      </c>
      <c r="AC27" s="196">
        <v>27</v>
      </c>
      <c r="AD27" s="196">
        <v>14</v>
      </c>
      <c r="AE27" s="196">
        <v>8</v>
      </c>
      <c r="AF27" s="196">
        <v>2</v>
      </c>
      <c r="AG27" s="193">
        <v>119</v>
      </c>
      <c r="AH27" s="198">
        <v>119</v>
      </c>
      <c r="AI27" s="192">
        <v>0</v>
      </c>
      <c r="AJ27" s="196">
        <v>0</v>
      </c>
      <c r="AK27" s="193">
        <v>0</v>
      </c>
      <c r="AL27" s="195">
        <v>0</v>
      </c>
      <c r="AM27" s="196">
        <v>7</v>
      </c>
      <c r="AN27" s="196">
        <v>3</v>
      </c>
      <c r="AO27" s="196">
        <v>0</v>
      </c>
      <c r="AP27" s="196">
        <v>0</v>
      </c>
      <c r="AQ27" s="196">
        <v>1</v>
      </c>
      <c r="AR27" s="193">
        <v>11</v>
      </c>
      <c r="AS27" s="198">
        <v>11</v>
      </c>
      <c r="AT27" s="192">
        <v>0</v>
      </c>
      <c r="AU27" s="196">
        <v>0</v>
      </c>
      <c r="AV27" s="193">
        <v>0</v>
      </c>
      <c r="AW27" s="195">
        <v>0</v>
      </c>
      <c r="AX27" s="196">
        <v>2</v>
      </c>
      <c r="AY27" s="196">
        <v>1</v>
      </c>
      <c r="AZ27" s="196">
        <v>4</v>
      </c>
      <c r="BA27" s="196">
        <v>0</v>
      </c>
      <c r="BB27" s="196">
        <v>1</v>
      </c>
      <c r="BC27" s="193">
        <v>8</v>
      </c>
      <c r="BD27" s="198">
        <v>8</v>
      </c>
      <c r="BE27" s="192">
        <v>0</v>
      </c>
      <c r="BF27" s="196">
        <v>0</v>
      </c>
      <c r="BG27" s="193">
        <v>0</v>
      </c>
      <c r="BH27" s="195">
        <v>0</v>
      </c>
      <c r="BI27" s="196">
        <v>8</v>
      </c>
      <c r="BJ27" s="196">
        <v>9</v>
      </c>
      <c r="BK27" s="196">
        <v>4</v>
      </c>
      <c r="BL27" s="196">
        <v>4</v>
      </c>
      <c r="BM27" s="196">
        <v>1</v>
      </c>
      <c r="BN27" s="197">
        <v>26</v>
      </c>
      <c r="BO27" s="198">
        <v>26</v>
      </c>
      <c r="BP27" s="192">
        <v>0</v>
      </c>
      <c r="BQ27" s="196">
        <v>0</v>
      </c>
      <c r="BR27" s="193">
        <v>0</v>
      </c>
      <c r="BS27" s="195">
        <v>0</v>
      </c>
      <c r="BT27" s="196">
        <v>0</v>
      </c>
      <c r="BU27" s="196">
        <v>0</v>
      </c>
      <c r="BV27" s="196">
        <v>0</v>
      </c>
      <c r="BW27" s="196">
        <v>0</v>
      </c>
      <c r="BX27" s="196">
        <v>0</v>
      </c>
      <c r="BY27" s="193">
        <v>0</v>
      </c>
      <c r="BZ27" s="198">
        <v>0</v>
      </c>
      <c r="CA27" s="192">
        <v>0</v>
      </c>
      <c r="CB27" s="196">
        <v>0</v>
      </c>
      <c r="CC27" s="193">
        <v>0</v>
      </c>
      <c r="CD27" s="195">
        <v>0</v>
      </c>
      <c r="CE27" s="196">
        <v>0</v>
      </c>
      <c r="CF27" s="196">
        <v>0</v>
      </c>
      <c r="CG27" s="196">
        <v>0</v>
      </c>
      <c r="CH27" s="196">
        <v>0</v>
      </c>
      <c r="CI27" s="196">
        <v>0</v>
      </c>
      <c r="CJ27" s="193">
        <v>0</v>
      </c>
      <c r="CK27" s="198">
        <v>0</v>
      </c>
      <c r="CL27" s="192">
        <v>0</v>
      </c>
      <c r="CM27" s="196">
        <v>0</v>
      </c>
      <c r="CN27" s="193">
        <v>0</v>
      </c>
      <c r="CO27" s="195">
        <v>0</v>
      </c>
      <c r="CP27" s="196">
        <v>0</v>
      </c>
      <c r="CQ27" s="196">
        <v>0</v>
      </c>
      <c r="CR27" s="196">
        <v>0</v>
      </c>
      <c r="CS27" s="196">
        <v>0</v>
      </c>
      <c r="CT27" s="196">
        <v>0</v>
      </c>
      <c r="CU27" s="193">
        <v>0</v>
      </c>
      <c r="CV27" s="198">
        <v>0</v>
      </c>
    </row>
    <row r="28" spans="1:100" ht="21" customHeight="1" x14ac:dyDescent="0.2">
      <c r="A28" s="177" t="s">
        <v>26</v>
      </c>
      <c r="B28" s="192">
        <v>0</v>
      </c>
      <c r="C28" s="193">
        <v>0</v>
      </c>
      <c r="D28" s="194">
        <v>0</v>
      </c>
      <c r="E28" s="195">
        <v>0</v>
      </c>
      <c r="F28" s="196">
        <v>0</v>
      </c>
      <c r="G28" s="196">
        <v>0</v>
      </c>
      <c r="H28" s="196">
        <v>0</v>
      </c>
      <c r="I28" s="196">
        <v>0</v>
      </c>
      <c r="J28" s="196">
        <v>0</v>
      </c>
      <c r="K28" s="197">
        <v>0</v>
      </c>
      <c r="L28" s="198">
        <v>0</v>
      </c>
      <c r="M28" s="192">
        <v>0</v>
      </c>
      <c r="N28" s="196">
        <v>0</v>
      </c>
      <c r="O28" s="193">
        <v>0</v>
      </c>
      <c r="P28" s="195">
        <v>0</v>
      </c>
      <c r="Q28" s="196">
        <v>0</v>
      </c>
      <c r="R28" s="196">
        <v>0</v>
      </c>
      <c r="S28" s="196">
        <v>0</v>
      </c>
      <c r="T28" s="196">
        <v>0</v>
      </c>
      <c r="U28" s="196">
        <v>0</v>
      </c>
      <c r="V28" s="193">
        <v>0</v>
      </c>
      <c r="W28" s="198">
        <v>0</v>
      </c>
      <c r="X28" s="192">
        <v>0</v>
      </c>
      <c r="Y28" s="196">
        <v>0</v>
      </c>
      <c r="Z28" s="193">
        <v>0</v>
      </c>
      <c r="AA28" s="195">
        <v>0</v>
      </c>
      <c r="AB28" s="196">
        <v>43</v>
      </c>
      <c r="AC28" s="196">
        <v>40</v>
      </c>
      <c r="AD28" s="196">
        <v>14</v>
      </c>
      <c r="AE28" s="196">
        <v>15</v>
      </c>
      <c r="AF28" s="196">
        <v>11</v>
      </c>
      <c r="AG28" s="193">
        <v>123</v>
      </c>
      <c r="AH28" s="198">
        <v>123</v>
      </c>
      <c r="AI28" s="192">
        <v>0</v>
      </c>
      <c r="AJ28" s="196">
        <v>0</v>
      </c>
      <c r="AK28" s="193">
        <v>0</v>
      </c>
      <c r="AL28" s="195">
        <v>0</v>
      </c>
      <c r="AM28" s="196">
        <v>0</v>
      </c>
      <c r="AN28" s="196">
        <v>0</v>
      </c>
      <c r="AO28" s="196">
        <v>0</v>
      </c>
      <c r="AP28" s="196">
        <v>0</v>
      </c>
      <c r="AQ28" s="196">
        <v>0</v>
      </c>
      <c r="AR28" s="193">
        <v>0</v>
      </c>
      <c r="AS28" s="198">
        <v>0</v>
      </c>
      <c r="AT28" s="192">
        <v>2</v>
      </c>
      <c r="AU28" s="196">
        <v>0</v>
      </c>
      <c r="AV28" s="193">
        <v>2</v>
      </c>
      <c r="AW28" s="195">
        <v>0</v>
      </c>
      <c r="AX28" s="196">
        <v>9</v>
      </c>
      <c r="AY28" s="196">
        <v>7</v>
      </c>
      <c r="AZ28" s="196">
        <v>1</v>
      </c>
      <c r="BA28" s="196">
        <v>3</v>
      </c>
      <c r="BB28" s="196">
        <v>2</v>
      </c>
      <c r="BC28" s="193">
        <v>22</v>
      </c>
      <c r="BD28" s="198">
        <v>24</v>
      </c>
      <c r="BE28" s="192">
        <v>0</v>
      </c>
      <c r="BF28" s="196">
        <v>0</v>
      </c>
      <c r="BG28" s="193">
        <v>0</v>
      </c>
      <c r="BH28" s="195">
        <v>0</v>
      </c>
      <c r="BI28" s="196">
        <v>10</v>
      </c>
      <c r="BJ28" s="196">
        <v>10</v>
      </c>
      <c r="BK28" s="196">
        <v>14</v>
      </c>
      <c r="BL28" s="196">
        <v>12</v>
      </c>
      <c r="BM28" s="196">
        <v>7</v>
      </c>
      <c r="BN28" s="197">
        <v>53</v>
      </c>
      <c r="BO28" s="198">
        <v>53</v>
      </c>
      <c r="BP28" s="192">
        <v>0</v>
      </c>
      <c r="BQ28" s="196">
        <v>0</v>
      </c>
      <c r="BR28" s="193">
        <v>0</v>
      </c>
      <c r="BS28" s="195">
        <v>0</v>
      </c>
      <c r="BT28" s="196">
        <v>0</v>
      </c>
      <c r="BU28" s="196">
        <v>0</v>
      </c>
      <c r="BV28" s="196">
        <v>0</v>
      </c>
      <c r="BW28" s="196">
        <v>0</v>
      </c>
      <c r="BX28" s="196">
        <v>0</v>
      </c>
      <c r="BY28" s="193">
        <v>0</v>
      </c>
      <c r="BZ28" s="198">
        <v>0</v>
      </c>
      <c r="CA28" s="192">
        <v>0</v>
      </c>
      <c r="CB28" s="196">
        <v>0</v>
      </c>
      <c r="CC28" s="193">
        <v>0</v>
      </c>
      <c r="CD28" s="195">
        <v>0</v>
      </c>
      <c r="CE28" s="196">
        <v>0</v>
      </c>
      <c r="CF28" s="196">
        <v>1</v>
      </c>
      <c r="CG28" s="196">
        <v>0</v>
      </c>
      <c r="CH28" s="196">
        <v>0</v>
      </c>
      <c r="CI28" s="196">
        <v>0</v>
      </c>
      <c r="CJ28" s="193">
        <v>1</v>
      </c>
      <c r="CK28" s="198">
        <v>1</v>
      </c>
      <c r="CL28" s="192">
        <v>0</v>
      </c>
      <c r="CM28" s="196">
        <v>0</v>
      </c>
      <c r="CN28" s="193">
        <v>0</v>
      </c>
      <c r="CO28" s="195">
        <v>0</v>
      </c>
      <c r="CP28" s="196">
        <v>0</v>
      </c>
      <c r="CQ28" s="196">
        <v>0</v>
      </c>
      <c r="CR28" s="196">
        <v>0</v>
      </c>
      <c r="CS28" s="196">
        <v>0</v>
      </c>
      <c r="CT28" s="196">
        <v>0</v>
      </c>
      <c r="CU28" s="193">
        <v>0</v>
      </c>
      <c r="CV28" s="198">
        <v>0</v>
      </c>
    </row>
    <row r="29" spans="1:100" ht="21" customHeight="1" x14ac:dyDescent="0.2">
      <c r="A29" s="177" t="s">
        <v>27</v>
      </c>
      <c r="B29" s="192">
        <v>0</v>
      </c>
      <c r="C29" s="193">
        <v>0</v>
      </c>
      <c r="D29" s="194">
        <v>0</v>
      </c>
      <c r="E29" s="195">
        <v>0</v>
      </c>
      <c r="F29" s="196">
        <v>0</v>
      </c>
      <c r="G29" s="196">
        <v>1</v>
      </c>
      <c r="H29" s="196">
        <v>1</v>
      </c>
      <c r="I29" s="196">
        <v>0</v>
      </c>
      <c r="J29" s="196">
        <v>0</v>
      </c>
      <c r="K29" s="197">
        <v>2</v>
      </c>
      <c r="L29" s="198">
        <v>2</v>
      </c>
      <c r="M29" s="192">
        <v>0</v>
      </c>
      <c r="N29" s="196">
        <v>0</v>
      </c>
      <c r="O29" s="193">
        <v>0</v>
      </c>
      <c r="P29" s="195">
        <v>0</v>
      </c>
      <c r="Q29" s="196">
        <v>0</v>
      </c>
      <c r="R29" s="196">
        <v>0</v>
      </c>
      <c r="S29" s="196">
        <v>0</v>
      </c>
      <c r="T29" s="196">
        <v>0</v>
      </c>
      <c r="U29" s="196">
        <v>0</v>
      </c>
      <c r="V29" s="193">
        <v>0</v>
      </c>
      <c r="W29" s="198">
        <v>0</v>
      </c>
      <c r="X29" s="192">
        <v>0</v>
      </c>
      <c r="Y29" s="196">
        <v>0</v>
      </c>
      <c r="Z29" s="193">
        <v>0</v>
      </c>
      <c r="AA29" s="195">
        <v>0</v>
      </c>
      <c r="AB29" s="196">
        <v>27</v>
      </c>
      <c r="AC29" s="196">
        <v>22</v>
      </c>
      <c r="AD29" s="196">
        <v>14</v>
      </c>
      <c r="AE29" s="196">
        <v>3</v>
      </c>
      <c r="AF29" s="196">
        <v>0</v>
      </c>
      <c r="AG29" s="193">
        <v>66</v>
      </c>
      <c r="AH29" s="198">
        <v>66</v>
      </c>
      <c r="AI29" s="192">
        <v>0</v>
      </c>
      <c r="AJ29" s="196">
        <v>0</v>
      </c>
      <c r="AK29" s="193">
        <v>0</v>
      </c>
      <c r="AL29" s="195">
        <v>0</v>
      </c>
      <c r="AM29" s="196">
        <v>4</v>
      </c>
      <c r="AN29" s="196">
        <v>1</v>
      </c>
      <c r="AO29" s="196">
        <v>1</v>
      </c>
      <c r="AP29" s="196">
        <v>1</v>
      </c>
      <c r="AQ29" s="196">
        <v>1</v>
      </c>
      <c r="AR29" s="193">
        <v>8</v>
      </c>
      <c r="AS29" s="198">
        <v>8</v>
      </c>
      <c r="AT29" s="192">
        <v>0</v>
      </c>
      <c r="AU29" s="196">
        <v>0</v>
      </c>
      <c r="AV29" s="193">
        <v>0</v>
      </c>
      <c r="AW29" s="195">
        <v>0</v>
      </c>
      <c r="AX29" s="196">
        <v>1</v>
      </c>
      <c r="AY29" s="196">
        <v>1</v>
      </c>
      <c r="AZ29" s="196">
        <v>0</v>
      </c>
      <c r="BA29" s="196">
        <v>0</v>
      </c>
      <c r="BB29" s="196">
        <v>0</v>
      </c>
      <c r="BC29" s="193">
        <v>2</v>
      </c>
      <c r="BD29" s="198">
        <v>2</v>
      </c>
      <c r="BE29" s="192">
        <v>0</v>
      </c>
      <c r="BF29" s="196">
        <v>0</v>
      </c>
      <c r="BG29" s="193">
        <v>0</v>
      </c>
      <c r="BH29" s="195">
        <v>0</v>
      </c>
      <c r="BI29" s="196">
        <v>24</v>
      </c>
      <c r="BJ29" s="196">
        <v>4</v>
      </c>
      <c r="BK29" s="196">
        <v>4</v>
      </c>
      <c r="BL29" s="196">
        <v>4</v>
      </c>
      <c r="BM29" s="196">
        <v>3</v>
      </c>
      <c r="BN29" s="197">
        <v>39</v>
      </c>
      <c r="BO29" s="198">
        <v>39</v>
      </c>
      <c r="BP29" s="192">
        <v>0</v>
      </c>
      <c r="BQ29" s="196">
        <v>0</v>
      </c>
      <c r="BR29" s="193">
        <v>0</v>
      </c>
      <c r="BS29" s="195">
        <v>0</v>
      </c>
      <c r="BT29" s="196">
        <v>0</v>
      </c>
      <c r="BU29" s="196">
        <v>0</v>
      </c>
      <c r="BV29" s="196">
        <v>0</v>
      </c>
      <c r="BW29" s="196">
        <v>0</v>
      </c>
      <c r="BX29" s="196">
        <v>0</v>
      </c>
      <c r="BY29" s="193">
        <v>0</v>
      </c>
      <c r="BZ29" s="198">
        <v>0</v>
      </c>
      <c r="CA29" s="192">
        <v>0</v>
      </c>
      <c r="CB29" s="196">
        <v>0</v>
      </c>
      <c r="CC29" s="193">
        <v>0</v>
      </c>
      <c r="CD29" s="195">
        <v>0</v>
      </c>
      <c r="CE29" s="196">
        <v>0</v>
      </c>
      <c r="CF29" s="196">
        <v>0</v>
      </c>
      <c r="CG29" s="196">
        <v>14</v>
      </c>
      <c r="CH29" s="196">
        <v>4</v>
      </c>
      <c r="CI29" s="196">
        <v>5</v>
      </c>
      <c r="CJ29" s="193">
        <v>23</v>
      </c>
      <c r="CK29" s="198">
        <v>23</v>
      </c>
      <c r="CL29" s="192">
        <v>0</v>
      </c>
      <c r="CM29" s="196">
        <v>0</v>
      </c>
      <c r="CN29" s="193">
        <v>0</v>
      </c>
      <c r="CO29" s="195">
        <v>0</v>
      </c>
      <c r="CP29" s="196">
        <v>0</v>
      </c>
      <c r="CQ29" s="196">
        <v>0</v>
      </c>
      <c r="CR29" s="196">
        <v>1</v>
      </c>
      <c r="CS29" s="196">
        <v>0</v>
      </c>
      <c r="CT29" s="196">
        <v>0</v>
      </c>
      <c r="CU29" s="193">
        <v>1</v>
      </c>
      <c r="CV29" s="198">
        <v>1</v>
      </c>
    </row>
    <row r="30" spans="1:100" ht="21" customHeight="1" x14ac:dyDescent="0.2">
      <c r="A30" s="177" t="s">
        <v>28</v>
      </c>
      <c r="B30" s="192">
        <v>0</v>
      </c>
      <c r="C30" s="193">
        <v>0</v>
      </c>
      <c r="D30" s="194">
        <v>0</v>
      </c>
      <c r="E30" s="195">
        <v>0</v>
      </c>
      <c r="F30" s="196">
        <v>0</v>
      </c>
      <c r="G30" s="196">
        <v>0</v>
      </c>
      <c r="H30" s="196">
        <v>0</v>
      </c>
      <c r="I30" s="196">
        <v>0</v>
      </c>
      <c r="J30" s="196">
        <v>0</v>
      </c>
      <c r="K30" s="197">
        <v>0</v>
      </c>
      <c r="L30" s="198">
        <v>0</v>
      </c>
      <c r="M30" s="192">
        <v>0</v>
      </c>
      <c r="N30" s="196">
        <v>0</v>
      </c>
      <c r="O30" s="193">
        <v>0</v>
      </c>
      <c r="P30" s="195">
        <v>0</v>
      </c>
      <c r="Q30" s="196">
        <v>0</v>
      </c>
      <c r="R30" s="196">
        <v>0</v>
      </c>
      <c r="S30" s="196">
        <v>0</v>
      </c>
      <c r="T30" s="196">
        <v>0</v>
      </c>
      <c r="U30" s="196">
        <v>0</v>
      </c>
      <c r="V30" s="193">
        <v>0</v>
      </c>
      <c r="W30" s="198">
        <v>0</v>
      </c>
      <c r="X30" s="192">
        <v>0</v>
      </c>
      <c r="Y30" s="196">
        <v>0</v>
      </c>
      <c r="Z30" s="193">
        <v>0</v>
      </c>
      <c r="AA30" s="195">
        <v>0</v>
      </c>
      <c r="AB30" s="196">
        <v>16</v>
      </c>
      <c r="AC30" s="196">
        <v>13</v>
      </c>
      <c r="AD30" s="196">
        <v>2</v>
      </c>
      <c r="AE30" s="196">
        <v>3</v>
      </c>
      <c r="AF30" s="196">
        <v>0</v>
      </c>
      <c r="AG30" s="193">
        <v>34</v>
      </c>
      <c r="AH30" s="198">
        <v>34</v>
      </c>
      <c r="AI30" s="192">
        <v>0</v>
      </c>
      <c r="AJ30" s="196">
        <v>0</v>
      </c>
      <c r="AK30" s="193">
        <v>0</v>
      </c>
      <c r="AL30" s="195">
        <v>0</v>
      </c>
      <c r="AM30" s="196">
        <v>1</v>
      </c>
      <c r="AN30" s="196">
        <v>0</v>
      </c>
      <c r="AO30" s="196">
        <v>5</v>
      </c>
      <c r="AP30" s="196">
        <v>0</v>
      </c>
      <c r="AQ30" s="196">
        <v>0</v>
      </c>
      <c r="AR30" s="193">
        <v>6</v>
      </c>
      <c r="AS30" s="198">
        <v>6</v>
      </c>
      <c r="AT30" s="192">
        <v>0</v>
      </c>
      <c r="AU30" s="196">
        <v>0</v>
      </c>
      <c r="AV30" s="193">
        <v>0</v>
      </c>
      <c r="AW30" s="195">
        <v>0</v>
      </c>
      <c r="AX30" s="196">
        <v>0</v>
      </c>
      <c r="AY30" s="196">
        <v>0</v>
      </c>
      <c r="AZ30" s="196">
        <v>0</v>
      </c>
      <c r="BA30" s="196">
        <v>0</v>
      </c>
      <c r="BB30" s="196">
        <v>0</v>
      </c>
      <c r="BC30" s="193">
        <v>0</v>
      </c>
      <c r="BD30" s="198">
        <v>0</v>
      </c>
      <c r="BE30" s="192">
        <v>0</v>
      </c>
      <c r="BF30" s="196">
        <v>0</v>
      </c>
      <c r="BG30" s="193">
        <v>0</v>
      </c>
      <c r="BH30" s="195">
        <v>0</v>
      </c>
      <c r="BI30" s="196">
        <v>0</v>
      </c>
      <c r="BJ30" s="196">
        <v>3</v>
      </c>
      <c r="BK30" s="196">
        <v>5</v>
      </c>
      <c r="BL30" s="196">
        <v>2</v>
      </c>
      <c r="BM30" s="196">
        <v>3</v>
      </c>
      <c r="BN30" s="197">
        <v>13</v>
      </c>
      <c r="BO30" s="198">
        <v>13</v>
      </c>
      <c r="BP30" s="192">
        <v>0</v>
      </c>
      <c r="BQ30" s="196">
        <v>0</v>
      </c>
      <c r="BR30" s="193">
        <v>0</v>
      </c>
      <c r="BS30" s="195">
        <v>0</v>
      </c>
      <c r="BT30" s="196">
        <v>0</v>
      </c>
      <c r="BU30" s="196">
        <v>0</v>
      </c>
      <c r="BV30" s="196">
        <v>0</v>
      </c>
      <c r="BW30" s="196">
        <v>0</v>
      </c>
      <c r="BX30" s="196">
        <v>0</v>
      </c>
      <c r="BY30" s="193">
        <v>0</v>
      </c>
      <c r="BZ30" s="198">
        <v>0</v>
      </c>
      <c r="CA30" s="192">
        <v>0</v>
      </c>
      <c r="CB30" s="196">
        <v>0</v>
      </c>
      <c r="CC30" s="193">
        <v>0</v>
      </c>
      <c r="CD30" s="195">
        <v>0</v>
      </c>
      <c r="CE30" s="196">
        <v>0</v>
      </c>
      <c r="CF30" s="196">
        <v>0</v>
      </c>
      <c r="CG30" s="196">
        <v>1</v>
      </c>
      <c r="CH30" s="196">
        <v>0</v>
      </c>
      <c r="CI30" s="196">
        <v>0</v>
      </c>
      <c r="CJ30" s="193">
        <v>1</v>
      </c>
      <c r="CK30" s="198">
        <v>1</v>
      </c>
      <c r="CL30" s="192">
        <v>0</v>
      </c>
      <c r="CM30" s="196">
        <v>0</v>
      </c>
      <c r="CN30" s="193">
        <v>0</v>
      </c>
      <c r="CO30" s="195">
        <v>0</v>
      </c>
      <c r="CP30" s="196">
        <v>0</v>
      </c>
      <c r="CQ30" s="196">
        <v>0</v>
      </c>
      <c r="CR30" s="196">
        <v>0</v>
      </c>
      <c r="CS30" s="196">
        <v>0</v>
      </c>
      <c r="CT30" s="196">
        <v>0</v>
      </c>
      <c r="CU30" s="193">
        <v>0</v>
      </c>
      <c r="CV30" s="198">
        <v>0</v>
      </c>
    </row>
    <row r="31" spans="1:100" ht="21" customHeight="1" x14ac:dyDescent="0.2">
      <c r="A31" s="177" t="s">
        <v>29</v>
      </c>
      <c r="B31" s="192">
        <v>0</v>
      </c>
      <c r="C31" s="193">
        <v>0</v>
      </c>
      <c r="D31" s="194">
        <v>0</v>
      </c>
      <c r="E31" s="195">
        <v>0</v>
      </c>
      <c r="F31" s="196">
        <v>0</v>
      </c>
      <c r="G31" s="196">
        <v>0</v>
      </c>
      <c r="H31" s="196">
        <v>0</v>
      </c>
      <c r="I31" s="196">
        <v>0</v>
      </c>
      <c r="J31" s="196">
        <v>0</v>
      </c>
      <c r="K31" s="197">
        <v>0</v>
      </c>
      <c r="L31" s="198">
        <v>0</v>
      </c>
      <c r="M31" s="192">
        <v>0</v>
      </c>
      <c r="N31" s="196">
        <v>0</v>
      </c>
      <c r="O31" s="193">
        <v>0</v>
      </c>
      <c r="P31" s="195">
        <v>0</v>
      </c>
      <c r="Q31" s="196">
        <v>0</v>
      </c>
      <c r="R31" s="196">
        <v>0</v>
      </c>
      <c r="S31" s="196">
        <v>0</v>
      </c>
      <c r="T31" s="196">
        <v>0</v>
      </c>
      <c r="U31" s="196">
        <v>0</v>
      </c>
      <c r="V31" s="193">
        <v>0</v>
      </c>
      <c r="W31" s="198">
        <v>0</v>
      </c>
      <c r="X31" s="192">
        <v>0</v>
      </c>
      <c r="Y31" s="196">
        <v>0</v>
      </c>
      <c r="Z31" s="193">
        <v>0</v>
      </c>
      <c r="AA31" s="195">
        <v>0</v>
      </c>
      <c r="AB31" s="196">
        <v>16</v>
      </c>
      <c r="AC31" s="196">
        <v>16</v>
      </c>
      <c r="AD31" s="196">
        <v>4</v>
      </c>
      <c r="AE31" s="196">
        <v>2</v>
      </c>
      <c r="AF31" s="196">
        <v>0</v>
      </c>
      <c r="AG31" s="193">
        <v>38</v>
      </c>
      <c r="AH31" s="198">
        <v>38</v>
      </c>
      <c r="AI31" s="192">
        <v>0</v>
      </c>
      <c r="AJ31" s="196">
        <v>0</v>
      </c>
      <c r="AK31" s="193">
        <v>0</v>
      </c>
      <c r="AL31" s="195">
        <v>0</v>
      </c>
      <c r="AM31" s="196">
        <v>0</v>
      </c>
      <c r="AN31" s="196">
        <v>2</v>
      </c>
      <c r="AO31" s="196">
        <v>2</v>
      </c>
      <c r="AP31" s="196">
        <v>1</v>
      </c>
      <c r="AQ31" s="196">
        <v>0</v>
      </c>
      <c r="AR31" s="193">
        <v>5</v>
      </c>
      <c r="AS31" s="198">
        <v>5</v>
      </c>
      <c r="AT31" s="192">
        <v>1</v>
      </c>
      <c r="AU31" s="196">
        <v>1</v>
      </c>
      <c r="AV31" s="193">
        <v>2</v>
      </c>
      <c r="AW31" s="195">
        <v>0</v>
      </c>
      <c r="AX31" s="196">
        <v>3</v>
      </c>
      <c r="AY31" s="196">
        <v>1</v>
      </c>
      <c r="AZ31" s="196">
        <v>3</v>
      </c>
      <c r="BA31" s="196">
        <v>3</v>
      </c>
      <c r="BB31" s="196">
        <v>0</v>
      </c>
      <c r="BC31" s="193">
        <v>10</v>
      </c>
      <c r="BD31" s="198">
        <v>12</v>
      </c>
      <c r="BE31" s="192">
        <v>0</v>
      </c>
      <c r="BF31" s="196">
        <v>0</v>
      </c>
      <c r="BG31" s="193">
        <v>0</v>
      </c>
      <c r="BH31" s="195">
        <v>0</v>
      </c>
      <c r="BI31" s="196">
        <v>3</v>
      </c>
      <c r="BJ31" s="196">
        <v>3</v>
      </c>
      <c r="BK31" s="196">
        <v>2</v>
      </c>
      <c r="BL31" s="196">
        <v>1</v>
      </c>
      <c r="BM31" s="196">
        <v>2</v>
      </c>
      <c r="BN31" s="197">
        <v>11</v>
      </c>
      <c r="BO31" s="198">
        <v>11</v>
      </c>
      <c r="BP31" s="192">
        <v>0</v>
      </c>
      <c r="BQ31" s="196">
        <v>0</v>
      </c>
      <c r="BR31" s="193">
        <v>0</v>
      </c>
      <c r="BS31" s="195">
        <v>0</v>
      </c>
      <c r="BT31" s="196">
        <v>0</v>
      </c>
      <c r="BU31" s="196">
        <v>0</v>
      </c>
      <c r="BV31" s="196">
        <v>0</v>
      </c>
      <c r="BW31" s="196">
        <v>0</v>
      </c>
      <c r="BX31" s="196">
        <v>0</v>
      </c>
      <c r="BY31" s="193">
        <v>0</v>
      </c>
      <c r="BZ31" s="198">
        <v>0</v>
      </c>
      <c r="CA31" s="192">
        <v>0</v>
      </c>
      <c r="CB31" s="196">
        <v>0</v>
      </c>
      <c r="CC31" s="193">
        <v>0</v>
      </c>
      <c r="CD31" s="195">
        <v>0</v>
      </c>
      <c r="CE31" s="196">
        <v>0</v>
      </c>
      <c r="CF31" s="196">
        <v>0</v>
      </c>
      <c r="CG31" s="196">
        <v>3</v>
      </c>
      <c r="CH31" s="196">
        <v>3</v>
      </c>
      <c r="CI31" s="196">
        <v>3</v>
      </c>
      <c r="CJ31" s="193">
        <v>9</v>
      </c>
      <c r="CK31" s="198">
        <v>9</v>
      </c>
      <c r="CL31" s="192">
        <v>0</v>
      </c>
      <c r="CM31" s="196">
        <v>0</v>
      </c>
      <c r="CN31" s="193">
        <v>0</v>
      </c>
      <c r="CO31" s="195">
        <v>0</v>
      </c>
      <c r="CP31" s="196">
        <v>0</v>
      </c>
      <c r="CQ31" s="196">
        <v>0</v>
      </c>
      <c r="CR31" s="196">
        <v>0</v>
      </c>
      <c r="CS31" s="196">
        <v>0</v>
      </c>
      <c r="CT31" s="196">
        <v>0</v>
      </c>
      <c r="CU31" s="193">
        <v>0</v>
      </c>
      <c r="CV31" s="198">
        <v>0</v>
      </c>
    </row>
    <row r="32" spans="1:100" ht="21" customHeight="1" x14ac:dyDescent="0.2">
      <c r="A32" s="177" t="s">
        <v>30</v>
      </c>
      <c r="B32" s="192">
        <v>0</v>
      </c>
      <c r="C32" s="193">
        <v>0</v>
      </c>
      <c r="D32" s="194">
        <v>0</v>
      </c>
      <c r="E32" s="195">
        <v>0</v>
      </c>
      <c r="F32" s="196">
        <v>0</v>
      </c>
      <c r="G32" s="196">
        <v>0</v>
      </c>
      <c r="H32" s="196">
        <v>1</v>
      </c>
      <c r="I32" s="196">
        <v>0</v>
      </c>
      <c r="J32" s="196">
        <v>0</v>
      </c>
      <c r="K32" s="197">
        <v>1</v>
      </c>
      <c r="L32" s="198">
        <v>1</v>
      </c>
      <c r="M32" s="192">
        <v>0</v>
      </c>
      <c r="N32" s="196">
        <v>0</v>
      </c>
      <c r="O32" s="193">
        <v>0</v>
      </c>
      <c r="P32" s="195">
        <v>0</v>
      </c>
      <c r="Q32" s="196">
        <v>0</v>
      </c>
      <c r="R32" s="196">
        <v>0</v>
      </c>
      <c r="S32" s="196">
        <v>0</v>
      </c>
      <c r="T32" s="196">
        <v>0</v>
      </c>
      <c r="U32" s="196">
        <v>0</v>
      </c>
      <c r="V32" s="193">
        <v>0</v>
      </c>
      <c r="W32" s="198">
        <v>0</v>
      </c>
      <c r="X32" s="192">
        <v>0</v>
      </c>
      <c r="Y32" s="196">
        <v>0</v>
      </c>
      <c r="Z32" s="193">
        <v>0</v>
      </c>
      <c r="AA32" s="195">
        <v>0</v>
      </c>
      <c r="AB32" s="196">
        <v>25</v>
      </c>
      <c r="AC32" s="196">
        <v>15</v>
      </c>
      <c r="AD32" s="196">
        <v>12</v>
      </c>
      <c r="AE32" s="196">
        <v>4</v>
      </c>
      <c r="AF32" s="196">
        <v>1</v>
      </c>
      <c r="AG32" s="193">
        <v>57</v>
      </c>
      <c r="AH32" s="198">
        <v>57</v>
      </c>
      <c r="AI32" s="192">
        <v>1</v>
      </c>
      <c r="AJ32" s="196">
        <v>0</v>
      </c>
      <c r="AK32" s="193">
        <v>1</v>
      </c>
      <c r="AL32" s="195">
        <v>0</v>
      </c>
      <c r="AM32" s="196">
        <v>0</v>
      </c>
      <c r="AN32" s="196">
        <v>1</v>
      </c>
      <c r="AO32" s="196">
        <v>1</v>
      </c>
      <c r="AP32" s="196">
        <v>0</v>
      </c>
      <c r="AQ32" s="196">
        <v>0</v>
      </c>
      <c r="AR32" s="193">
        <v>2</v>
      </c>
      <c r="AS32" s="198">
        <v>3</v>
      </c>
      <c r="AT32" s="192">
        <v>0</v>
      </c>
      <c r="AU32" s="196">
        <v>0</v>
      </c>
      <c r="AV32" s="193">
        <v>0</v>
      </c>
      <c r="AW32" s="195">
        <v>0</v>
      </c>
      <c r="AX32" s="196">
        <v>0</v>
      </c>
      <c r="AY32" s="196">
        <v>0</v>
      </c>
      <c r="AZ32" s="196">
        <v>1</v>
      </c>
      <c r="BA32" s="196">
        <v>1</v>
      </c>
      <c r="BB32" s="196">
        <v>0</v>
      </c>
      <c r="BC32" s="193">
        <v>2</v>
      </c>
      <c r="BD32" s="198">
        <v>2</v>
      </c>
      <c r="BE32" s="192">
        <v>0</v>
      </c>
      <c r="BF32" s="196">
        <v>0</v>
      </c>
      <c r="BG32" s="193">
        <v>0</v>
      </c>
      <c r="BH32" s="195">
        <v>0</v>
      </c>
      <c r="BI32" s="196">
        <v>9</v>
      </c>
      <c r="BJ32" s="196">
        <v>3</v>
      </c>
      <c r="BK32" s="196">
        <v>8</v>
      </c>
      <c r="BL32" s="196">
        <v>3</v>
      </c>
      <c r="BM32" s="196">
        <v>1</v>
      </c>
      <c r="BN32" s="197">
        <v>24</v>
      </c>
      <c r="BO32" s="198">
        <v>24</v>
      </c>
      <c r="BP32" s="192">
        <v>0</v>
      </c>
      <c r="BQ32" s="196">
        <v>0</v>
      </c>
      <c r="BR32" s="193">
        <v>0</v>
      </c>
      <c r="BS32" s="195">
        <v>0</v>
      </c>
      <c r="BT32" s="196">
        <v>0</v>
      </c>
      <c r="BU32" s="196">
        <v>0</v>
      </c>
      <c r="BV32" s="196">
        <v>0</v>
      </c>
      <c r="BW32" s="196">
        <v>0</v>
      </c>
      <c r="BX32" s="196">
        <v>0</v>
      </c>
      <c r="BY32" s="193">
        <v>0</v>
      </c>
      <c r="BZ32" s="198">
        <v>0</v>
      </c>
      <c r="CA32" s="192">
        <v>0</v>
      </c>
      <c r="CB32" s="196">
        <v>0</v>
      </c>
      <c r="CC32" s="193">
        <v>0</v>
      </c>
      <c r="CD32" s="195">
        <v>0</v>
      </c>
      <c r="CE32" s="196">
        <v>0</v>
      </c>
      <c r="CF32" s="196">
        <v>0</v>
      </c>
      <c r="CG32" s="196">
        <v>0</v>
      </c>
      <c r="CH32" s="196">
        <v>0</v>
      </c>
      <c r="CI32" s="196">
        <v>0</v>
      </c>
      <c r="CJ32" s="193">
        <v>0</v>
      </c>
      <c r="CK32" s="198">
        <v>0</v>
      </c>
      <c r="CL32" s="192">
        <v>0</v>
      </c>
      <c r="CM32" s="196">
        <v>0</v>
      </c>
      <c r="CN32" s="193">
        <v>0</v>
      </c>
      <c r="CO32" s="195">
        <v>0</v>
      </c>
      <c r="CP32" s="196">
        <v>0</v>
      </c>
      <c r="CQ32" s="196">
        <v>0</v>
      </c>
      <c r="CR32" s="196">
        <v>0</v>
      </c>
      <c r="CS32" s="196">
        <v>0</v>
      </c>
      <c r="CT32" s="196">
        <v>0</v>
      </c>
      <c r="CU32" s="193">
        <v>0</v>
      </c>
      <c r="CV32" s="198">
        <v>0</v>
      </c>
    </row>
    <row r="33" spans="1:100" ht="21" customHeight="1" x14ac:dyDescent="0.2">
      <c r="A33" s="177" t="s">
        <v>31</v>
      </c>
      <c r="B33" s="192">
        <v>0</v>
      </c>
      <c r="C33" s="193">
        <v>0</v>
      </c>
      <c r="D33" s="194">
        <v>0</v>
      </c>
      <c r="E33" s="195">
        <v>0</v>
      </c>
      <c r="F33" s="196">
        <v>0</v>
      </c>
      <c r="G33" s="196">
        <v>2</v>
      </c>
      <c r="H33" s="196">
        <v>0</v>
      </c>
      <c r="I33" s="196">
        <v>0</v>
      </c>
      <c r="J33" s="196">
        <v>0</v>
      </c>
      <c r="K33" s="197">
        <v>2</v>
      </c>
      <c r="L33" s="198">
        <v>2</v>
      </c>
      <c r="M33" s="192">
        <v>0</v>
      </c>
      <c r="N33" s="196">
        <v>0</v>
      </c>
      <c r="O33" s="193">
        <v>0</v>
      </c>
      <c r="P33" s="195">
        <v>0</v>
      </c>
      <c r="Q33" s="196">
        <v>0</v>
      </c>
      <c r="R33" s="196">
        <v>0</v>
      </c>
      <c r="S33" s="196">
        <v>0</v>
      </c>
      <c r="T33" s="196">
        <v>0</v>
      </c>
      <c r="U33" s="196">
        <v>0</v>
      </c>
      <c r="V33" s="193">
        <v>0</v>
      </c>
      <c r="W33" s="198">
        <v>0</v>
      </c>
      <c r="X33" s="192">
        <v>0</v>
      </c>
      <c r="Y33" s="196">
        <v>0</v>
      </c>
      <c r="Z33" s="193">
        <v>0</v>
      </c>
      <c r="AA33" s="195">
        <v>0</v>
      </c>
      <c r="AB33" s="196">
        <v>29</v>
      </c>
      <c r="AC33" s="196">
        <v>19</v>
      </c>
      <c r="AD33" s="196">
        <v>8</v>
      </c>
      <c r="AE33" s="196">
        <v>1</v>
      </c>
      <c r="AF33" s="196">
        <v>2</v>
      </c>
      <c r="AG33" s="193">
        <v>59</v>
      </c>
      <c r="AH33" s="198">
        <v>59</v>
      </c>
      <c r="AI33" s="192">
        <v>0</v>
      </c>
      <c r="AJ33" s="196">
        <v>0</v>
      </c>
      <c r="AK33" s="193">
        <v>0</v>
      </c>
      <c r="AL33" s="195">
        <v>0</v>
      </c>
      <c r="AM33" s="196">
        <v>0</v>
      </c>
      <c r="AN33" s="196">
        <v>2</v>
      </c>
      <c r="AO33" s="196">
        <v>1</v>
      </c>
      <c r="AP33" s="196">
        <v>0</v>
      </c>
      <c r="AQ33" s="196">
        <v>0</v>
      </c>
      <c r="AR33" s="193">
        <v>3</v>
      </c>
      <c r="AS33" s="198">
        <v>3</v>
      </c>
      <c r="AT33" s="192">
        <v>0</v>
      </c>
      <c r="AU33" s="196">
        <v>1</v>
      </c>
      <c r="AV33" s="193">
        <v>1</v>
      </c>
      <c r="AW33" s="195">
        <v>0</v>
      </c>
      <c r="AX33" s="196">
        <v>5</v>
      </c>
      <c r="AY33" s="196">
        <v>9</v>
      </c>
      <c r="AZ33" s="196">
        <v>5</v>
      </c>
      <c r="BA33" s="196">
        <v>2</v>
      </c>
      <c r="BB33" s="196">
        <v>2</v>
      </c>
      <c r="BC33" s="193">
        <v>23</v>
      </c>
      <c r="BD33" s="198">
        <v>24</v>
      </c>
      <c r="BE33" s="192">
        <v>0</v>
      </c>
      <c r="BF33" s="196">
        <v>0</v>
      </c>
      <c r="BG33" s="193">
        <v>0</v>
      </c>
      <c r="BH33" s="195">
        <v>0</v>
      </c>
      <c r="BI33" s="196">
        <v>7</v>
      </c>
      <c r="BJ33" s="196">
        <v>11</v>
      </c>
      <c r="BK33" s="196">
        <v>14</v>
      </c>
      <c r="BL33" s="196">
        <v>9</v>
      </c>
      <c r="BM33" s="196">
        <v>3</v>
      </c>
      <c r="BN33" s="197">
        <v>44</v>
      </c>
      <c r="BO33" s="198">
        <v>44</v>
      </c>
      <c r="BP33" s="192">
        <v>0</v>
      </c>
      <c r="BQ33" s="196">
        <v>0</v>
      </c>
      <c r="BR33" s="193">
        <v>0</v>
      </c>
      <c r="BS33" s="195">
        <v>0</v>
      </c>
      <c r="BT33" s="196">
        <v>0</v>
      </c>
      <c r="BU33" s="196">
        <v>0</v>
      </c>
      <c r="BV33" s="196">
        <v>0</v>
      </c>
      <c r="BW33" s="196">
        <v>0</v>
      </c>
      <c r="BX33" s="196">
        <v>0</v>
      </c>
      <c r="BY33" s="193">
        <v>0</v>
      </c>
      <c r="BZ33" s="198">
        <v>0</v>
      </c>
      <c r="CA33" s="192">
        <v>0</v>
      </c>
      <c r="CB33" s="196">
        <v>0</v>
      </c>
      <c r="CC33" s="193">
        <v>0</v>
      </c>
      <c r="CD33" s="195">
        <v>0</v>
      </c>
      <c r="CE33" s="196">
        <v>0</v>
      </c>
      <c r="CF33" s="196">
        <v>0</v>
      </c>
      <c r="CG33" s="196">
        <v>0</v>
      </c>
      <c r="CH33" s="196">
        <v>0</v>
      </c>
      <c r="CI33" s="196">
        <v>0</v>
      </c>
      <c r="CJ33" s="193">
        <v>0</v>
      </c>
      <c r="CK33" s="198">
        <v>0</v>
      </c>
      <c r="CL33" s="192">
        <v>0</v>
      </c>
      <c r="CM33" s="196">
        <v>0</v>
      </c>
      <c r="CN33" s="193">
        <v>0</v>
      </c>
      <c r="CO33" s="195">
        <v>0</v>
      </c>
      <c r="CP33" s="196">
        <v>0</v>
      </c>
      <c r="CQ33" s="196">
        <v>0</v>
      </c>
      <c r="CR33" s="196">
        <v>0</v>
      </c>
      <c r="CS33" s="196">
        <v>0</v>
      </c>
      <c r="CT33" s="196">
        <v>0</v>
      </c>
      <c r="CU33" s="193">
        <v>0</v>
      </c>
      <c r="CV33" s="198">
        <v>0</v>
      </c>
    </row>
    <row r="34" spans="1:100" ht="21" customHeight="1" x14ac:dyDescent="0.2">
      <c r="A34" s="177" t="s">
        <v>32</v>
      </c>
      <c r="B34" s="192">
        <v>0</v>
      </c>
      <c r="C34" s="193">
        <v>0</v>
      </c>
      <c r="D34" s="194">
        <v>0</v>
      </c>
      <c r="E34" s="195">
        <v>0</v>
      </c>
      <c r="F34" s="196">
        <v>3</v>
      </c>
      <c r="G34" s="196">
        <v>0</v>
      </c>
      <c r="H34" s="196">
        <v>2</v>
      </c>
      <c r="I34" s="196">
        <v>2</v>
      </c>
      <c r="J34" s="196">
        <v>0</v>
      </c>
      <c r="K34" s="197">
        <v>7</v>
      </c>
      <c r="L34" s="198">
        <v>7</v>
      </c>
      <c r="M34" s="192">
        <v>0</v>
      </c>
      <c r="N34" s="196">
        <v>0</v>
      </c>
      <c r="O34" s="193">
        <v>0</v>
      </c>
      <c r="P34" s="195">
        <v>0</v>
      </c>
      <c r="Q34" s="196">
        <v>0</v>
      </c>
      <c r="R34" s="196">
        <v>0</v>
      </c>
      <c r="S34" s="196">
        <v>0</v>
      </c>
      <c r="T34" s="196">
        <v>0</v>
      </c>
      <c r="U34" s="196">
        <v>0</v>
      </c>
      <c r="V34" s="193">
        <v>0</v>
      </c>
      <c r="W34" s="198">
        <v>0</v>
      </c>
      <c r="X34" s="192">
        <v>0</v>
      </c>
      <c r="Y34" s="196">
        <v>0</v>
      </c>
      <c r="Z34" s="193">
        <v>0</v>
      </c>
      <c r="AA34" s="195">
        <v>0</v>
      </c>
      <c r="AB34" s="196">
        <v>44</v>
      </c>
      <c r="AC34" s="196">
        <v>27</v>
      </c>
      <c r="AD34" s="196">
        <v>5</v>
      </c>
      <c r="AE34" s="196">
        <v>2</v>
      </c>
      <c r="AF34" s="196">
        <v>0</v>
      </c>
      <c r="AG34" s="193">
        <v>78</v>
      </c>
      <c r="AH34" s="198">
        <v>78</v>
      </c>
      <c r="AI34" s="192">
        <v>0</v>
      </c>
      <c r="AJ34" s="196">
        <v>0</v>
      </c>
      <c r="AK34" s="193">
        <v>0</v>
      </c>
      <c r="AL34" s="195">
        <v>0</v>
      </c>
      <c r="AM34" s="196">
        <v>2</v>
      </c>
      <c r="AN34" s="196">
        <v>0</v>
      </c>
      <c r="AO34" s="196">
        <v>2</v>
      </c>
      <c r="AP34" s="196">
        <v>0</v>
      </c>
      <c r="AQ34" s="196">
        <v>2</v>
      </c>
      <c r="AR34" s="193">
        <v>6</v>
      </c>
      <c r="AS34" s="198">
        <v>6</v>
      </c>
      <c r="AT34" s="192">
        <v>0</v>
      </c>
      <c r="AU34" s="196">
        <v>0</v>
      </c>
      <c r="AV34" s="193">
        <v>0</v>
      </c>
      <c r="AW34" s="195">
        <v>0</v>
      </c>
      <c r="AX34" s="196">
        <v>1</v>
      </c>
      <c r="AY34" s="196">
        <v>0</v>
      </c>
      <c r="AZ34" s="196">
        <v>2</v>
      </c>
      <c r="BA34" s="196">
        <v>2</v>
      </c>
      <c r="BB34" s="196">
        <v>0</v>
      </c>
      <c r="BC34" s="193">
        <v>5</v>
      </c>
      <c r="BD34" s="198">
        <v>5</v>
      </c>
      <c r="BE34" s="192">
        <v>0</v>
      </c>
      <c r="BF34" s="196">
        <v>0</v>
      </c>
      <c r="BG34" s="193">
        <v>0</v>
      </c>
      <c r="BH34" s="195">
        <v>0</v>
      </c>
      <c r="BI34" s="196">
        <v>2</v>
      </c>
      <c r="BJ34" s="196">
        <v>8</v>
      </c>
      <c r="BK34" s="196">
        <v>11</v>
      </c>
      <c r="BL34" s="196">
        <v>7</v>
      </c>
      <c r="BM34" s="196">
        <v>5</v>
      </c>
      <c r="BN34" s="197">
        <v>33</v>
      </c>
      <c r="BO34" s="198">
        <v>33</v>
      </c>
      <c r="BP34" s="192">
        <v>0</v>
      </c>
      <c r="BQ34" s="196">
        <v>0</v>
      </c>
      <c r="BR34" s="193">
        <v>0</v>
      </c>
      <c r="BS34" s="195">
        <v>0</v>
      </c>
      <c r="BT34" s="196">
        <v>0</v>
      </c>
      <c r="BU34" s="196">
        <v>0</v>
      </c>
      <c r="BV34" s="196">
        <v>0</v>
      </c>
      <c r="BW34" s="196">
        <v>0</v>
      </c>
      <c r="BX34" s="196">
        <v>0</v>
      </c>
      <c r="BY34" s="193">
        <v>0</v>
      </c>
      <c r="BZ34" s="198">
        <v>0</v>
      </c>
      <c r="CA34" s="192">
        <v>0</v>
      </c>
      <c r="CB34" s="196">
        <v>0</v>
      </c>
      <c r="CC34" s="193">
        <v>0</v>
      </c>
      <c r="CD34" s="195">
        <v>0</v>
      </c>
      <c r="CE34" s="196">
        <v>0</v>
      </c>
      <c r="CF34" s="196">
        <v>1</v>
      </c>
      <c r="CG34" s="196">
        <v>9</v>
      </c>
      <c r="CH34" s="196">
        <v>13</v>
      </c>
      <c r="CI34" s="196">
        <v>3</v>
      </c>
      <c r="CJ34" s="193">
        <v>26</v>
      </c>
      <c r="CK34" s="198">
        <v>26</v>
      </c>
      <c r="CL34" s="192">
        <v>0</v>
      </c>
      <c r="CM34" s="196">
        <v>0</v>
      </c>
      <c r="CN34" s="193">
        <v>0</v>
      </c>
      <c r="CO34" s="195">
        <v>0</v>
      </c>
      <c r="CP34" s="196">
        <v>0</v>
      </c>
      <c r="CQ34" s="196">
        <v>0</v>
      </c>
      <c r="CR34" s="196">
        <v>0</v>
      </c>
      <c r="CS34" s="196">
        <v>0</v>
      </c>
      <c r="CT34" s="196">
        <v>0</v>
      </c>
      <c r="CU34" s="193">
        <v>0</v>
      </c>
      <c r="CV34" s="198">
        <v>0</v>
      </c>
    </row>
    <row r="35" spans="1:100" ht="21" customHeight="1" x14ac:dyDescent="0.2">
      <c r="A35" s="177" t="s">
        <v>33</v>
      </c>
      <c r="B35" s="192">
        <v>0</v>
      </c>
      <c r="C35" s="193">
        <v>0</v>
      </c>
      <c r="D35" s="194">
        <v>0</v>
      </c>
      <c r="E35" s="195">
        <v>0</v>
      </c>
      <c r="F35" s="196">
        <v>0</v>
      </c>
      <c r="G35" s="196">
        <v>0</v>
      </c>
      <c r="H35" s="196">
        <v>0</v>
      </c>
      <c r="I35" s="196">
        <v>0</v>
      </c>
      <c r="J35" s="196">
        <v>0</v>
      </c>
      <c r="K35" s="197">
        <v>0</v>
      </c>
      <c r="L35" s="198">
        <v>0</v>
      </c>
      <c r="M35" s="192">
        <v>0</v>
      </c>
      <c r="N35" s="196">
        <v>0</v>
      </c>
      <c r="O35" s="193">
        <v>0</v>
      </c>
      <c r="P35" s="195">
        <v>0</v>
      </c>
      <c r="Q35" s="196">
        <v>0</v>
      </c>
      <c r="R35" s="196">
        <v>0</v>
      </c>
      <c r="S35" s="196">
        <v>0</v>
      </c>
      <c r="T35" s="196">
        <v>0</v>
      </c>
      <c r="U35" s="196">
        <v>0</v>
      </c>
      <c r="V35" s="193">
        <v>0</v>
      </c>
      <c r="W35" s="198">
        <v>0</v>
      </c>
      <c r="X35" s="192">
        <v>0</v>
      </c>
      <c r="Y35" s="196">
        <v>0</v>
      </c>
      <c r="Z35" s="193">
        <v>0</v>
      </c>
      <c r="AA35" s="195">
        <v>0</v>
      </c>
      <c r="AB35" s="196">
        <v>32</v>
      </c>
      <c r="AC35" s="196">
        <v>15</v>
      </c>
      <c r="AD35" s="196">
        <v>9</v>
      </c>
      <c r="AE35" s="196">
        <v>4</v>
      </c>
      <c r="AF35" s="196">
        <v>1</v>
      </c>
      <c r="AG35" s="193">
        <v>61</v>
      </c>
      <c r="AH35" s="198">
        <v>61</v>
      </c>
      <c r="AI35" s="192">
        <v>0</v>
      </c>
      <c r="AJ35" s="196">
        <v>0</v>
      </c>
      <c r="AK35" s="193">
        <v>0</v>
      </c>
      <c r="AL35" s="195">
        <v>0</v>
      </c>
      <c r="AM35" s="196">
        <v>1</v>
      </c>
      <c r="AN35" s="196">
        <v>0</v>
      </c>
      <c r="AO35" s="196">
        <v>0</v>
      </c>
      <c r="AP35" s="196">
        <v>0</v>
      </c>
      <c r="AQ35" s="196">
        <v>0</v>
      </c>
      <c r="AR35" s="193">
        <v>1</v>
      </c>
      <c r="AS35" s="198">
        <v>1</v>
      </c>
      <c r="AT35" s="192">
        <v>0</v>
      </c>
      <c r="AU35" s="196">
        <v>0</v>
      </c>
      <c r="AV35" s="193">
        <v>0</v>
      </c>
      <c r="AW35" s="195">
        <v>0</v>
      </c>
      <c r="AX35" s="196">
        <v>0</v>
      </c>
      <c r="AY35" s="196">
        <v>0</v>
      </c>
      <c r="AZ35" s="196">
        <v>0</v>
      </c>
      <c r="BA35" s="196">
        <v>0</v>
      </c>
      <c r="BB35" s="196">
        <v>0</v>
      </c>
      <c r="BC35" s="193">
        <v>0</v>
      </c>
      <c r="BD35" s="198">
        <v>0</v>
      </c>
      <c r="BE35" s="192">
        <v>0</v>
      </c>
      <c r="BF35" s="196">
        <v>2</v>
      </c>
      <c r="BG35" s="193">
        <v>2</v>
      </c>
      <c r="BH35" s="195">
        <v>0</v>
      </c>
      <c r="BI35" s="196">
        <v>3</v>
      </c>
      <c r="BJ35" s="196">
        <v>3</v>
      </c>
      <c r="BK35" s="196">
        <v>8</v>
      </c>
      <c r="BL35" s="196">
        <v>1</v>
      </c>
      <c r="BM35" s="196">
        <v>2</v>
      </c>
      <c r="BN35" s="197">
        <v>17</v>
      </c>
      <c r="BO35" s="198">
        <v>19</v>
      </c>
      <c r="BP35" s="192">
        <v>0</v>
      </c>
      <c r="BQ35" s="196">
        <v>0</v>
      </c>
      <c r="BR35" s="193">
        <v>0</v>
      </c>
      <c r="BS35" s="195">
        <v>0</v>
      </c>
      <c r="BT35" s="196">
        <v>0</v>
      </c>
      <c r="BU35" s="196">
        <v>0</v>
      </c>
      <c r="BV35" s="196">
        <v>0</v>
      </c>
      <c r="BW35" s="196">
        <v>0</v>
      </c>
      <c r="BX35" s="196">
        <v>0</v>
      </c>
      <c r="BY35" s="193">
        <v>0</v>
      </c>
      <c r="BZ35" s="198">
        <v>0</v>
      </c>
      <c r="CA35" s="192">
        <v>0</v>
      </c>
      <c r="CB35" s="196">
        <v>0</v>
      </c>
      <c r="CC35" s="193">
        <v>0</v>
      </c>
      <c r="CD35" s="195">
        <v>0</v>
      </c>
      <c r="CE35" s="196">
        <v>0</v>
      </c>
      <c r="CF35" s="196">
        <v>0</v>
      </c>
      <c r="CG35" s="196">
        <v>0</v>
      </c>
      <c r="CH35" s="196">
        <v>0</v>
      </c>
      <c r="CI35" s="196">
        <v>0</v>
      </c>
      <c r="CJ35" s="193">
        <v>0</v>
      </c>
      <c r="CK35" s="198">
        <v>0</v>
      </c>
      <c r="CL35" s="192">
        <v>0</v>
      </c>
      <c r="CM35" s="196">
        <v>0</v>
      </c>
      <c r="CN35" s="193">
        <v>0</v>
      </c>
      <c r="CO35" s="195">
        <v>0</v>
      </c>
      <c r="CP35" s="196">
        <v>6</v>
      </c>
      <c r="CQ35" s="196">
        <v>8</v>
      </c>
      <c r="CR35" s="196">
        <v>7</v>
      </c>
      <c r="CS35" s="196">
        <v>3</v>
      </c>
      <c r="CT35" s="196">
        <v>1</v>
      </c>
      <c r="CU35" s="193">
        <v>25</v>
      </c>
      <c r="CV35" s="198">
        <v>25</v>
      </c>
    </row>
    <row r="36" spans="1:100" ht="21" customHeight="1" x14ac:dyDescent="0.2">
      <c r="A36" s="177" t="s">
        <v>34</v>
      </c>
      <c r="B36" s="192">
        <v>0</v>
      </c>
      <c r="C36" s="193">
        <v>0</v>
      </c>
      <c r="D36" s="194">
        <v>0</v>
      </c>
      <c r="E36" s="195">
        <v>0</v>
      </c>
      <c r="F36" s="196">
        <v>0</v>
      </c>
      <c r="G36" s="196">
        <v>0</v>
      </c>
      <c r="H36" s="196">
        <v>0</v>
      </c>
      <c r="I36" s="196">
        <v>0</v>
      </c>
      <c r="J36" s="196">
        <v>0</v>
      </c>
      <c r="K36" s="197">
        <v>0</v>
      </c>
      <c r="L36" s="198">
        <v>0</v>
      </c>
      <c r="M36" s="192">
        <v>0</v>
      </c>
      <c r="N36" s="196">
        <v>0</v>
      </c>
      <c r="O36" s="193">
        <v>0</v>
      </c>
      <c r="P36" s="195">
        <v>0</v>
      </c>
      <c r="Q36" s="196">
        <v>0</v>
      </c>
      <c r="R36" s="196">
        <v>0</v>
      </c>
      <c r="S36" s="196">
        <v>0</v>
      </c>
      <c r="T36" s="196">
        <v>0</v>
      </c>
      <c r="U36" s="196">
        <v>0</v>
      </c>
      <c r="V36" s="193">
        <v>0</v>
      </c>
      <c r="W36" s="198">
        <v>0</v>
      </c>
      <c r="X36" s="192">
        <v>0</v>
      </c>
      <c r="Y36" s="196">
        <v>0</v>
      </c>
      <c r="Z36" s="193">
        <v>0</v>
      </c>
      <c r="AA36" s="195">
        <v>0</v>
      </c>
      <c r="AB36" s="196">
        <v>18</v>
      </c>
      <c r="AC36" s="196">
        <v>5</v>
      </c>
      <c r="AD36" s="196">
        <v>3</v>
      </c>
      <c r="AE36" s="196">
        <v>2</v>
      </c>
      <c r="AF36" s="196">
        <v>1</v>
      </c>
      <c r="AG36" s="193">
        <v>29</v>
      </c>
      <c r="AH36" s="198">
        <v>29</v>
      </c>
      <c r="AI36" s="192">
        <v>0</v>
      </c>
      <c r="AJ36" s="196">
        <v>0</v>
      </c>
      <c r="AK36" s="193">
        <v>0</v>
      </c>
      <c r="AL36" s="195">
        <v>0</v>
      </c>
      <c r="AM36" s="196">
        <v>0</v>
      </c>
      <c r="AN36" s="196">
        <v>0</v>
      </c>
      <c r="AO36" s="196">
        <v>0</v>
      </c>
      <c r="AP36" s="196">
        <v>1</v>
      </c>
      <c r="AQ36" s="196">
        <v>0</v>
      </c>
      <c r="AR36" s="193">
        <v>1</v>
      </c>
      <c r="AS36" s="198">
        <v>1</v>
      </c>
      <c r="AT36" s="192">
        <v>3</v>
      </c>
      <c r="AU36" s="196">
        <v>1</v>
      </c>
      <c r="AV36" s="193">
        <v>4</v>
      </c>
      <c r="AW36" s="195">
        <v>0</v>
      </c>
      <c r="AX36" s="196">
        <v>7</v>
      </c>
      <c r="AY36" s="196">
        <v>7</v>
      </c>
      <c r="AZ36" s="196">
        <v>2</v>
      </c>
      <c r="BA36" s="196">
        <v>1</v>
      </c>
      <c r="BB36" s="196">
        <v>1</v>
      </c>
      <c r="BC36" s="193">
        <v>18</v>
      </c>
      <c r="BD36" s="198">
        <v>22</v>
      </c>
      <c r="BE36" s="192">
        <v>0</v>
      </c>
      <c r="BF36" s="196">
        <v>0</v>
      </c>
      <c r="BG36" s="193">
        <v>0</v>
      </c>
      <c r="BH36" s="195">
        <v>0</v>
      </c>
      <c r="BI36" s="196">
        <v>3</v>
      </c>
      <c r="BJ36" s="196">
        <v>2</v>
      </c>
      <c r="BK36" s="196">
        <v>3</v>
      </c>
      <c r="BL36" s="196">
        <v>4</v>
      </c>
      <c r="BM36" s="196">
        <v>3</v>
      </c>
      <c r="BN36" s="197">
        <v>15</v>
      </c>
      <c r="BO36" s="198">
        <v>15</v>
      </c>
      <c r="BP36" s="192">
        <v>0</v>
      </c>
      <c r="BQ36" s="196">
        <v>0</v>
      </c>
      <c r="BR36" s="193">
        <v>0</v>
      </c>
      <c r="BS36" s="195">
        <v>0</v>
      </c>
      <c r="BT36" s="196">
        <v>0</v>
      </c>
      <c r="BU36" s="196">
        <v>0</v>
      </c>
      <c r="BV36" s="196">
        <v>0</v>
      </c>
      <c r="BW36" s="196">
        <v>0</v>
      </c>
      <c r="BX36" s="196">
        <v>0</v>
      </c>
      <c r="BY36" s="193">
        <v>0</v>
      </c>
      <c r="BZ36" s="198">
        <v>0</v>
      </c>
      <c r="CA36" s="192">
        <v>0</v>
      </c>
      <c r="CB36" s="196">
        <v>0</v>
      </c>
      <c r="CC36" s="193">
        <v>0</v>
      </c>
      <c r="CD36" s="195">
        <v>0</v>
      </c>
      <c r="CE36" s="196">
        <v>0</v>
      </c>
      <c r="CF36" s="196">
        <v>0</v>
      </c>
      <c r="CG36" s="196">
        <v>0</v>
      </c>
      <c r="CH36" s="196">
        <v>0</v>
      </c>
      <c r="CI36" s="196">
        <v>0</v>
      </c>
      <c r="CJ36" s="193">
        <v>0</v>
      </c>
      <c r="CK36" s="198">
        <v>0</v>
      </c>
      <c r="CL36" s="192">
        <v>0</v>
      </c>
      <c r="CM36" s="196">
        <v>0</v>
      </c>
      <c r="CN36" s="193">
        <v>0</v>
      </c>
      <c r="CO36" s="195">
        <v>0</v>
      </c>
      <c r="CP36" s="196">
        <v>5</v>
      </c>
      <c r="CQ36" s="196">
        <v>8</v>
      </c>
      <c r="CR36" s="196">
        <v>5</v>
      </c>
      <c r="CS36" s="196">
        <v>3</v>
      </c>
      <c r="CT36" s="196">
        <v>1</v>
      </c>
      <c r="CU36" s="193">
        <v>22</v>
      </c>
      <c r="CV36" s="198">
        <v>22</v>
      </c>
    </row>
    <row r="37" spans="1:100" ht="21" customHeight="1" x14ac:dyDescent="0.2">
      <c r="A37" s="177" t="s">
        <v>35</v>
      </c>
      <c r="B37" s="192">
        <v>0</v>
      </c>
      <c r="C37" s="193">
        <v>0</v>
      </c>
      <c r="D37" s="194">
        <v>0</v>
      </c>
      <c r="E37" s="195">
        <v>0</v>
      </c>
      <c r="F37" s="196">
        <v>0</v>
      </c>
      <c r="G37" s="196">
        <v>1</v>
      </c>
      <c r="H37" s="196">
        <v>1</v>
      </c>
      <c r="I37" s="196">
        <v>1</v>
      </c>
      <c r="J37" s="196">
        <v>0</v>
      </c>
      <c r="K37" s="197">
        <v>3</v>
      </c>
      <c r="L37" s="198">
        <v>3</v>
      </c>
      <c r="M37" s="192">
        <v>0</v>
      </c>
      <c r="N37" s="196">
        <v>0</v>
      </c>
      <c r="O37" s="193">
        <v>0</v>
      </c>
      <c r="P37" s="195">
        <v>0</v>
      </c>
      <c r="Q37" s="196">
        <v>0</v>
      </c>
      <c r="R37" s="196">
        <v>0</v>
      </c>
      <c r="S37" s="196">
        <v>0</v>
      </c>
      <c r="T37" s="196">
        <v>0</v>
      </c>
      <c r="U37" s="196">
        <v>0</v>
      </c>
      <c r="V37" s="193">
        <v>0</v>
      </c>
      <c r="W37" s="198">
        <v>0</v>
      </c>
      <c r="X37" s="192">
        <v>0</v>
      </c>
      <c r="Y37" s="196">
        <v>0</v>
      </c>
      <c r="Z37" s="193">
        <v>0</v>
      </c>
      <c r="AA37" s="195">
        <v>0</v>
      </c>
      <c r="AB37" s="196">
        <v>20</v>
      </c>
      <c r="AC37" s="196">
        <v>15</v>
      </c>
      <c r="AD37" s="196">
        <v>10</v>
      </c>
      <c r="AE37" s="196">
        <v>11</v>
      </c>
      <c r="AF37" s="196">
        <v>2</v>
      </c>
      <c r="AG37" s="193">
        <v>58</v>
      </c>
      <c r="AH37" s="198">
        <v>58</v>
      </c>
      <c r="AI37" s="192">
        <v>0</v>
      </c>
      <c r="AJ37" s="196">
        <v>0</v>
      </c>
      <c r="AK37" s="193">
        <v>0</v>
      </c>
      <c r="AL37" s="195">
        <v>0</v>
      </c>
      <c r="AM37" s="196">
        <v>0</v>
      </c>
      <c r="AN37" s="196">
        <v>0</v>
      </c>
      <c r="AO37" s="196">
        <v>0</v>
      </c>
      <c r="AP37" s="196">
        <v>0</v>
      </c>
      <c r="AQ37" s="196">
        <v>0</v>
      </c>
      <c r="AR37" s="193">
        <v>0</v>
      </c>
      <c r="AS37" s="198">
        <v>0</v>
      </c>
      <c r="AT37" s="192">
        <v>0</v>
      </c>
      <c r="AU37" s="196">
        <v>2</v>
      </c>
      <c r="AV37" s="193">
        <v>2</v>
      </c>
      <c r="AW37" s="195">
        <v>0</v>
      </c>
      <c r="AX37" s="196">
        <v>12</v>
      </c>
      <c r="AY37" s="196">
        <v>9</v>
      </c>
      <c r="AZ37" s="196">
        <v>7</v>
      </c>
      <c r="BA37" s="196">
        <v>1</v>
      </c>
      <c r="BB37" s="196">
        <v>1</v>
      </c>
      <c r="BC37" s="193">
        <v>30</v>
      </c>
      <c r="BD37" s="198">
        <v>32</v>
      </c>
      <c r="BE37" s="192">
        <v>0</v>
      </c>
      <c r="BF37" s="196">
        <v>1</v>
      </c>
      <c r="BG37" s="193">
        <v>1</v>
      </c>
      <c r="BH37" s="195">
        <v>0</v>
      </c>
      <c r="BI37" s="196">
        <v>11</v>
      </c>
      <c r="BJ37" s="196">
        <v>16</v>
      </c>
      <c r="BK37" s="196">
        <v>17</v>
      </c>
      <c r="BL37" s="196">
        <v>13</v>
      </c>
      <c r="BM37" s="196">
        <v>5</v>
      </c>
      <c r="BN37" s="197">
        <v>62</v>
      </c>
      <c r="BO37" s="198">
        <v>63</v>
      </c>
      <c r="BP37" s="192">
        <v>0</v>
      </c>
      <c r="BQ37" s="196">
        <v>0</v>
      </c>
      <c r="BR37" s="193">
        <v>0</v>
      </c>
      <c r="BS37" s="195">
        <v>0</v>
      </c>
      <c r="BT37" s="196">
        <v>0</v>
      </c>
      <c r="BU37" s="196">
        <v>0</v>
      </c>
      <c r="BV37" s="196">
        <v>0</v>
      </c>
      <c r="BW37" s="196">
        <v>0</v>
      </c>
      <c r="BX37" s="196">
        <v>0</v>
      </c>
      <c r="BY37" s="193">
        <v>0</v>
      </c>
      <c r="BZ37" s="198">
        <v>0</v>
      </c>
      <c r="CA37" s="192">
        <v>0</v>
      </c>
      <c r="CB37" s="196">
        <v>0</v>
      </c>
      <c r="CC37" s="193">
        <v>0</v>
      </c>
      <c r="CD37" s="195">
        <v>0</v>
      </c>
      <c r="CE37" s="196">
        <v>0</v>
      </c>
      <c r="CF37" s="196">
        <v>0</v>
      </c>
      <c r="CG37" s="196">
        <v>0</v>
      </c>
      <c r="CH37" s="196">
        <v>0</v>
      </c>
      <c r="CI37" s="196">
        <v>0</v>
      </c>
      <c r="CJ37" s="193">
        <v>0</v>
      </c>
      <c r="CK37" s="198">
        <v>0</v>
      </c>
      <c r="CL37" s="192">
        <v>0</v>
      </c>
      <c r="CM37" s="196">
        <v>0</v>
      </c>
      <c r="CN37" s="193">
        <v>0</v>
      </c>
      <c r="CO37" s="195">
        <v>0</v>
      </c>
      <c r="CP37" s="196">
        <v>0</v>
      </c>
      <c r="CQ37" s="196">
        <v>0</v>
      </c>
      <c r="CR37" s="196">
        <v>0</v>
      </c>
      <c r="CS37" s="196">
        <v>0</v>
      </c>
      <c r="CT37" s="196">
        <v>0</v>
      </c>
      <c r="CU37" s="193">
        <v>0</v>
      </c>
      <c r="CV37" s="198">
        <v>0</v>
      </c>
    </row>
    <row r="38" spans="1:100" ht="21" customHeight="1" x14ac:dyDescent="0.2">
      <c r="A38" s="177" t="s">
        <v>36</v>
      </c>
      <c r="B38" s="192">
        <v>0</v>
      </c>
      <c r="C38" s="193">
        <v>0</v>
      </c>
      <c r="D38" s="194">
        <v>0</v>
      </c>
      <c r="E38" s="195">
        <v>0</v>
      </c>
      <c r="F38" s="196">
        <v>0</v>
      </c>
      <c r="G38" s="196">
        <v>0</v>
      </c>
      <c r="H38" s="196">
        <v>0</v>
      </c>
      <c r="I38" s="196">
        <v>0</v>
      </c>
      <c r="J38" s="196">
        <v>0</v>
      </c>
      <c r="K38" s="197">
        <v>0</v>
      </c>
      <c r="L38" s="198">
        <v>0</v>
      </c>
      <c r="M38" s="192">
        <v>0</v>
      </c>
      <c r="N38" s="196">
        <v>0</v>
      </c>
      <c r="O38" s="193">
        <v>0</v>
      </c>
      <c r="P38" s="195">
        <v>0</v>
      </c>
      <c r="Q38" s="196">
        <v>0</v>
      </c>
      <c r="R38" s="196">
        <v>0</v>
      </c>
      <c r="S38" s="196">
        <v>0</v>
      </c>
      <c r="T38" s="196">
        <v>0</v>
      </c>
      <c r="U38" s="196">
        <v>0</v>
      </c>
      <c r="V38" s="193">
        <v>0</v>
      </c>
      <c r="W38" s="198">
        <v>0</v>
      </c>
      <c r="X38" s="192">
        <v>0</v>
      </c>
      <c r="Y38" s="196">
        <v>0</v>
      </c>
      <c r="Z38" s="193">
        <v>0</v>
      </c>
      <c r="AA38" s="195">
        <v>0</v>
      </c>
      <c r="AB38" s="196">
        <v>64</v>
      </c>
      <c r="AC38" s="196">
        <v>58</v>
      </c>
      <c r="AD38" s="196">
        <v>26</v>
      </c>
      <c r="AE38" s="196">
        <v>13</v>
      </c>
      <c r="AF38" s="196">
        <v>11</v>
      </c>
      <c r="AG38" s="193">
        <v>172</v>
      </c>
      <c r="AH38" s="198">
        <v>172</v>
      </c>
      <c r="AI38" s="192">
        <v>0</v>
      </c>
      <c r="AJ38" s="196">
        <v>0</v>
      </c>
      <c r="AK38" s="193">
        <v>0</v>
      </c>
      <c r="AL38" s="195">
        <v>0</v>
      </c>
      <c r="AM38" s="196">
        <v>0</v>
      </c>
      <c r="AN38" s="196">
        <v>0</v>
      </c>
      <c r="AO38" s="196">
        <v>0</v>
      </c>
      <c r="AP38" s="196">
        <v>0</v>
      </c>
      <c r="AQ38" s="196">
        <v>0</v>
      </c>
      <c r="AR38" s="193">
        <v>0</v>
      </c>
      <c r="AS38" s="198">
        <v>0</v>
      </c>
      <c r="AT38" s="192">
        <v>1</v>
      </c>
      <c r="AU38" s="196">
        <v>1</v>
      </c>
      <c r="AV38" s="193">
        <v>2</v>
      </c>
      <c r="AW38" s="195">
        <v>0</v>
      </c>
      <c r="AX38" s="196">
        <v>9</v>
      </c>
      <c r="AY38" s="196">
        <v>3</v>
      </c>
      <c r="AZ38" s="196">
        <v>4</v>
      </c>
      <c r="BA38" s="196">
        <v>2</v>
      </c>
      <c r="BB38" s="196">
        <v>0</v>
      </c>
      <c r="BC38" s="193">
        <v>18</v>
      </c>
      <c r="BD38" s="198">
        <v>20</v>
      </c>
      <c r="BE38" s="192">
        <v>0</v>
      </c>
      <c r="BF38" s="196">
        <v>0</v>
      </c>
      <c r="BG38" s="193">
        <v>0</v>
      </c>
      <c r="BH38" s="195">
        <v>0</v>
      </c>
      <c r="BI38" s="196">
        <v>5</v>
      </c>
      <c r="BJ38" s="196">
        <v>5</v>
      </c>
      <c r="BK38" s="196">
        <v>13</v>
      </c>
      <c r="BL38" s="196">
        <v>9</v>
      </c>
      <c r="BM38" s="196">
        <v>5</v>
      </c>
      <c r="BN38" s="197">
        <v>37</v>
      </c>
      <c r="BO38" s="198">
        <v>37</v>
      </c>
      <c r="BP38" s="192">
        <v>0</v>
      </c>
      <c r="BQ38" s="196">
        <v>0</v>
      </c>
      <c r="BR38" s="193">
        <v>0</v>
      </c>
      <c r="BS38" s="195">
        <v>0</v>
      </c>
      <c r="BT38" s="196">
        <v>0</v>
      </c>
      <c r="BU38" s="196">
        <v>0</v>
      </c>
      <c r="BV38" s="196">
        <v>0</v>
      </c>
      <c r="BW38" s="196">
        <v>0</v>
      </c>
      <c r="BX38" s="196">
        <v>0</v>
      </c>
      <c r="BY38" s="193">
        <v>0</v>
      </c>
      <c r="BZ38" s="198">
        <v>0</v>
      </c>
      <c r="CA38" s="192">
        <v>0</v>
      </c>
      <c r="CB38" s="196">
        <v>0</v>
      </c>
      <c r="CC38" s="193">
        <v>0</v>
      </c>
      <c r="CD38" s="195">
        <v>0</v>
      </c>
      <c r="CE38" s="196">
        <v>0</v>
      </c>
      <c r="CF38" s="196">
        <v>0</v>
      </c>
      <c r="CG38" s="196">
        <v>0</v>
      </c>
      <c r="CH38" s="196">
        <v>0</v>
      </c>
      <c r="CI38" s="196">
        <v>0</v>
      </c>
      <c r="CJ38" s="193">
        <v>0</v>
      </c>
      <c r="CK38" s="198">
        <v>0</v>
      </c>
      <c r="CL38" s="192">
        <v>0</v>
      </c>
      <c r="CM38" s="196">
        <v>0</v>
      </c>
      <c r="CN38" s="193">
        <v>0</v>
      </c>
      <c r="CO38" s="195">
        <v>0</v>
      </c>
      <c r="CP38" s="196">
        <v>0</v>
      </c>
      <c r="CQ38" s="196">
        <v>0</v>
      </c>
      <c r="CR38" s="196">
        <v>0</v>
      </c>
      <c r="CS38" s="196">
        <v>0</v>
      </c>
      <c r="CT38" s="196">
        <v>0</v>
      </c>
      <c r="CU38" s="193">
        <v>0</v>
      </c>
      <c r="CV38" s="198">
        <v>0</v>
      </c>
    </row>
    <row r="39" spans="1:100" ht="21" customHeight="1" thickBot="1" x14ac:dyDescent="0.25">
      <c r="A39" s="178" t="s">
        <v>37</v>
      </c>
      <c r="B39" s="199">
        <v>0</v>
      </c>
      <c r="C39" s="200">
        <v>0</v>
      </c>
      <c r="D39" s="201">
        <v>0</v>
      </c>
      <c r="E39" s="202">
        <v>0</v>
      </c>
      <c r="F39" s="203">
        <v>0</v>
      </c>
      <c r="G39" s="203">
        <v>0</v>
      </c>
      <c r="H39" s="203">
        <v>0</v>
      </c>
      <c r="I39" s="203">
        <v>0</v>
      </c>
      <c r="J39" s="203">
        <v>1</v>
      </c>
      <c r="K39" s="204">
        <v>1</v>
      </c>
      <c r="L39" s="205">
        <v>1</v>
      </c>
      <c r="M39" s="199">
        <v>0</v>
      </c>
      <c r="N39" s="203">
        <v>0</v>
      </c>
      <c r="O39" s="200">
        <v>0</v>
      </c>
      <c r="P39" s="202">
        <v>0</v>
      </c>
      <c r="Q39" s="203">
        <v>0</v>
      </c>
      <c r="R39" s="203">
        <v>0</v>
      </c>
      <c r="S39" s="203">
        <v>0</v>
      </c>
      <c r="T39" s="203">
        <v>0</v>
      </c>
      <c r="U39" s="203">
        <v>0</v>
      </c>
      <c r="V39" s="200">
        <v>0</v>
      </c>
      <c r="W39" s="205">
        <v>0</v>
      </c>
      <c r="X39" s="199">
        <v>0</v>
      </c>
      <c r="Y39" s="203">
        <v>0</v>
      </c>
      <c r="Z39" s="200">
        <v>0</v>
      </c>
      <c r="AA39" s="202">
        <v>0</v>
      </c>
      <c r="AB39" s="203">
        <v>13</v>
      </c>
      <c r="AC39" s="203">
        <v>13</v>
      </c>
      <c r="AD39" s="203">
        <v>2</v>
      </c>
      <c r="AE39" s="203">
        <v>1</v>
      </c>
      <c r="AF39" s="203">
        <v>2</v>
      </c>
      <c r="AG39" s="200">
        <v>31</v>
      </c>
      <c r="AH39" s="205">
        <v>31</v>
      </c>
      <c r="AI39" s="199">
        <v>0</v>
      </c>
      <c r="AJ39" s="203">
        <v>0</v>
      </c>
      <c r="AK39" s="200">
        <v>0</v>
      </c>
      <c r="AL39" s="202">
        <v>0</v>
      </c>
      <c r="AM39" s="203">
        <v>1</v>
      </c>
      <c r="AN39" s="203">
        <v>0</v>
      </c>
      <c r="AO39" s="203">
        <v>3</v>
      </c>
      <c r="AP39" s="203">
        <v>1</v>
      </c>
      <c r="AQ39" s="203">
        <v>0</v>
      </c>
      <c r="AR39" s="200">
        <v>5</v>
      </c>
      <c r="AS39" s="205">
        <v>5</v>
      </c>
      <c r="AT39" s="199">
        <v>0</v>
      </c>
      <c r="AU39" s="203">
        <v>0</v>
      </c>
      <c r="AV39" s="200">
        <v>0</v>
      </c>
      <c r="AW39" s="202">
        <v>0</v>
      </c>
      <c r="AX39" s="203">
        <v>0</v>
      </c>
      <c r="AY39" s="203">
        <v>0</v>
      </c>
      <c r="AZ39" s="203">
        <v>0</v>
      </c>
      <c r="BA39" s="203">
        <v>0</v>
      </c>
      <c r="BB39" s="203">
        <v>0</v>
      </c>
      <c r="BC39" s="200">
        <v>0</v>
      </c>
      <c r="BD39" s="205">
        <v>0</v>
      </c>
      <c r="BE39" s="199">
        <v>0</v>
      </c>
      <c r="BF39" s="203">
        <v>0</v>
      </c>
      <c r="BG39" s="200">
        <v>0</v>
      </c>
      <c r="BH39" s="202">
        <v>0</v>
      </c>
      <c r="BI39" s="203">
        <v>1</v>
      </c>
      <c r="BJ39" s="203">
        <v>1</v>
      </c>
      <c r="BK39" s="203">
        <v>3</v>
      </c>
      <c r="BL39" s="203">
        <v>0</v>
      </c>
      <c r="BM39" s="203">
        <v>0</v>
      </c>
      <c r="BN39" s="204">
        <v>5</v>
      </c>
      <c r="BO39" s="205">
        <v>5</v>
      </c>
      <c r="BP39" s="199">
        <v>0</v>
      </c>
      <c r="BQ39" s="203">
        <v>0</v>
      </c>
      <c r="BR39" s="200">
        <v>0</v>
      </c>
      <c r="BS39" s="202">
        <v>0</v>
      </c>
      <c r="BT39" s="203">
        <v>0</v>
      </c>
      <c r="BU39" s="203">
        <v>0</v>
      </c>
      <c r="BV39" s="203">
        <v>0</v>
      </c>
      <c r="BW39" s="203">
        <v>0</v>
      </c>
      <c r="BX39" s="203">
        <v>0</v>
      </c>
      <c r="BY39" s="200">
        <v>0</v>
      </c>
      <c r="BZ39" s="205">
        <v>0</v>
      </c>
      <c r="CA39" s="199">
        <v>0</v>
      </c>
      <c r="CB39" s="203">
        <v>0</v>
      </c>
      <c r="CC39" s="200">
        <v>0</v>
      </c>
      <c r="CD39" s="202">
        <v>0</v>
      </c>
      <c r="CE39" s="203">
        <v>0</v>
      </c>
      <c r="CF39" s="203">
        <v>0</v>
      </c>
      <c r="CG39" s="203">
        <v>0</v>
      </c>
      <c r="CH39" s="203">
        <v>0</v>
      </c>
      <c r="CI39" s="203">
        <v>0</v>
      </c>
      <c r="CJ39" s="200">
        <v>0</v>
      </c>
      <c r="CK39" s="205">
        <v>0</v>
      </c>
      <c r="CL39" s="199">
        <v>0</v>
      </c>
      <c r="CM39" s="203">
        <v>0</v>
      </c>
      <c r="CN39" s="200">
        <v>0</v>
      </c>
      <c r="CO39" s="202">
        <v>0</v>
      </c>
      <c r="CP39" s="203">
        <v>0</v>
      </c>
      <c r="CQ39" s="203">
        <v>0</v>
      </c>
      <c r="CR39" s="203">
        <v>0</v>
      </c>
      <c r="CS39" s="203">
        <v>0</v>
      </c>
      <c r="CT39" s="203">
        <v>0</v>
      </c>
      <c r="CU39" s="200">
        <v>0</v>
      </c>
      <c r="CV39" s="205">
        <v>0</v>
      </c>
    </row>
  </sheetData>
  <mergeCells count="39">
    <mergeCell ref="CL3:CV3"/>
    <mergeCell ref="CO4:CU4"/>
    <mergeCell ref="CL4:CN4"/>
    <mergeCell ref="CA4:CC4"/>
    <mergeCell ref="AT4:AV4"/>
    <mergeCell ref="AW4:BC4"/>
    <mergeCell ref="CD4:CJ4"/>
    <mergeCell ref="BE4:BG4"/>
    <mergeCell ref="BH4:BN4"/>
    <mergeCell ref="BP4:BR4"/>
    <mergeCell ref="BS4:BY4"/>
    <mergeCell ref="CA3:CK3"/>
    <mergeCell ref="CV4:CV5"/>
    <mergeCell ref="CK4:CK5"/>
    <mergeCell ref="A3:A5"/>
    <mergeCell ref="AH4:AH5"/>
    <mergeCell ref="AI4:AK4"/>
    <mergeCell ref="B3:L3"/>
    <mergeCell ref="M3:W3"/>
    <mergeCell ref="X3:AH3"/>
    <mergeCell ref="AI3:AS3"/>
    <mergeCell ref="AL4:AR4"/>
    <mergeCell ref="AS4:AS5"/>
    <mergeCell ref="B4:D4"/>
    <mergeCell ref="E4:K4"/>
    <mergeCell ref="L4:L5"/>
    <mergeCell ref="W4:W5"/>
    <mergeCell ref="X4:Z4"/>
    <mergeCell ref="AA4:AG4"/>
    <mergeCell ref="M4:O4"/>
    <mergeCell ref="P4:V4"/>
    <mergeCell ref="AT3:BD3"/>
    <mergeCell ref="H1:I1"/>
    <mergeCell ref="K1:L1"/>
    <mergeCell ref="BZ4:BZ5"/>
    <mergeCell ref="BE3:BO3"/>
    <mergeCell ref="BP3:BZ3"/>
    <mergeCell ref="BO4:BO5"/>
    <mergeCell ref="BD4:BD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171"/>
    <col min="4" max="4" width="10.33203125" style="171" customWidth="1"/>
    <col min="5" max="5" width="7.6640625" style="171" customWidth="1"/>
    <col min="6" max="6" width="8.44140625" style="171" customWidth="1"/>
    <col min="7" max="7" width="8.77734375" style="171" customWidth="1"/>
    <col min="8" max="15" width="9" style="171"/>
    <col min="16" max="16" width="7.21875" style="171" customWidth="1"/>
    <col min="17" max="26" width="9" style="171"/>
    <col min="27" max="27" width="7.6640625" style="171" customWidth="1"/>
    <col min="28" max="37" width="9" style="171"/>
    <col min="38" max="38" width="7.6640625" style="171" customWidth="1"/>
    <col min="39" max="48" width="9" style="171"/>
    <col min="49" max="49" width="7.6640625" style="171" customWidth="1"/>
    <col min="50" max="59" width="9" style="171"/>
    <col min="60" max="60" width="7.21875" style="171" customWidth="1"/>
    <col min="61" max="70" width="9" style="171"/>
    <col min="71" max="71" width="7.21875" style="171" customWidth="1"/>
    <col min="72" max="81" width="9" style="171"/>
    <col min="82" max="82" width="7.33203125" style="171" customWidth="1"/>
    <col min="83" max="92" width="9" style="171"/>
    <col min="93" max="93" width="7.44140625" style="171" customWidth="1"/>
    <col min="94" max="16384" width="9" style="171"/>
  </cols>
  <sheetData>
    <row r="1" spans="1:100" ht="22.5" customHeight="1" x14ac:dyDescent="0.2">
      <c r="A1" s="206" t="s">
        <v>124</v>
      </c>
      <c r="H1" s="487">
        <f>第１表!F2</f>
        <v>4</v>
      </c>
      <c r="I1" s="487"/>
      <c r="J1" s="163">
        <f>第１表!G2</f>
        <v>1</v>
      </c>
      <c r="K1" s="488">
        <f>IF(J1&lt;3,J1+12-2,J1-2)</f>
        <v>11</v>
      </c>
      <c r="L1" s="488"/>
    </row>
    <row r="2" spans="1:100" s="207" customFormat="1" ht="21" customHeight="1" thickBot="1" x14ac:dyDescent="0.25">
      <c r="A2" s="206" t="s">
        <v>131</v>
      </c>
    </row>
    <row r="3" spans="1:100" ht="23.25" customHeight="1" thickBot="1" x14ac:dyDescent="0.25">
      <c r="A3" s="501"/>
      <c r="B3" s="492" t="s">
        <v>94</v>
      </c>
      <c r="C3" s="493"/>
      <c r="D3" s="493"/>
      <c r="E3" s="493"/>
      <c r="F3" s="493"/>
      <c r="G3" s="493"/>
      <c r="H3" s="493"/>
      <c r="I3" s="493"/>
      <c r="J3" s="493"/>
      <c r="K3" s="493"/>
      <c r="L3" s="494"/>
      <c r="M3" s="492" t="s">
        <v>88</v>
      </c>
      <c r="N3" s="493"/>
      <c r="O3" s="493"/>
      <c r="P3" s="493"/>
      <c r="Q3" s="493"/>
      <c r="R3" s="493"/>
      <c r="S3" s="493"/>
      <c r="T3" s="493"/>
      <c r="U3" s="493"/>
      <c r="V3" s="493"/>
      <c r="W3" s="494"/>
      <c r="X3" s="492" t="s">
        <v>142</v>
      </c>
      <c r="Y3" s="493"/>
      <c r="Z3" s="493"/>
      <c r="AA3" s="493"/>
      <c r="AB3" s="493"/>
      <c r="AC3" s="493"/>
      <c r="AD3" s="493"/>
      <c r="AE3" s="493"/>
      <c r="AF3" s="493"/>
      <c r="AG3" s="493"/>
      <c r="AH3" s="494"/>
      <c r="AI3" s="492" t="s">
        <v>90</v>
      </c>
      <c r="AJ3" s="493"/>
      <c r="AK3" s="493"/>
      <c r="AL3" s="493"/>
      <c r="AM3" s="493"/>
      <c r="AN3" s="493"/>
      <c r="AO3" s="493"/>
      <c r="AP3" s="493"/>
      <c r="AQ3" s="493"/>
      <c r="AR3" s="493"/>
      <c r="AS3" s="494"/>
      <c r="AT3" s="505" t="s">
        <v>89</v>
      </c>
      <c r="AU3" s="506"/>
      <c r="AV3" s="506"/>
      <c r="AW3" s="506"/>
      <c r="AX3" s="506"/>
      <c r="AY3" s="506"/>
      <c r="AZ3" s="506"/>
      <c r="BA3" s="506"/>
      <c r="BB3" s="506"/>
      <c r="BC3" s="506"/>
      <c r="BD3" s="507"/>
      <c r="BE3" s="505" t="s">
        <v>91</v>
      </c>
      <c r="BF3" s="506"/>
      <c r="BG3" s="506"/>
      <c r="BH3" s="506"/>
      <c r="BI3" s="506"/>
      <c r="BJ3" s="506"/>
      <c r="BK3" s="506"/>
      <c r="BL3" s="506"/>
      <c r="BM3" s="506"/>
      <c r="BN3" s="506"/>
      <c r="BO3" s="507"/>
      <c r="BP3" s="505" t="s">
        <v>92</v>
      </c>
      <c r="BQ3" s="506"/>
      <c r="BR3" s="506"/>
      <c r="BS3" s="506"/>
      <c r="BT3" s="506"/>
      <c r="BU3" s="506"/>
      <c r="BV3" s="506"/>
      <c r="BW3" s="506"/>
      <c r="BX3" s="506"/>
      <c r="BY3" s="506"/>
      <c r="BZ3" s="507"/>
      <c r="CA3" s="505" t="s">
        <v>93</v>
      </c>
      <c r="CB3" s="506"/>
      <c r="CC3" s="506"/>
      <c r="CD3" s="506"/>
      <c r="CE3" s="506"/>
      <c r="CF3" s="506"/>
      <c r="CG3" s="506"/>
      <c r="CH3" s="506"/>
      <c r="CI3" s="506"/>
      <c r="CJ3" s="506"/>
      <c r="CK3" s="507"/>
      <c r="CL3" s="506" t="s">
        <v>141</v>
      </c>
      <c r="CM3" s="506"/>
      <c r="CN3" s="506"/>
      <c r="CO3" s="506"/>
      <c r="CP3" s="506"/>
      <c r="CQ3" s="506"/>
      <c r="CR3" s="506"/>
      <c r="CS3" s="506"/>
      <c r="CT3" s="506"/>
      <c r="CU3" s="506"/>
      <c r="CV3" s="507"/>
    </row>
    <row r="4" spans="1:100" ht="22.5" customHeight="1" x14ac:dyDescent="0.2">
      <c r="A4" s="502"/>
      <c r="B4" s="500" t="s">
        <v>61</v>
      </c>
      <c r="C4" s="496"/>
      <c r="D4" s="497"/>
      <c r="E4" s="495" t="s">
        <v>62</v>
      </c>
      <c r="F4" s="496"/>
      <c r="G4" s="496"/>
      <c r="H4" s="496"/>
      <c r="I4" s="496"/>
      <c r="J4" s="496"/>
      <c r="K4" s="504"/>
      <c r="L4" s="498" t="s">
        <v>52</v>
      </c>
      <c r="M4" s="500" t="s">
        <v>61</v>
      </c>
      <c r="N4" s="496"/>
      <c r="O4" s="497"/>
      <c r="P4" s="495" t="s">
        <v>62</v>
      </c>
      <c r="Q4" s="496"/>
      <c r="R4" s="496"/>
      <c r="S4" s="496"/>
      <c r="T4" s="496"/>
      <c r="U4" s="496"/>
      <c r="V4" s="497"/>
      <c r="W4" s="498" t="s">
        <v>52</v>
      </c>
      <c r="X4" s="500" t="s">
        <v>61</v>
      </c>
      <c r="Y4" s="496"/>
      <c r="Z4" s="497"/>
      <c r="AA4" s="495" t="s">
        <v>62</v>
      </c>
      <c r="AB4" s="496"/>
      <c r="AC4" s="496"/>
      <c r="AD4" s="496"/>
      <c r="AE4" s="496"/>
      <c r="AF4" s="496"/>
      <c r="AG4" s="497"/>
      <c r="AH4" s="498" t="s">
        <v>52</v>
      </c>
      <c r="AI4" s="500" t="s">
        <v>61</v>
      </c>
      <c r="AJ4" s="496"/>
      <c r="AK4" s="497"/>
      <c r="AL4" s="495" t="s">
        <v>62</v>
      </c>
      <c r="AM4" s="496"/>
      <c r="AN4" s="496"/>
      <c r="AO4" s="496"/>
      <c r="AP4" s="496"/>
      <c r="AQ4" s="496"/>
      <c r="AR4" s="497"/>
      <c r="AS4" s="498" t="s">
        <v>52</v>
      </c>
      <c r="AT4" s="523" t="s">
        <v>61</v>
      </c>
      <c r="AU4" s="521"/>
      <c r="AV4" s="522"/>
      <c r="AW4" s="520" t="s">
        <v>62</v>
      </c>
      <c r="AX4" s="521"/>
      <c r="AY4" s="521"/>
      <c r="AZ4" s="521"/>
      <c r="BA4" s="521"/>
      <c r="BB4" s="521"/>
      <c r="BC4" s="522"/>
      <c r="BD4" s="518" t="s">
        <v>52</v>
      </c>
      <c r="BE4" s="523" t="s">
        <v>61</v>
      </c>
      <c r="BF4" s="521"/>
      <c r="BG4" s="522"/>
      <c r="BH4" s="520" t="s">
        <v>62</v>
      </c>
      <c r="BI4" s="521"/>
      <c r="BJ4" s="521"/>
      <c r="BK4" s="521"/>
      <c r="BL4" s="521"/>
      <c r="BM4" s="521"/>
      <c r="BN4" s="522"/>
      <c r="BO4" s="518" t="s">
        <v>52</v>
      </c>
      <c r="BP4" s="523" t="s">
        <v>61</v>
      </c>
      <c r="BQ4" s="521"/>
      <c r="BR4" s="522"/>
      <c r="BS4" s="520" t="s">
        <v>62</v>
      </c>
      <c r="BT4" s="521"/>
      <c r="BU4" s="521"/>
      <c r="BV4" s="521"/>
      <c r="BW4" s="521"/>
      <c r="BX4" s="521"/>
      <c r="BY4" s="522"/>
      <c r="BZ4" s="518" t="s">
        <v>52</v>
      </c>
      <c r="CA4" s="523" t="s">
        <v>61</v>
      </c>
      <c r="CB4" s="521"/>
      <c r="CC4" s="522"/>
      <c r="CD4" s="520" t="s">
        <v>62</v>
      </c>
      <c r="CE4" s="521"/>
      <c r="CF4" s="521"/>
      <c r="CG4" s="521"/>
      <c r="CH4" s="521"/>
      <c r="CI4" s="521"/>
      <c r="CJ4" s="522"/>
      <c r="CK4" s="518" t="s">
        <v>52</v>
      </c>
      <c r="CL4" s="523" t="s">
        <v>61</v>
      </c>
      <c r="CM4" s="521"/>
      <c r="CN4" s="522"/>
      <c r="CO4" s="520" t="s">
        <v>62</v>
      </c>
      <c r="CP4" s="521"/>
      <c r="CQ4" s="521"/>
      <c r="CR4" s="521"/>
      <c r="CS4" s="521"/>
      <c r="CT4" s="521"/>
      <c r="CU4" s="522"/>
      <c r="CV4" s="518" t="s">
        <v>52</v>
      </c>
    </row>
    <row r="5" spans="1:100" ht="34.5" customHeight="1" thickBot="1" x14ac:dyDescent="0.25">
      <c r="A5" s="503"/>
      <c r="B5" s="219" t="s">
        <v>43</v>
      </c>
      <c r="C5" s="181" t="s">
        <v>44</v>
      </c>
      <c r="D5" s="182" t="s">
        <v>45</v>
      </c>
      <c r="E5" s="183" t="s">
        <v>83</v>
      </c>
      <c r="F5" s="175" t="s">
        <v>47</v>
      </c>
      <c r="G5" s="175" t="s">
        <v>48</v>
      </c>
      <c r="H5" s="175" t="s">
        <v>49</v>
      </c>
      <c r="I5" s="175" t="s">
        <v>50</v>
      </c>
      <c r="J5" s="175" t="s">
        <v>51</v>
      </c>
      <c r="K5" s="184" t="s">
        <v>45</v>
      </c>
      <c r="L5" s="499"/>
      <c r="M5" s="219" t="s">
        <v>43</v>
      </c>
      <c r="N5" s="175" t="s">
        <v>44</v>
      </c>
      <c r="O5" s="181" t="s">
        <v>45</v>
      </c>
      <c r="P5" s="183" t="s">
        <v>83</v>
      </c>
      <c r="Q5" s="175" t="s">
        <v>47</v>
      </c>
      <c r="R5" s="175" t="s">
        <v>48</v>
      </c>
      <c r="S5" s="175" t="s">
        <v>49</v>
      </c>
      <c r="T5" s="175" t="s">
        <v>50</v>
      </c>
      <c r="U5" s="175" t="s">
        <v>51</v>
      </c>
      <c r="V5" s="181" t="s">
        <v>45</v>
      </c>
      <c r="W5" s="499"/>
      <c r="X5" s="219" t="s">
        <v>43</v>
      </c>
      <c r="Y5" s="175" t="s">
        <v>44</v>
      </c>
      <c r="Z5" s="181" t="s">
        <v>45</v>
      </c>
      <c r="AA5" s="183" t="s">
        <v>83</v>
      </c>
      <c r="AB5" s="175" t="s">
        <v>47</v>
      </c>
      <c r="AC5" s="175" t="s">
        <v>48</v>
      </c>
      <c r="AD5" s="175" t="s">
        <v>49</v>
      </c>
      <c r="AE5" s="175" t="s">
        <v>50</v>
      </c>
      <c r="AF5" s="175" t="s">
        <v>51</v>
      </c>
      <c r="AG5" s="181" t="s">
        <v>45</v>
      </c>
      <c r="AH5" s="499"/>
      <c r="AI5" s="224" t="s">
        <v>43</v>
      </c>
      <c r="AJ5" s="175" t="s">
        <v>44</v>
      </c>
      <c r="AK5" s="181" t="s">
        <v>45</v>
      </c>
      <c r="AL5" s="183" t="s">
        <v>83</v>
      </c>
      <c r="AM5" s="175" t="s">
        <v>47</v>
      </c>
      <c r="AN5" s="175" t="s">
        <v>48</v>
      </c>
      <c r="AO5" s="175" t="s">
        <v>49</v>
      </c>
      <c r="AP5" s="175" t="s">
        <v>50</v>
      </c>
      <c r="AQ5" s="175" t="s">
        <v>51</v>
      </c>
      <c r="AR5" s="181" t="s">
        <v>45</v>
      </c>
      <c r="AS5" s="499"/>
      <c r="AT5" s="224" t="s">
        <v>43</v>
      </c>
      <c r="AU5" s="175" t="s">
        <v>44</v>
      </c>
      <c r="AV5" s="181" t="s">
        <v>45</v>
      </c>
      <c r="AW5" s="183" t="s">
        <v>83</v>
      </c>
      <c r="AX5" s="175" t="s">
        <v>47</v>
      </c>
      <c r="AY5" s="175" t="s">
        <v>48</v>
      </c>
      <c r="AZ5" s="175" t="s">
        <v>49</v>
      </c>
      <c r="BA5" s="175" t="s">
        <v>50</v>
      </c>
      <c r="BB5" s="175" t="s">
        <v>51</v>
      </c>
      <c r="BC5" s="181" t="s">
        <v>45</v>
      </c>
      <c r="BD5" s="519"/>
      <c r="BE5" s="224" t="s">
        <v>43</v>
      </c>
      <c r="BF5" s="175" t="s">
        <v>44</v>
      </c>
      <c r="BG5" s="181" t="s">
        <v>45</v>
      </c>
      <c r="BH5" s="183" t="s">
        <v>83</v>
      </c>
      <c r="BI5" s="175" t="s">
        <v>47</v>
      </c>
      <c r="BJ5" s="175" t="s">
        <v>48</v>
      </c>
      <c r="BK5" s="175" t="s">
        <v>49</v>
      </c>
      <c r="BL5" s="175" t="s">
        <v>50</v>
      </c>
      <c r="BM5" s="175" t="s">
        <v>51</v>
      </c>
      <c r="BN5" s="181" t="s">
        <v>45</v>
      </c>
      <c r="BO5" s="519"/>
      <c r="BP5" s="224" t="s">
        <v>43</v>
      </c>
      <c r="BQ5" s="175" t="s">
        <v>44</v>
      </c>
      <c r="BR5" s="181" t="s">
        <v>45</v>
      </c>
      <c r="BS5" s="183" t="s">
        <v>83</v>
      </c>
      <c r="BT5" s="175" t="s">
        <v>47</v>
      </c>
      <c r="BU5" s="175" t="s">
        <v>48</v>
      </c>
      <c r="BV5" s="175" t="s">
        <v>49</v>
      </c>
      <c r="BW5" s="175" t="s">
        <v>50</v>
      </c>
      <c r="BX5" s="175" t="s">
        <v>51</v>
      </c>
      <c r="BY5" s="181" t="s">
        <v>45</v>
      </c>
      <c r="BZ5" s="519"/>
      <c r="CA5" s="224" t="s">
        <v>43</v>
      </c>
      <c r="CB5" s="175" t="s">
        <v>44</v>
      </c>
      <c r="CC5" s="181" t="s">
        <v>45</v>
      </c>
      <c r="CD5" s="183" t="s">
        <v>83</v>
      </c>
      <c r="CE5" s="175" t="s">
        <v>47</v>
      </c>
      <c r="CF5" s="175" t="s">
        <v>48</v>
      </c>
      <c r="CG5" s="175" t="s">
        <v>49</v>
      </c>
      <c r="CH5" s="175" t="s">
        <v>50</v>
      </c>
      <c r="CI5" s="175" t="s">
        <v>51</v>
      </c>
      <c r="CJ5" s="181" t="s">
        <v>45</v>
      </c>
      <c r="CK5" s="519"/>
      <c r="CL5" s="224" t="s">
        <v>43</v>
      </c>
      <c r="CM5" s="175" t="s">
        <v>44</v>
      </c>
      <c r="CN5" s="181" t="s">
        <v>45</v>
      </c>
      <c r="CO5" s="183" t="s">
        <v>83</v>
      </c>
      <c r="CP5" s="175" t="s">
        <v>47</v>
      </c>
      <c r="CQ5" s="175" t="s">
        <v>48</v>
      </c>
      <c r="CR5" s="175" t="s">
        <v>49</v>
      </c>
      <c r="CS5" s="175" t="s">
        <v>50</v>
      </c>
      <c r="CT5" s="175" t="s">
        <v>51</v>
      </c>
      <c r="CU5" s="181" t="s">
        <v>45</v>
      </c>
      <c r="CV5" s="519"/>
    </row>
    <row r="6" spans="1:100" ht="21" customHeight="1" x14ac:dyDescent="0.2">
      <c r="A6" s="176" t="s">
        <v>4</v>
      </c>
      <c r="B6" s="185">
        <v>0</v>
      </c>
      <c r="C6" s="186">
        <v>0</v>
      </c>
      <c r="D6" s="187">
        <v>0</v>
      </c>
      <c r="E6" s="188">
        <v>0</v>
      </c>
      <c r="F6" s="189">
        <v>21</v>
      </c>
      <c r="G6" s="189">
        <v>32</v>
      </c>
      <c r="H6" s="189">
        <v>21</v>
      </c>
      <c r="I6" s="189">
        <v>26</v>
      </c>
      <c r="J6" s="189">
        <v>17</v>
      </c>
      <c r="K6" s="190">
        <v>117</v>
      </c>
      <c r="L6" s="191">
        <v>117</v>
      </c>
      <c r="M6" s="185">
        <v>0</v>
      </c>
      <c r="N6" s="189">
        <v>0</v>
      </c>
      <c r="O6" s="186">
        <v>0</v>
      </c>
      <c r="P6" s="188">
        <v>0</v>
      </c>
      <c r="Q6" s="189">
        <v>15</v>
      </c>
      <c r="R6" s="189">
        <v>43</v>
      </c>
      <c r="S6" s="189">
        <v>39</v>
      </c>
      <c r="T6" s="189">
        <v>33</v>
      </c>
      <c r="U6" s="189">
        <v>29</v>
      </c>
      <c r="V6" s="186">
        <v>159</v>
      </c>
      <c r="W6" s="191">
        <v>159</v>
      </c>
      <c r="X6" s="185">
        <v>0</v>
      </c>
      <c r="Y6" s="189">
        <v>0</v>
      </c>
      <c r="Z6" s="186">
        <v>0</v>
      </c>
      <c r="AA6" s="188">
        <v>0</v>
      </c>
      <c r="AB6" s="189">
        <v>986</v>
      </c>
      <c r="AC6" s="189">
        <v>810</v>
      </c>
      <c r="AD6" s="189">
        <v>365</v>
      </c>
      <c r="AE6" s="189">
        <v>163</v>
      </c>
      <c r="AF6" s="189">
        <v>66</v>
      </c>
      <c r="AG6" s="186">
        <v>2390</v>
      </c>
      <c r="AH6" s="191">
        <v>2390</v>
      </c>
      <c r="AI6" s="185">
        <v>1</v>
      </c>
      <c r="AJ6" s="189">
        <v>1</v>
      </c>
      <c r="AK6" s="186">
        <v>2</v>
      </c>
      <c r="AL6" s="188">
        <v>0</v>
      </c>
      <c r="AM6" s="189">
        <v>70</v>
      </c>
      <c r="AN6" s="189">
        <v>88</v>
      </c>
      <c r="AO6" s="189">
        <v>72</v>
      </c>
      <c r="AP6" s="189">
        <v>35</v>
      </c>
      <c r="AQ6" s="189">
        <v>18</v>
      </c>
      <c r="AR6" s="186">
        <v>283</v>
      </c>
      <c r="AS6" s="191">
        <v>285</v>
      </c>
      <c r="AT6" s="185">
        <v>13</v>
      </c>
      <c r="AU6" s="189">
        <v>11</v>
      </c>
      <c r="AV6" s="186">
        <v>24</v>
      </c>
      <c r="AW6" s="188">
        <v>0</v>
      </c>
      <c r="AX6" s="189">
        <v>90</v>
      </c>
      <c r="AY6" s="189">
        <v>94</v>
      </c>
      <c r="AZ6" s="189">
        <v>65</v>
      </c>
      <c r="BA6" s="189">
        <v>62</v>
      </c>
      <c r="BB6" s="189">
        <v>21</v>
      </c>
      <c r="BC6" s="186">
        <v>332</v>
      </c>
      <c r="BD6" s="191">
        <v>356</v>
      </c>
      <c r="BE6" s="185">
        <v>0</v>
      </c>
      <c r="BF6" s="189">
        <v>2</v>
      </c>
      <c r="BG6" s="186">
        <v>2</v>
      </c>
      <c r="BH6" s="188">
        <v>0</v>
      </c>
      <c r="BI6" s="189">
        <v>115</v>
      </c>
      <c r="BJ6" s="189">
        <v>170</v>
      </c>
      <c r="BK6" s="189">
        <v>176</v>
      </c>
      <c r="BL6" s="189">
        <v>112</v>
      </c>
      <c r="BM6" s="189">
        <v>42</v>
      </c>
      <c r="BN6" s="190">
        <v>615</v>
      </c>
      <c r="BO6" s="191">
        <v>617</v>
      </c>
      <c r="BP6" s="185">
        <v>0</v>
      </c>
      <c r="BQ6" s="189">
        <v>0</v>
      </c>
      <c r="BR6" s="186">
        <v>0</v>
      </c>
      <c r="BS6" s="188">
        <v>0</v>
      </c>
      <c r="BT6" s="189">
        <v>1</v>
      </c>
      <c r="BU6" s="189">
        <v>6</v>
      </c>
      <c r="BV6" s="189">
        <v>6</v>
      </c>
      <c r="BW6" s="189">
        <v>11</v>
      </c>
      <c r="BX6" s="189">
        <v>3</v>
      </c>
      <c r="BY6" s="186">
        <v>27</v>
      </c>
      <c r="BZ6" s="191">
        <v>27</v>
      </c>
      <c r="CA6" s="185">
        <v>0</v>
      </c>
      <c r="CB6" s="189">
        <v>0</v>
      </c>
      <c r="CC6" s="186">
        <v>0</v>
      </c>
      <c r="CD6" s="188">
        <v>0</v>
      </c>
      <c r="CE6" s="189">
        <v>0</v>
      </c>
      <c r="CF6" s="189">
        <v>1</v>
      </c>
      <c r="CG6" s="189">
        <v>17</v>
      </c>
      <c r="CH6" s="189">
        <v>12</v>
      </c>
      <c r="CI6" s="189">
        <v>13</v>
      </c>
      <c r="CJ6" s="186">
        <v>43</v>
      </c>
      <c r="CK6" s="191">
        <v>43</v>
      </c>
      <c r="CL6" s="185">
        <v>0</v>
      </c>
      <c r="CM6" s="189">
        <v>0</v>
      </c>
      <c r="CN6" s="186">
        <v>0</v>
      </c>
      <c r="CO6" s="188">
        <v>0</v>
      </c>
      <c r="CP6" s="189">
        <v>16</v>
      </c>
      <c r="CQ6" s="189">
        <v>17</v>
      </c>
      <c r="CR6" s="189">
        <v>21</v>
      </c>
      <c r="CS6" s="189">
        <v>17</v>
      </c>
      <c r="CT6" s="189">
        <v>28</v>
      </c>
      <c r="CU6" s="186">
        <v>99</v>
      </c>
      <c r="CV6" s="191">
        <v>99</v>
      </c>
    </row>
    <row r="7" spans="1:100" ht="21" customHeight="1" x14ac:dyDescent="0.2">
      <c r="A7" s="177" t="s">
        <v>5</v>
      </c>
      <c r="B7" s="192">
        <v>0</v>
      </c>
      <c r="C7" s="193">
        <v>0</v>
      </c>
      <c r="D7" s="194">
        <v>0</v>
      </c>
      <c r="E7" s="195">
        <v>0</v>
      </c>
      <c r="F7" s="196">
        <v>6</v>
      </c>
      <c r="G7" s="196">
        <v>15</v>
      </c>
      <c r="H7" s="196">
        <v>11</v>
      </c>
      <c r="I7" s="196">
        <v>15</v>
      </c>
      <c r="J7" s="196">
        <v>7</v>
      </c>
      <c r="K7" s="197">
        <v>54</v>
      </c>
      <c r="L7" s="198">
        <v>54</v>
      </c>
      <c r="M7" s="192">
        <v>0</v>
      </c>
      <c r="N7" s="196">
        <v>0</v>
      </c>
      <c r="O7" s="193">
        <v>0</v>
      </c>
      <c r="P7" s="195">
        <v>0</v>
      </c>
      <c r="Q7" s="196">
        <v>9</v>
      </c>
      <c r="R7" s="196">
        <v>34</v>
      </c>
      <c r="S7" s="196">
        <v>30</v>
      </c>
      <c r="T7" s="196">
        <v>26</v>
      </c>
      <c r="U7" s="196">
        <v>20</v>
      </c>
      <c r="V7" s="193">
        <v>119</v>
      </c>
      <c r="W7" s="198">
        <v>119</v>
      </c>
      <c r="X7" s="192">
        <v>0</v>
      </c>
      <c r="Y7" s="196">
        <v>0</v>
      </c>
      <c r="Z7" s="193">
        <v>0</v>
      </c>
      <c r="AA7" s="195">
        <v>0</v>
      </c>
      <c r="AB7" s="196">
        <v>349</v>
      </c>
      <c r="AC7" s="196">
        <v>378</v>
      </c>
      <c r="AD7" s="196">
        <v>194</v>
      </c>
      <c r="AE7" s="196">
        <v>72</v>
      </c>
      <c r="AF7" s="196">
        <v>35</v>
      </c>
      <c r="AG7" s="193">
        <v>1028</v>
      </c>
      <c r="AH7" s="198">
        <v>1028</v>
      </c>
      <c r="AI7" s="192">
        <v>0</v>
      </c>
      <c r="AJ7" s="196">
        <v>1</v>
      </c>
      <c r="AK7" s="193">
        <v>1</v>
      </c>
      <c r="AL7" s="195">
        <v>0</v>
      </c>
      <c r="AM7" s="196">
        <v>30</v>
      </c>
      <c r="AN7" s="196">
        <v>46</v>
      </c>
      <c r="AO7" s="196">
        <v>32</v>
      </c>
      <c r="AP7" s="196">
        <v>25</v>
      </c>
      <c r="AQ7" s="196">
        <v>14</v>
      </c>
      <c r="AR7" s="193">
        <v>147</v>
      </c>
      <c r="AS7" s="198">
        <v>148</v>
      </c>
      <c r="AT7" s="192">
        <v>3</v>
      </c>
      <c r="AU7" s="196">
        <v>9</v>
      </c>
      <c r="AV7" s="193">
        <v>12</v>
      </c>
      <c r="AW7" s="195">
        <v>0</v>
      </c>
      <c r="AX7" s="196">
        <v>32</v>
      </c>
      <c r="AY7" s="196">
        <v>39</v>
      </c>
      <c r="AZ7" s="196">
        <v>28</v>
      </c>
      <c r="BA7" s="196">
        <v>27</v>
      </c>
      <c r="BB7" s="196">
        <v>9</v>
      </c>
      <c r="BC7" s="193">
        <v>135</v>
      </c>
      <c r="BD7" s="198">
        <v>147</v>
      </c>
      <c r="BE7" s="192">
        <v>0</v>
      </c>
      <c r="BF7" s="196">
        <v>1</v>
      </c>
      <c r="BG7" s="193">
        <v>1</v>
      </c>
      <c r="BH7" s="195">
        <v>0</v>
      </c>
      <c r="BI7" s="196">
        <v>38</v>
      </c>
      <c r="BJ7" s="196">
        <v>74</v>
      </c>
      <c r="BK7" s="196">
        <v>70</v>
      </c>
      <c r="BL7" s="196">
        <v>37</v>
      </c>
      <c r="BM7" s="196">
        <v>17</v>
      </c>
      <c r="BN7" s="197">
        <v>236</v>
      </c>
      <c r="BO7" s="198">
        <v>237</v>
      </c>
      <c r="BP7" s="192">
        <v>0</v>
      </c>
      <c r="BQ7" s="196">
        <v>0</v>
      </c>
      <c r="BR7" s="193">
        <v>0</v>
      </c>
      <c r="BS7" s="195">
        <v>0</v>
      </c>
      <c r="BT7" s="196">
        <v>0</v>
      </c>
      <c r="BU7" s="196">
        <v>0</v>
      </c>
      <c r="BV7" s="196">
        <v>0</v>
      </c>
      <c r="BW7" s="196">
        <v>0</v>
      </c>
      <c r="BX7" s="196">
        <v>0</v>
      </c>
      <c r="BY7" s="193">
        <v>0</v>
      </c>
      <c r="BZ7" s="198">
        <v>0</v>
      </c>
      <c r="CA7" s="192">
        <v>0</v>
      </c>
      <c r="CB7" s="196">
        <v>0</v>
      </c>
      <c r="CC7" s="193">
        <v>0</v>
      </c>
      <c r="CD7" s="195">
        <v>0</v>
      </c>
      <c r="CE7" s="196">
        <v>0</v>
      </c>
      <c r="CF7" s="196">
        <v>1</v>
      </c>
      <c r="CG7" s="196">
        <v>1</v>
      </c>
      <c r="CH7" s="196">
        <v>2</v>
      </c>
      <c r="CI7" s="196">
        <v>2</v>
      </c>
      <c r="CJ7" s="193">
        <v>6</v>
      </c>
      <c r="CK7" s="198">
        <v>6</v>
      </c>
      <c r="CL7" s="192">
        <v>0</v>
      </c>
      <c r="CM7" s="196">
        <v>0</v>
      </c>
      <c r="CN7" s="193">
        <v>0</v>
      </c>
      <c r="CO7" s="195">
        <v>0</v>
      </c>
      <c r="CP7" s="196">
        <v>3</v>
      </c>
      <c r="CQ7" s="196">
        <v>5</v>
      </c>
      <c r="CR7" s="196">
        <v>7</v>
      </c>
      <c r="CS7" s="196">
        <v>2</v>
      </c>
      <c r="CT7" s="196">
        <v>22</v>
      </c>
      <c r="CU7" s="193">
        <v>39</v>
      </c>
      <c r="CV7" s="198">
        <v>39</v>
      </c>
    </row>
    <row r="8" spans="1:100" ht="21" customHeight="1" x14ac:dyDescent="0.2">
      <c r="A8" s="177" t="s">
        <v>6</v>
      </c>
      <c r="B8" s="192">
        <v>0</v>
      </c>
      <c r="C8" s="193">
        <v>0</v>
      </c>
      <c r="D8" s="194">
        <v>0</v>
      </c>
      <c r="E8" s="195">
        <v>0</v>
      </c>
      <c r="F8" s="196">
        <v>6</v>
      </c>
      <c r="G8" s="196">
        <v>8</v>
      </c>
      <c r="H8" s="196">
        <v>4</v>
      </c>
      <c r="I8" s="196">
        <v>8</v>
      </c>
      <c r="J8" s="196">
        <v>5</v>
      </c>
      <c r="K8" s="197">
        <v>31</v>
      </c>
      <c r="L8" s="198">
        <v>31</v>
      </c>
      <c r="M8" s="192">
        <v>0</v>
      </c>
      <c r="N8" s="196">
        <v>0</v>
      </c>
      <c r="O8" s="193">
        <v>0</v>
      </c>
      <c r="P8" s="195">
        <v>0</v>
      </c>
      <c r="Q8" s="196">
        <v>4</v>
      </c>
      <c r="R8" s="196">
        <v>8</v>
      </c>
      <c r="S8" s="196">
        <v>7</v>
      </c>
      <c r="T8" s="196">
        <v>7</v>
      </c>
      <c r="U8" s="196">
        <v>7</v>
      </c>
      <c r="V8" s="193">
        <v>33</v>
      </c>
      <c r="W8" s="198">
        <v>33</v>
      </c>
      <c r="X8" s="192">
        <v>0</v>
      </c>
      <c r="Y8" s="196">
        <v>0</v>
      </c>
      <c r="Z8" s="193">
        <v>0</v>
      </c>
      <c r="AA8" s="195">
        <v>0</v>
      </c>
      <c r="AB8" s="196">
        <v>125</v>
      </c>
      <c r="AC8" s="196">
        <v>78</v>
      </c>
      <c r="AD8" s="196">
        <v>36</v>
      </c>
      <c r="AE8" s="196">
        <v>20</v>
      </c>
      <c r="AF8" s="196">
        <v>7</v>
      </c>
      <c r="AG8" s="193">
        <v>266</v>
      </c>
      <c r="AH8" s="198">
        <v>266</v>
      </c>
      <c r="AI8" s="192">
        <v>0</v>
      </c>
      <c r="AJ8" s="196">
        <v>0</v>
      </c>
      <c r="AK8" s="193">
        <v>0</v>
      </c>
      <c r="AL8" s="195">
        <v>0</v>
      </c>
      <c r="AM8" s="196">
        <v>17</v>
      </c>
      <c r="AN8" s="196">
        <v>15</v>
      </c>
      <c r="AO8" s="196">
        <v>13</v>
      </c>
      <c r="AP8" s="196">
        <v>4</v>
      </c>
      <c r="AQ8" s="196">
        <v>3</v>
      </c>
      <c r="AR8" s="193">
        <v>52</v>
      </c>
      <c r="AS8" s="198">
        <v>52</v>
      </c>
      <c r="AT8" s="192">
        <v>3</v>
      </c>
      <c r="AU8" s="196">
        <v>0</v>
      </c>
      <c r="AV8" s="193">
        <v>3</v>
      </c>
      <c r="AW8" s="195">
        <v>0</v>
      </c>
      <c r="AX8" s="196">
        <v>11</v>
      </c>
      <c r="AY8" s="196">
        <v>17</v>
      </c>
      <c r="AZ8" s="196">
        <v>8</v>
      </c>
      <c r="BA8" s="196">
        <v>10</v>
      </c>
      <c r="BB8" s="196">
        <v>2</v>
      </c>
      <c r="BC8" s="193">
        <v>48</v>
      </c>
      <c r="BD8" s="198">
        <v>51</v>
      </c>
      <c r="BE8" s="192">
        <v>0</v>
      </c>
      <c r="BF8" s="196">
        <v>0</v>
      </c>
      <c r="BG8" s="193">
        <v>0</v>
      </c>
      <c r="BH8" s="195">
        <v>0</v>
      </c>
      <c r="BI8" s="196">
        <v>17</v>
      </c>
      <c r="BJ8" s="196">
        <v>23</v>
      </c>
      <c r="BK8" s="196">
        <v>30</v>
      </c>
      <c r="BL8" s="196">
        <v>18</v>
      </c>
      <c r="BM8" s="196">
        <v>6</v>
      </c>
      <c r="BN8" s="197">
        <v>94</v>
      </c>
      <c r="BO8" s="198">
        <v>94</v>
      </c>
      <c r="BP8" s="192">
        <v>0</v>
      </c>
      <c r="BQ8" s="196">
        <v>0</v>
      </c>
      <c r="BR8" s="193">
        <v>0</v>
      </c>
      <c r="BS8" s="195">
        <v>0</v>
      </c>
      <c r="BT8" s="196">
        <v>0</v>
      </c>
      <c r="BU8" s="196">
        <v>0</v>
      </c>
      <c r="BV8" s="196">
        <v>0</v>
      </c>
      <c r="BW8" s="196">
        <v>0</v>
      </c>
      <c r="BX8" s="196">
        <v>0</v>
      </c>
      <c r="BY8" s="193">
        <v>0</v>
      </c>
      <c r="BZ8" s="198">
        <v>0</v>
      </c>
      <c r="CA8" s="192">
        <v>0</v>
      </c>
      <c r="CB8" s="196">
        <v>0</v>
      </c>
      <c r="CC8" s="193">
        <v>0</v>
      </c>
      <c r="CD8" s="195">
        <v>0</v>
      </c>
      <c r="CE8" s="196">
        <v>0</v>
      </c>
      <c r="CF8" s="196">
        <v>0</v>
      </c>
      <c r="CG8" s="196">
        <v>8</v>
      </c>
      <c r="CH8" s="196">
        <v>3</v>
      </c>
      <c r="CI8" s="196">
        <v>2</v>
      </c>
      <c r="CJ8" s="193">
        <v>13</v>
      </c>
      <c r="CK8" s="198">
        <v>13</v>
      </c>
      <c r="CL8" s="192">
        <v>0</v>
      </c>
      <c r="CM8" s="196">
        <v>0</v>
      </c>
      <c r="CN8" s="193">
        <v>0</v>
      </c>
      <c r="CO8" s="195">
        <v>0</v>
      </c>
      <c r="CP8" s="196">
        <v>4</v>
      </c>
      <c r="CQ8" s="196">
        <v>4</v>
      </c>
      <c r="CR8" s="196">
        <v>7</v>
      </c>
      <c r="CS8" s="196">
        <v>5</v>
      </c>
      <c r="CT8" s="196">
        <v>3</v>
      </c>
      <c r="CU8" s="193">
        <v>23</v>
      </c>
      <c r="CV8" s="198">
        <v>23</v>
      </c>
    </row>
    <row r="9" spans="1:100" ht="21" customHeight="1" x14ac:dyDescent="0.2">
      <c r="A9" s="177" t="s">
        <v>14</v>
      </c>
      <c r="B9" s="192">
        <v>0</v>
      </c>
      <c r="C9" s="193">
        <v>0</v>
      </c>
      <c r="D9" s="194">
        <v>0</v>
      </c>
      <c r="E9" s="195">
        <v>0</v>
      </c>
      <c r="F9" s="196">
        <v>2</v>
      </c>
      <c r="G9" s="196">
        <v>2</v>
      </c>
      <c r="H9" s="196">
        <v>1</v>
      </c>
      <c r="I9" s="196">
        <v>1</v>
      </c>
      <c r="J9" s="196">
        <v>0</v>
      </c>
      <c r="K9" s="197">
        <v>6</v>
      </c>
      <c r="L9" s="198">
        <v>6</v>
      </c>
      <c r="M9" s="192">
        <v>0</v>
      </c>
      <c r="N9" s="196">
        <v>0</v>
      </c>
      <c r="O9" s="193">
        <v>0</v>
      </c>
      <c r="P9" s="195">
        <v>0</v>
      </c>
      <c r="Q9" s="196">
        <v>0</v>
      </c>
      <c r="R9" s="196">
        <v>0</v>
      </c>
      <c r="S9" s="196">
        <v>0</v>
      </c>
      <c r="T9" s="196">
        <v>0</v>
      </c>
      <c r="U9" s="196">
        <v>0</v>
      </c>
      <c r="V9" s="193">
        <v>0</v>
      </c>
      <c r="W9" s="198">
        <v>0</v>
      </c>
      <c r="X9" s="192">
        <v>0</v>
      </c>
      <c r="Y9" s="196">
        <v>0</v>
      </c>
      <c r="Z9" s="193">
        <v>0</v>
      </c>
      <c r="AA9" s="195">
        <v>0</v>
      </c>
      <c r="AB9" s="196">
        <v>86</v>
      </c>
      <c r="AC9" s="196">
        <v>72</v>
      </c>
      <c r="AD9" s="196">
        <v>35</v>
      </c>
      <c r="AE9" s="196">
        <v>11</v>
      </c>
      <c r="AF9" s="196">
        <v>5</v>
      </c>
      <c r="AG9" s="193">
        <v>209</v>
      </c>
      <c r="AH9" s="198">
        <v>209</v>
      </c>
      <c r="AI9" s="192">
        <v>0</v>
      </c>
      <c r="AJ9" s="196">
        <v>0</v>
      </c>
      <c r="AK9" s="193">
        <v>0</v>
      </c>
      <c r="AL9" s="195">
        <v>0</v>
      </c>
      <c r="AM9" s="196">
        <v>1</v>
      </c>
      <c r="AN9" s="196">
        <v>1</v>
      </c>
      <c r="AO9" s="196">
        <v>1</v>
      </c>
      <c r="AP9" s="196">
        <v>2</v>
      </c>
      <c r="AQ9" s="196">
        <v>1</v>
      </c>
      <c r="AR9" s="193">
        <v>6</v>
      </c>
      <c r="AS9" s="198">
        <v>6</v>
      </c>
      <c r="AT9" s="192">
        <v>1</v>
      </c>
      <c r="AU9" s="196">
        <v>1</v>
      </c>
      <c r="AV9" s="193">
        <v>2</v>
      </c>
      <c r="AW9" s="195">
        <v>0</v>
      </c>
      <c r="AX9" s="196">
        <v>9</v>
      </c>
      <c r="AY9" s="196">
        <v>5</v>
      </c>
      <c r="AZ9" s="196">
        <v>6</v>
      </c>
      <c r="BA9" s="196">
        <v>5</v>
      </c>
      <c r="BB9" s="196">
        <v>2</v>
      </c>
      <c r="BC9" s="193">
        <v>27</v>
      </c>
      <c r="BD9" s="198">
        <v>29</v>
      </c>
      <c r="BE9" s="192">
        <v>0</v>
      </c>
      <c r="BF9" s="196">
        <v>0</v>
      </c>
      <c r="BG9" s="193">
        <v>0</v>
      </c>
      <c r="BH9" s="195">
        <v>0</v>
      </c>
      <c r="BI9" s="196">
        <v>7</v>
      </c>
      <c r="BJ9" s="196">
        <v>11</v>
      </c>
      <c r="BK9" s="196">
        <v>15</v>
      </c>
      <c r="BL9" s="196">
        <v>15</v>
      </c>
      <c r="BM9" s="196">
        <v>4</v>
      </c>
      <c r="BN9" s="197">
        <v>52</v>
      </c>
      <c r="BO9" s="198">
        <v>52</v>
      </c>
      <c r="BP9" s="192">
        <v>0</v>
      </c>
      <c r="BQ9" s="196">
        <v>0</v>
      </c>
      <c r="BR9" s="193">
        <v>0</v>
      </c>
      <c r="BS9" s="195">
        <v>0</v>
      </c>
      <c r="BT9" s="196">
        <v>0</v>
      </c>
      <c r="BU9" s="196">
        <v>0</v>
      </c>
      <c r="BV9" s="196">
        <v>0</v>
      </c>
      <c r="BW9" s="196">
        <v>0</v>
      </c>
      <c r="BX9" s="196">
        <v>0</v>
      </c>
      <c r="BY9" s="193">
        <v>0</v>
      </c>
      <c r="BZ9" s="198">
        <v>0</v>
      </c>
      <c r="CA9" s="192">
        <v>0</v>
      </c>
      <c r="CB9" s="196">
        <v>0</v>
      </c>
      <c r="CC9" s="193">
        <v>0</v>
      </c>
      <c r="CD9" s="195">
        <v>0</v>
      </c>
      <c r="CE9" s="196">
        <v>0</v>
      </c>
      <c r="CF9" s="196">
        <v>0</v>
      </c>
      <c r="CG9" s="196">
        <v>2</v>
      </c>
      <c r="CH9" s="196">
        <v>0</v>
      </c>
      <c r="CI9" s="196">
        <v>0</v>
      </c>
      <c r="CJ9" s="193">
        <v>2</v>
      </c>
      <c r="CK9" s="198">
        <v>2</v>
      </c>
      <c r="CL9" s="192">
        <v>0</v>
      </c>
      <c r="CM9" s="196">
        <v>0</v>
      </c>
      <c r="CN9" s="193">
        <v>0</v>
      </c>
      <c r="CO9" s="195">
        <v>0</v>
      </c>
      <c r="CP9" s="196">
        <v>1</v>
      </c>
      <c r="CQ9" s="196">
        <v>1</v>
      </c>
      <c r="CR9" s="196">
        <v>0</v>
      </c>
      <c r="CS9" s="196">
        <v>1</v>
      </c>
      <c r="CT9" s="196">
        <v>0</v>
      </c>
      <c r="CU9" s="193">
        <v>3</v>
      </c>
      <c r="CV9" s="198">
        <v>3</v>
      </c>
    </row>
    <row r="10" spans="1:100" ht="21" customHeight="1" x14ac:dyDescent="0.2">
      <c r="A10" s="177" t="s">
        <v>7</v>
      </c>
      <c r="B10" s="192">
        <v>0</v>
      </c>
      <c r="C10" s="193">
        <v>0</v>
      </c>
      <c r="D10" s="194">
        <v>0</v>
      </c>
      <c r="E10" s="195">
        <v>0</v>
      </c>
      <c r="F10" s="196">
        <v>0</v>
      </c>
      <c r="G10" s="196">
        <v>0</v>
      </c>
      <c r="H10" s="196">
        <v>0</v>
      </c>
      <c r="I10" s="196">
        <v>0</v>
      </c>
      <c r="J10" s="196">
        <v>0</v>
      </c>
      <c r="K10" s="197">
        <v>0</v>
      </c>
      <c r="L10" s="198">
        <v>0</v>
      </c>
      <c r="M10" s="192">
        <v>0</v>
      </c>
      <c r="N10" s="196">
        <v>0</v>
      </c>
      <c r="O10" s="193">
        <v>0</v>
      </c>
      <c r="P10" s="195">
        <v>0</v>
      </c>
      <c r="Q10" s="196">
        <v>0</v>
      </c>
      <c r="R10" s="196">
        <v>0</v>
      </c>
      <c r="S10" s="196">
        <v>0</v>
      </c>
      <c r="T10" s="196">
        <v>0</v>
      </c>
      <c r="U10" s="196">
        <v>0</v>
      </c>
      <c r="V10" s="193">
        <v>0</v>
      </c>
      <c r="W10" s="198">
        <v>0</v>
      </c>
      <c r="X10" s="192">
        <v>0</v>
      </c>
      <c r="Y10" s="196">
        <v>0</v>
      </c>
      <c r="Z10" s="193">
        <v>0</v>
      </c>
      <c r="AA10" s="195">
        <v>0</v>
      </c>
      <c r="AB10" s="196">
        <v>88</v>
      </c>
      <c r="AC10" s="196">
        <v>51</v>
      </c>
      <c r="AD10" s="196">
        <v>19</v>
      </c>
      <c r="AE10" s="196">
        <v>5</v>
      </c>
      <c r="AF10" s="196">
        <v>1</v>
      </c>
      <c r="AG10" s="193">
        <v>164</v>
      </c>
      <c r="AH10" s="198">
        <v>164</v>
      </c>
      <c r="AI10" s="192">
        <v>0</v>
      </c>
      <c r="AJ10" s="196">
        <v>0</v>
      </c>
      <c r="AK10" s="193">
        <v>0</v>
      </c>
      <c r="AL10" s="195">
        <v>0</v>
      </c>
      <c r="AM10" s="196">
        <v>8</v>
      </c>
      <c r="AN10" s="196">
        <v>13</v>
      </c>
      <c r="AO10" s="196">
        <v>7</v>
      </c>
      <c r="AP10" s="196">
        <v>0</v>
      </c>
      <c r="AQ10" s="196">
        <v>0</v>
      </c>
      <c r="AR10" s="193">
        <v>28</v>
      </c>
      <c r="AS10" s="198">
        <v>28</v>
      </c>
      <c r="AT10" s="192">
        <v>1</v>
      </c>
      <c r="AU10" s="196">
        <v>0</v>
      </c>
      <c r="AV10" s="193">
        <v>1</v>
      </c>
      <c r="AW10" s="195">
        <v>0</v>
      </c>
      <c r="AX10" s="196">
        <v>7</v>
      </c>
      <c r="AY10" s="196">
        <v>5</v>
      </c>
      <c r="AZ10" s="196">
        <v>0</v>
      </c>
      <c r="BA10" s="196">
        <v>1</v>
      </c>
      <c r="BB10" s="196">
        <v>0</v>
      </c>
      <c r="BC10" s="193">
        <v>13</v>
      </c>
      <c r="BD10" s="198">
        <v>14</v>
      </c>
      <c r="BE10" s="192">
        <v>0</v>
      </c>
      <c r="BF10" s="196">
        <v>0</v>
      </c>
      <c r="BG10" s="193">
        <v>0</v>
      </c>
      <c r="BH10" s="195">
        <v>0</v>
      </c>
      <c r="BI10" s="196">
        <v>13</v>
      </c>
      <c r="BJ10" s="196">
        <v>6</v>
      </c>
      <c r="BK10" s="196">
        <v>18</v>
      </c>
      <c r="BL10" s="196">
        <v>7</v>
      </c>
      <c r="BM10" s="196">
        <v>3</v>
      </c>
      <c r="BN10" s="197">
        <v>47</v>
      </c>
      <c r="BO10" s="198">
        <v>47</v>
      </c>
      <c r="BP10" s="192">
        <v>0</v>
      </c>
      <c r="BQ10" s="196">
        <v>0</v>
      </c>
      <c r="BR10" s="193">
        <v>0</v>
      </c>
      <c r="BS10" s="195">
        <v>0</v>
      </c>
      <c r="BT10" s="196">
        <v>0</v>
      </c>
      <c r="BU10" s="196">
        <v>0</v>
      </c>
      <c r="BV10" s="196">
        <v>0</v>
      </c>
      <c r="BW10" s="196">
        <v>0</v>
      </c>
      <c r="BX10" s="196">
        <v>0</v>
      </c>
      <c r="BY10" s="193">
        <v>0</v>
      </c>
      <c r="BZ10" s="198">
        <v>0</v>
      </c>
      <c r="CA10" s="192">
        <v>0</v>
      </c>
      <c r="CB10" s="196">
        <v>0</v>
      </c>
      <c r="CC10" s="193">
        <v>0</v>
      </c>
      <c r="CD10" s="195">
        <v>0</v>
      </c>
      <c r="CE10" s="196">
        <v>0</v>
      </c>
      <c r="CF10" s="196">
        <v>0</v>
      </c>
      <c r="CG10" s="196">
        <v>0</v>
      </c>
      <c r="CH10" s="196">
        <v>0</v>
      </c>
      <c r="CI10" s="196">
        <v>0</v>
      </c>
      <c r="CJ10" s="193">
        <v>0</v>
      </c>
      <c r="CK10" s="198">
        <v>0</v>
      </c>
      <c r="CL10" s="192">
        <v>0</v>
      </c>
      <c r="CM10" s="196">
        <v>0</v>
      </c>
      <c r="CN10" s="193">
        <v>0</v>
      </c>
      <c r="CO10" s="195">
        <v>0</v>
      </c>
      <c r="CP10" s="196">
        <v>1</v>
      </c>
      <c r="CQ10" s="196">
        <v>0</v>
      </c>
      <c r="CR10" s="196">
        <v>0</v>
      </c>
      <c r="CS10" s="196">
        <v>2</v>
      </c>
      <c r="CT10" s="196">
        <v>1</v>
      </c>
      <c r="CU10" s="193">
        <v>4</v>
      </c>
      <c r="CV10" s="198">
        <v>4</v>
      </c>
    </row>
    <row r="11" spans="1:100" ht="21" customHeight="1" x14ac:dyDescent="0.2">
      <c r="A11" s="177" t="s">
        <v>8</v>
      </c>
      <c r="B11" s="192">
        <v>0</v>
      </c>
      <c r="C11" s="193">
        <v>0</v>
      </c>
      <c r="D11" s="194">
        <v>0</v>
      </c>
      <c r="E11" s="195">
        <v>0</v>
      </c>
      <c r="F11" s="196">
        <v>2</v>
      </c>
      <c r="G11" s="196">
        <v>0</v>
      </c>
      <c r="H11" s="196">
        <v>0</v>
      </c>
      <c r="I11" s="196">
        <v>0</v>
      </c>
      <c r="J11" s="196">
        <v>0</v>
      </c>
      <c r="K11" s="197">
        <v>2</v>
      </c>
      <c r="L11" s="198">
        <v>2</v>
      </c>
      <c r="M11" s="192">
        <v>0</v>
      </c>
      <c r="N11" s="196">
        <v>0</v>
      </c>
      <c r="O11" s="193">
        <v>0</v>
      </c>
      <c r="P11" s="195">
        <v>0</v>
      </c>
      <c r="Q11" s="196">
        <v>0</v>
      </c>
      <c r="R11" s="196">
        <v>0</v>
      </c>
      <c r="S11" s="196">
        <v>0</v>
      </c>
      <c r="T11" s="196">
        <v>0</v>
      </c>
      <c r="U11" s="196">
        <v>1</v>
      </c>
      <c r="V11" s="193">
        <v>1</v>
      </c>
      <c r="W11" s="198">
        <v>1</v>
      </c>
      <c r="X11" s="192">
        <v>0</v>
      </c>
      <c r="Y11" s="196">
        <v>0</v>
      </c>
      <c r="Z11" s="193">
        <v>0</v>
      </c>
      <c r="AA11" s="195">
        <v>0</v>
      </c>
      <c r="AB11" s="196">
        <v>41</v>
      </c>
      <c r="AC11" s="196">
        <v>38</v>
      </c>
      <c r="AD11" s="196">
        <v>8</v>
      </c>
      <c r="AE11" s="196">
        <v>8</v>
      </c>
      <c r="AF11" s="196">
        <v>2</v>
      </c>
      <c r="AG11" s="193">
        <v>97</v>
      </c>
      <c r="AH11" s="198">
        <v>97</v>
      </c>
      <c r="AI11" s="192">
        <v>0</v>
      </c>
      <c r="AJ11" s="196">
        <v>0</v>
      </c>
      <c r="AK11" s="193">
        <v>0</v>
      </c>
      <c r="AL11" s="195">
        <v>0</v>
      </c>
      <c r="AM11" s="196">
        <v>0</v>
      </c>
      <c r="AN11" s="196">
        <v>0</v>
      </c>
      <c r="AO11" s="196">
        <v>0</v>
      </c>
      <c r="AP11" s="196">
        <v>0</v>
      </c>
      <c r="AQ11" s="196">
        <v>0</v>
      </c>
      <c r="AR11" s="193">
        <v>0</v>
      </c>
      <c r="AS11" s="198">
        <v>0</v>
      </c>
      <c r="AT11" s="192">
        <v>1</v>
      </c>
      <c r="AU11" s="196">
        <v>0</v>
      </c>
      <c r="AV11" s="193">
        <v>1</v>
      </c>
      <c r="AW11" s="195">
        <v>0</v>
      </c>
      <c r="AX11" s="196">
        <v>6</v>
      </c>
      <c r="AY11" s="196">
        <v>7</v>
      </c>
      <c r="AZ11" s="196">
        <v>1</v>
      </c>
      <c r="BA11" s="196">
        <v>2</v>
      </c>
      <c r="BB11" s="196">
        <v>0</v>
      </c>
      <c r="BC11" s="193">
        <v>16</v>
      </c>
      <c r="BD11" s="198">
        <v>17</v>
      </c>
      <c r="BE11" s="192">
        <v>0</v>
      </c>
      <c r="BF11" s="196">
        <v>0</v>
      </c>
      <c r="BG11" s="193">
        <v>0</v>
      </c>
      <c r="BH11" s="195">
        <v>0</v>
      </c>
      <c r="BI11" s="196">
        <v>3</v>
      </c>
      <c r="BJ11" s="196">
        <v>3</v>
      </c>
      <c r="BK11" s="196">
        <v>5</v>
      </c>
      <c r="BL11" s="196">
        <v>3</v>
      </c>
      <c r="BM11" s="196">
        <v>1</v>
      </c>
      <c r="BN11" s="197">
        <v>15</v>
      </c>
      <c r="BO11" s="198">
        <v>15</v>
      </c>
      <c r="BP11" s="192">
        <v>0</v>
      </c>
      <c r="BQ11" s="196">
        <v>0</v>
      </c>
      <c r="BR11" s="193">
        <v>0</v>
      </c>
      <c r="BS11" s="195">
        <v>0</v>
      </c>
      <c r="BT11" s="196">
        <v>0</v>
      </c>
      <c r="BU11" s="196">
        <v>0</v>
      </c>
      <c r="BV11" s="196">
        <v>0</v>
      </c>
      <c r="BW11" s="196">
        <v>4</v>
      </c>
      <c r="BX11" s="196">
        <v>0</v>
      </c>
      <c r="BY11" s="193">
        <v>4</v>
      </c>
      <c r="BZ11" s="198">
        <v>4</v>
      </c>
      <c r="CA11" s="192">
        <v>0</v>
      </c>
      <c r="CB11" s="196">
        <v>0</v>
      </c>
      <c r="CC11" s="193">
        <v>0</v>
      </c>
      <c r="CD11" s="195">
        <v>0</v>
      </c>
      <c r="CE11" s="196">
        <v>0</v>
      </c>
      <c r="CF11" s="196">
        <v>0</v>
      </c>
      <c r="CG11" s="196">
        <v>1</v>
      </c>
      <c r="CH11" s="196">
        <v>0</v>
      </c>
      <c r="CI11" s="196">
        <v>0</v>
      </c>
      <c r="CJ11" s="193">
        <v>1</v>
      </c>
      <c r="CK11" s="198">
        <v>1</v>
      </c>
      <c r="CL11" s="192">
        <v>0</v>
      </c>
      <c r="CM11" s="196">
        <v>0</v>
      </c>
      <c r="CN11" s="193">
        <v>0</v>
      </c>
      <c r="CO11" s="195">
        <v>0</v>
      </c>
      <c r="CP11" s="196">
        <v>2</v>
      </c>
      <c r="CQ11" s="196">
        <v>1</v>
      </c>
      <c r="CR11" s="196">
        <v>0</v>
      </c>
      <c r="CS11" s="196">
        <v>2</v>
      </c>
      <c r="CT11" s="196">
        <v>0</v>
      </c>
      <c r="CU11" s="193">
        <v>5</v>
      </c>
      <c r="CV11" s="198">
        <v>5</v>
      </c>
    </row>
    <row r="12" spans="1:100" ht="21" customHeight="1" x14ac:dyDescent="0.2">
      <c r="A12" s="177" t="s">
        <v>9</v>
      </c>
      <c r="B12" s="192">
        <v>0</v>
      </c>
      <c r="C12" s="193">
        <v>0</v>
      </c>
      <c r="D12" s="194">
        <v>0</v>
      </c>
      <c r="E12" s="195">
        <v>0</v>
      </c>
      <c r="F12" s="196">
        <v>1</v>
      </c>
      <c r="G12" s="196">
        <v>0</v>
      </c>
      <c r="H12" s="196">
        <v>0</v>
      </c>
      <c r="I12" s="196">
        <v>1</v>
      </c>
      <c r="J12" s="196">
        <v>1</v>
      </c>
      <c r="K12" s="197">
        <v>3</v>
      </c>
      <c r="L12" s="198">
        <v>3</v>
      </c>
      <c r="M12" s="192">
        <v>0</v>
      </c>
      <c r="N12" s="196">
        <v>0</v>
      </c>
      <c r="O12" s="193">
        <v>0</v>
      </c>
      <c r="P12" s="195">
        <v>0</v>
      </c>
      <c r="Q12" s="196">
        <v>0</v>
      </c>
      <c r="R12" s="196">
        <v>0</v>
      </c>
      <c r="S12" s="196">
        <v>0</v>
      </c>
      <c r="T12" s="196">
        <v>0</v>
      </c>
      <c r="U12" s="196">
        <v>0</v>
      </c>
      <c r="V12" s="193">
        <v>0</v>
      </c>
      <c r="W12" s="198">
        <v>0</v>
      </c>
      <c r="X12" s="192">
        <v>0</v>
      </c>
      <c r="Y12" s="196">
        <v>0</v>
      </c>
      <c r="Z12" s="193">
        <v>0</v>
      </c>
      <c r="AA12" s="195">
        <v>0</v>
      </c>
      <c r="AB12" s="196">
        <v>42</v>
      </c>
      <c r="AC12" s="196">
        <v>30</v>
      </c>
      <c r="AD12" s="196">
        <v>13</v>
      </c>
      <c r="AE12" s="196">
        <v>14</v>
      </c>
      <c r="AF12" s="196">
        <v>1</v>
      </c>
      <c r="AG12" s="193">
        <v>100</v>
      </c>
      <c r="AH12" s="198">
        <v>100</v>
      </c>
      <c r="AI12" s="192">
        <v>0</v>
      </c>
      <c r="AJ12" s="196">
        <v>0</v>
      </c>
      <c r="AK12" s="193">
        <v>0</v>
      </c>
      <c r="AL12" s="195">
        <v>0</v>
      </c>
      <c r="AM12" s="196">
        <v>0</v>
      </c>
      <c r="AN12" s="196">
        <v>1</v>
      </c>
      <c r="AO12" s="196">
        <v>3</v>
      </c>
      <c r="AP12" s="196">
        <v>0</v>
      </c>
      <c r="AQ12" s="196">
        <v>0</v>
      </c>
      <c r="AR12" s="193">
        <v>4</v>
      </c>
      <c r="AS12" s="198">
        <v>4</v>
      </c>
      <c r="AT12" s="192">
        <v>1</v>
      </c>
      <c r="AU12" s="196">
        <v>0</v>
      </c>
      <c r="AV12" s="193">
        <v>1</v>
      </c>
      <c r="AW12" s="195">
        <v>0</v>
      </c>
      <c r="AX12" s="196">
        <v>2</v>
      </c>
      <c r="AY12" s="196">
        <v>1</v>
      </c>
      <c r="AZ12" s="196">
        <v>0</v>
      </c>
      <c r="BA12" s="196">
        <v>2</v>
      </c>
      <c r="BB12" s="196">
        <v>0</v>
      </c>
      <c r="BC12" s="193">
        <v>5</v>
      </c>
      <c r="BD12" s="198">
        <v>6</v>
      </c>
      <c r="BE12" s="192">
        <v>0</v>
      </c>
      <c r="BF12" s="196">
        <v>0</v>
      </c>
      <c r="BG12" s="193">
        <v>0</v>
      </c>
      <c r="BH12" s="195">
        <v>0</v>
      </c>
      <c r="BI12" s="196">
        <v>3</v>
      </c>
      <c r="BJ12" s="196">
        <v>4</v>
      </c>
      <c r="BK12" s="196">
        <v>8</v>
      </c>
      <c r="BL12" s="196">
        <v>2</v>
      </c>
      <c r="BM12" s="196">
        <v>3</v>
      </c>
      <c r="BN12" s="197">
        <v>20</v>
      </c>
      <c r="BO12" s="198">
        <v>20</v>
      </c>
      <c r="BP12" s="192">
        <v>0</v>
      </c>
      <c r="BQ12" s="196">
        <v>0</v>
      </c>
      <c r="BR12" s="193">
        <v>0</v>
      </c>
      <c r="BS12" s="195">
        <v>0</v>
      </c>
      <c r="BT12" s="196">
        <v>1</v>
      </c>
      <c r="BU12" s="196">
        <v>1</v>
      </c>
      <c r="BV12" s="196">
        <v>2</v>
      </c>
      <c r="BW12" s="196">
        <v>0</v>
      </c>
      <c r="BX12" s="196">
        <v>0</v>
      </c>
      <c r="BY12" s="193">
        <v>4</v>
      </c>
      <c r="BZ12" s="198">
        <v>4</v>
      </c>
      <c r="CA12" s="192">
        <v>0</v>
      </c>
      <c r="CB12" s="196">
        <v>0</v>
      </c>
      <c r="CC12" s="193">
        <v>0</v>
      </c>
      <c r="CD12" s="195">
        <v>0</v>
      </c>
      <c r="CE12" s="196">
        <v>0</v>
      </c>
      <c r="CF12" s="196">
        <v>0</v>
      </c>
      <c r="CG12" s="196">
        <v>0</v>
      </c>
      <c r="CH12" s="196">
        <v>0</v>
      </c>
      <c r="CI12" s="196">
        <v>0</v>
      </c>
      <c r="CJ12" s="193">
        <v>0</v>
      </c>
      <c r="CK12" s="198">
        <v>0</v>
      </c>
      <c r="CL12" s="192">
        <v>0</v>
      </c>
      <c r="CM12" s="196">
        <v>0</v>
      </c>
      <c r="CN12" s="193">
        <v>0</v>
      </c>
      <c r="CO12" s="195">
        <v>0</v>
      </c>
      <c r="CP12" s="196">
        <v>0</v>
      </c>
      <c r="CQ12" s="196">
        <v>1</v>
      </c>
      <c r="CR12" s="196">
        <v>3</v>
      </c>
      <c r="CS12" s="196">
        <v>0</v>
      </c>
      <c r="CT12" s="196">
        <v>0</v>
      </c>
      <c r="CU12" s="193">
        <v>4</v>
      </c>
      <c r="CV12" s="198">
        <v>4</v>
      </c>
    </row>
    <row r="13" spans="1:100" ht="21" customHeight="1" x14ac:dyDescent="0.2">
      <c r="A13" s="177" t="s">
        <v>10</v>
      </c>
      <c r="B13" s="192">
        <v>0</v>
      </c>
      <c r="C13" s="193">
        <v>0</v>
      </c>
      <c r="D13" s="194">
        <v>0</v>
      </c>
      <c r="E13" s="195">
        <v>0</v>
      </c>
      <c r="F13" s="196">
        <v>2</v>
      </c>
      <c r="G13" s="196">
        <v>1</v>
      </c>
      <c r="H13" s="196">
        <v>0</v>
      </c>
      <c r="I13" s="196">
        <v>0</v>
      </c>
      <c r="J13" s="196">
        <v>0</v>
      </c>
      <c r="K13" s="197">
        <v>3</v>
      </c>
      <c r="L13" s="198">
        <v>3</v>
      </c>
      <c r="M13" s="192">
        <v>0</v>
      </c>
      <c r="N13" s="196">
        <v>0</v>
      </c>
      <c r="O13" s="193">
        <v>0</v>
      </c>
      <c r="P13" s="195">
        <v>0</v>
      </c>
      <c r="Q13" s="196">
        <v>2</v>
      </c>
      <c r="R13" s="196">
        <v>1</v>
      </c>
      <c r="S13" s="196">
        <v>2</v>
      </c>
      <c r="T13" s="196">
        <v>0</v>
      </c>
      <c r="U13" s="196">
        <v>1</v>
      </c>
      <c r="V13" s="193">
        <v>6</v>
      </c>
      <c r="W13" s="198">
        <v>6</v>
      </c>
      <c r="X13" s="192">
        <v>0</v>
      </c>
      <c r="Y13" s="196">
        <v>0</v>
      </c>
      <c r="Z13" s="193">
        <v>0</v>
      </c>
      <c r="AA13" s="195">
        <v>0</v>
      </c>
      <c r="AB13" s="196">
        <v>45</v>
      </c>
      <c r="AC13" s="196">
        <v>24</v>
      </c>
      <c r="AD13" s="196">
        <v>5</v>
      </c>
      <c r="AE13" s="196">
        <v>1</v>
      </c>
      <c r="AF13" s="196">
        <v>1</v>
      </c>
      <c r="AG13" s="193">
        <v>76</v>
      </c>
      <c r="AH13" s="198">
        <v>76</v>
      </c>
      <c r="AI13" s="192">
        <v>0</v>
      </c>
      <c r="AJ13" s="196">
        <v>0</v>
      </c>
      <c r="AK13" s="193">
        <v>0</v>
      </c>
      <c r="AL13" s="195">
        <v>0</v>
      </c>
      <c r="AM13" s="196">
        <v>2</v>
      </c>
      <c r="AN13" s="196">
        <v>2</v>
      </c>
      <c r="AO13" s="196">
        <v>2</v>
      </c>
      <c r="AP13" s="196">
        <v>1</v>
      </c>
      <c r="AQ13" s="196">
        <v>0</v>
      </c>
      <c r="AR13" s="193">
        <v>7</v>
      </c>
      <c r="AS13" s="198">
        <v>7</v>
      </c>
      <c r="AT13" s="192">
        <v>0</v>
      </c>
      <c r="AU13" s="196">
        <v>0</v>
      </c>
      <c r="AV13" s="193">
        <v>0</v>
      </c>
      <c r="AW13" s="195">
        <v>0</v>
      </c>
      <c r="AX13" s="196">
        <v>6</v>
      </c>
      <c r="AY13" s="196">
        <v>3</v>
      </c>
      <c r="AZ13" s="196">
        <v>5</v>
      </c>
      <c r="BA13" s="196">
        <v>5</v>
      </c>
      <c r="BB13" s="196">
        <v>1</v>
      </c>
      <c r="BC13" s="193">
        <v>20</v>
      </c>
      <c r="BD13" s="198">
        <v>20</v>
      </c>
      <c r="BE13" s="192">
        <v>0</v>
      </c>
      <c r="BF13" s="196">
        <v>0</v>
      </c>
      <c r="BG13" s="193">
        <v>0</v>
      </c>
      <c r="BH13" s="195">
        <v>0</v>
      </c>
      <c r="BI13" s="196">
        <v>8</v>
      </c>
      <c r="BJ13" s="196">
        <v>11</v>
      </c>
      <c r="BK13" s="196">
        <v>6</v>
      </c>
      <c r="BL13" s="196">
        <v>9</v>
      </c>
      <c r="BM13" s="196">
        <v>5</v>
      </c>
      <c r="BN13" s="197">
        <v>39</v>
      </c>
      <c r="BO13" s="198">
        <v>39</v>
      </c>
      <c r="BP13" s="192">
        <v>0</v>
      </c>
      <c r="BQ13" s="196">
        <v>0</v>
      </c>
      <c r="BR13" s="193">
        <v>0</v>
      </c>
      <c r="BS13" s="195">
        <v>0</v>
      </c>
      <c r="BT13" s="196">
        <v>0</v>
      </c>
      <c r="BU13" s="196">
        <v>4</v>
      </c>
      <c r="BV13" s="196">
        <v>4</v>
      </c>
      <c r="BW13" s="196">
        <v>3</v>
      </c>
      <c r="BX13" s="196">
        <v>3</v>
      </c>
      <c r="BY13" s="193">
        <v>14</v>
      </c>
      <c r="BZ13" s="198">
        <v>14</v>
      </c>
      <c r="CA13" s="192">
        <v>0</v>
      </c>
      <c r="CB13" s="196">
        <v>0</v>
      </c>
      <c r="CC13" s="193">
        <v>0</v>
      </c>
      <c r="CD13" s="195">
        <v>0</v>
      </c>
      <c r="CE13" s="196">
        <v>0</v>
      </c>
      <c r="CF13" s="196">
        <v>0</v>
      </c>
      <c r="CG13" s="196">
        <v>1</v>
      </c>
      <c r="CH13" s="196">
        <v>2</v>
      </c>
      <c r="CI13" s="196">
        <v>3</v>
      </c>
      <c r="CJ13" s="193">
        <v>6</v>
      </c>
      <c r="CK13" s="198">
        <v>6</v>
      </c>
      <c r="CL13" s="192">
        <v>0</v>
      </c>
      <c r="CM13" s="196">
        <v>0</v>
      </c>
      <c r="CN13" s="193">
        <v>0</v>
      </c>
      <c r="CO13" s="195">
        <v>0</v>
      </c>
      <c r="CP13" s="196">
        <v>0</v>
      </c>
      <c r="CQ13" s="196">
        <v>1</v>
      </c>
      <c r="CR13" s="196">
        <v>2</v>
      </c>
      <c r="CS13" s="196">
        <v>1</v>
      </c>
      <c r="CT13" s="196">
        <v>0</v>
      </c>
      <c r="CU13" s="193">
        <v>4</v>
      </c>
      <c r="CV13" s="198">
        <v>4</v>
      </c>
    </row>
    <row r="14" spans="1:100" ht="21" customHeight="1" x14ac:dyDescent="0.2">
      <c r="A14" s="177" t="s">
        <v>11</v>
      </c>
      <c r="B14" s="192">
        <v>0</v>
      </c>
      <c r="C14" s="193">
        <v>0</v>
      </c>
      <c r="D14" s="194">
        <v>0</v>
      </c>
      <c r="E14" s="195">
        <v>0</v>
      </c>
      <c r="F14" s="196">
        <v>1</v>
      </c>
      <c r="G14" s="196">
        <v>0</v>
      </c>
      <c r="H14" s="196">
        <v>2</v>
      </c>
      <c r="I14" s="196">
        <v>0</v>
      </c>
      <c r="J14" s="196">
        <v>0</v>
      </c>
      <c r="K14" s="197">
        <v>3</v>
      </c>
      <c r="L14" s="198">
        <v>3</v>
      </c>
      <c r="M14" s="192">
        <v>0</v>
      </c>
      <c r="N14" s="196">
        <v>0</v>
      </c>
      <c r="O14" s="193">
        <v>0</v>
      </c>
      <c r="P14" s="195">
        <v>0</v>
      </c>
      <c r="Q14" s="196">
        <v>0</v>
      </c>
      <c r="R14" s="196">
        <v>0</v>
      </c>
      <c r="S14" s="196">
        <v>0</v>
      </c>
      <c r="T14" s="196">
        <v>0</v>
      </c>
      <c r="U14" s="196">
        <v>0</v>
      </c>
      <c r="V14" s="193">
        <v>0</v>
      </c>
      <c r="W14" s="198">
        <v>0</v>
      </c>
      <c r="X14" s="192">
        <v>0</v>
      </c>
      <c r="Y14" s="196">
        <v>0</v>
      </c>
      <c r="Z14" s="193">
        <v>0</v>
      </c>
      <c r="AA14" s="195">
        <v>0</v>
      </c>
      <c r="AB14" s="196">
        <v>32</v>
      </c>
      <c r="AC14" s="196">
        <v>5</v>
      </c>
      <c r="AD14" s="196">
        <v>13</v>
      </c>
      <c r="AE14" s="196">
        <v>4</v>
      </c>
      <c r="AF14" s="196">
        <v>2</v>
      </c>
      <c r="AG14" s="193">
        <v>56</v>
      </c>
      <c r="AH14" s="198">
        <v>56</v>
      </c>
      <c r="AI14" s="192">
        <v>0</v>
      </c>
      <c r="AJ14" s="196">
        <v>0</v>
      </c>
      <c r="AK14" s="193">
        <v>0</v>
      </c>
      <c r="AL14" s="195">
        <v>0</v>
      </c>
      <c r="AM14" s="196">
        <v>5</v>
      </c>
      <c r="AN14" s="196">
        <v>2</v>
      </c>
      <c r="AO14" s="196">
        <v>0</v>
      </c>
      <c r="AP14" s="196">
        <v>0</v>
      </c>
      <c r="AQ14" s="196">
        <v>0</v>
      </c>
      <c r="AR14" s="193">
        <v>7</v>
      </c>
      <c r="AS14" s="198">
        <v>7</v>
      </c>
      <c r="AT14" s="192">
        <v>0</v>
      </c>
      <c r="AU14" s="196">
        <v>0</v>
      </c>
      <c r="AV14" s="193">
        <v>0</v>
      </c>
      <c r="AW14" s="195">
        <v>0</v>
      </c>
      <c r="AX14" s="196">
        <v>2</v>
      </c>
      <c r="AY14" s="196">
        <v>0</v>
      </c>
      <c r="AZ14" s="196">
        <v>2</v>
      </c>
      <c r="BA14" s="196">
        <v>1</v>
      </c>
      <c r="BB14" s="196">
        <v>0</v>
      </c>
      <c r="BC14" s="193">
        <v>5</v>
      </c>
      <c r="BD14" s="198">
        <v>5</v>
      </c>
      <c r="BE14" s="192">
        <v>0</v>
      </c>
      <c r="BF14" s="196">
        <v>0</v>
      </c>
      <c r="BG14" s="193">
        <v>0</v>
      </c>
      <c r="BH14" s="195">
        <v>0</v>
      </c>
      <c r="BI14" s="196">
        <v>2</v>
      </c>
      <c r="BJ14" s="196">
        <v>1</v>
      </c>
      <c r="BK14" s="196">
        <v>1</v>
      </c>
      <c r="BL14" s="196">
        <v>3</v>
      </c>
      <c r="BM14" s="196">
        <v>0</v>
      </c>
      <c r="BN14" s="197">
        <v>7</v>
      </c>
      <c r="BO14" s="198">
        <v>7</v>
      </c>
      <c r="BP14" s="192">
        <v>0</v>
      </c>
      <c r="BQ14" s="196">
        <v>0</v>
      </c>
      <c r="BR14" s="193">
        <v>0</v>
      </c>
      <c r="BS14" s="195">
        <v>0</v>
      </c>
      <c r="BT14" s="196">
        <v>0</v>
      </c>
      <c r="BU14" s="196">
        <v>0</v>
      </c>
      <c r="BV14" s="196">
        <v>0</v>
      </c>
      <c r="BW14" s="196">
        <v>0</v>
      </c>
      <c r="BX14" s="196">
        <v>0</v>
      </c>
      <c r="BY14" s="193">
        <v>0</v>
      </c>
      <c r="BZ14" s="198">
        <v>0</v>
      </c>
      <c r="CA14" s="192">
        <v>0</v>
      </c>
      <c r="CB14" s="196">
        <v>0</v>
      </c>
      <c r="CC14" s="193">
        <v>0</v>
      </c>
      <c r="CD14" s="195">
        <v>0</v>
      </c>
      <c r="CE14" s="196">
        <v>0</v>
      </c>
      <c r="CF14" s="196">
        <v>0</v>
      </c>
      <c r="CG14" s="196">
        <v>0</v>
      </c>
      <c r="CH14" s="196">
        <v>0</v>
      </c>
      <c r="CI14" s="196">
        <v>0</v>
      </c>
      <c r="CJ14" s="193">
        <v>0</v>
      </c>
      <c r="CK14" s="198">
        <v>0</v>
      </c>
      <c r="CL14" s="192">
        <v>0</v>
      </c>
      <c r="CM14" s="196">
        <v>0</v>
      </c>
      <c r="CN14" s="193">
        <v>0</v>
      </c>
      <c r="CO14" s="195">
        <v>0</v>
      </c>
      <c r="CP14" s="196">
        <v>0</v>
      </c>
      <c r="CQ14" s="196">
        <v>1</v>
      </c>
      <c r="CR14" s="196">
        <v>0</v>
      </c>
      <c r="CS14" s="196">
        <v>0</v>
      </c>
      <c r="CT14" s="196">
        <v>0</v>
      </c>
      <c r="CU14" s="193">
        <v>1</v>
      </c>
      <c r="CV14" s="198">
        <v>1</v>
      </c>
    </row>
    <row r="15" spans="1:100" ht="21" customHeight="1" x14ac:dyDescent="0.2">
      <c r="A15" s="177" t="s">
        <v>12</v>
      </c>
      <c r="B15" s="192">
        <v>0</v>
      </c>
      <c r="C15" s="193">
        <v>0</v>
      </c>
      <c r="D15" s="194">
        <v>0</v>
      </c>
      <c r="E15" s="195">
        <v>0</v>
      </c>
      <c r="F15" s="196">
        <v>0</v>
      </c>
      <c r="G15" s="196">
        <v>0</v>
      </c>
      <c r="H15" s="196">
        <v>1</v>
      </c>
      <c r="I15" s="196">
        <v>0</v>
      </c>
      <c r="J15" s="196">
        <v>0</v>
      </c>
      <c r="K15" s="197">
        <v>1</v>
      </c>
      <c r="L15" s="198">
        <v>1</v>
      </c>
      <c r="M15" s="192">
        <v>0</v>
      </c>
      <c r="N15" s="196">
        <v>0</v>
      </c>
      <c r="O15" s="193">
        <v>0</v>
      </c>
      <c r="P15" s="195">
        <v>0</v>
      </c>
      <c r="Q15" s="196">
        <v>0</v>
      </c>
      <c r="R15" s="196">
        <v>0</v>
      </c>
      <c r="S15" s="196">
        <v>0</v>
      </c>
      <c r="T15" s="196">
        <v>0</v>
      </c>
      <c r="U15" s="196">
        <v>0</v>
      </c>
      <c r="V15" s="193">
        <v>0</v>
      </c>
      <c r="W15" s="198">
        <v>0</v>
      </c>
      <c r="X15" s="192">
        <v>0</v>
      </c>
      <c r="Y15" s="196">
        <v>0</v>
      </c>
      <c r="Z15" s="193">
        <v>0</v>
      </c>
      <c r="AA15" s="195">
        <v>0</v>
      </c>
      <c r="AB15" s="196">
        <v>34</v>
      </c>
      <c r="AC15" s="196">
        <v>19</v>
      </c>
      <c r="AD15" s="196">
        <v>11</v>
      </c>
      <c r="AE15" s="196">
        <v>5</v>
      </c>
      <c r="AF15" s="196">
        <v>3</v>
      </c>
      <c r="AG15" s="193">
        <v>72</v>
      </c>
      <c r="AH15" s="198">
        <v>72</v>
      </c>
      <c r="AI15" s="192">
        <v>0</v>
      </c>
      <c r="AJ15" s="196">
        <v>0</v>
      </c>
      <c r="AK15" s="193">
        <v>0</v>
      </c>
      <c r="AL15" s="195">
        <v>0</v>
      </c>
      <c r="AM15" s="196">
        <v>0</v>
      </c>
      <c r="AN15" s="196">
        <v>0</v>
      </c>
      <c r="AO15" s="196">
        <v>0</v>
      </c>
      <c r="AP15" s="196">
        <v>0</v>
      </c>
      <c r="AQ15" s="196">
        <v>0</v>
      </c>
      <c r="AR15" s="193">
        <v>0</v>
      </c>
      <c r="AS15" s="198">
        <v>0</v>
      </c>
      <c r="AT15" s="192">
        <v>0</v>
      </c>
      <c r="AU15" s="196">
        <v>0</v>
      </c>
      <c r="AV15" s="193">
        <v>0</v>
      </c>
      <c r="AW15" s="195">
        <v>0</v>
      </c>
      <c r="AX15" s="196">
        <v>1</v>
      </c>
      <c r="AY15" s="196">
        <v>2</v>
      </c>
      <c r="AZ15" s="196">
        <v>4</v>
      </c>
      <c r="BA15" s="196">
        <v>2</v>
      </c>
      <c r="BB15" s="196">
        <v>3</v>
      </c>
      <c r="BC15" s="193">
        <v>12</v>
      </c>
      <c r="BD15" s="198">
        <v>12</v>
      </c>
      <c r="BE15" s="192">
        <v>0</v>
      </c>
      <c r="BF15" s="196">
        <v>1</v>
      </c>
      <c r="BG15" s="193">
        <v>1</v>
      </c>
      <c r="BH15" s="195">
        <v>0</v>
      </c>
      <c r="BI15" s="196">
        <v>6</v>
      </c>
      <c r="BJ15" s="196">
        <v>4</v>
      </c>
      <c r="BK15" s="196">
        <v>1</v>
      </c>
      <c r="BL15" s="196">
        <v>4</v>
      </c>
      <c r="BM15" s="196">
        <v>0</v>
      </c>
      <c r="BN15" s="197">
        <v>15</v>
      </c>
      <c r="BO15" s="198">
        <v>16</v>
      </c>
      <c r="BP15" s="192">
        <v>0</v>
      </c>
      <c r="BQ15" s="196">
        <v>0</v>
      </c>
      <c r="BR15" s="193">
        <v>0</v>
      </c>
      <c r="BS15" s="195">
        <v>0</v>
      </c>
      <c r="BT15" s="196">
        <v>0</v>
      </c>
      <c r="BU15" s="196">
        <v>1</v>
      </c>
      <c r="BV15" s="196">
        <v>0</v>
      </c>
      <c r="BW15" s="196">
        <v>3</v>
      </c>
      <c r="BX15" s="196">
        <v>0</v>
      </c>
      <c r="BY15" s="193">
        <v>4</v>
      </c>
      <c r="BZ15" s="198">
        <v>4</v>
      </c>
      <c r="CA15" s="192">
        <v>0</v>
      </c>
      <c r="CB15" s="196">
        <v>0</v>
      </c>
      <c r="CC15" s="193">
        <v>0</v>
      </c>
      <c r="CD15" s="195">
        <v>0</v>
      </c>
      <c r="CE15" s="196">
        <v>0</v>
      </c>
      <c r="CF15" s="196">
        <v>0</v>
      </c>
      <c r="CG15" s="196">
        <v>0</v>
      </c>
      <c r="CH15" s="196">
        <v>1</v>
      </c>
      <c r="CI15" s="196">
        <v>1</v>
      </c>
      <c r="CJ15" s="193">
        <v>2</v>
      </c>
      <c r="CK15" s="198">
        <v>2</v>
      </c>
      <c r="CL15" s="192">
        <v>0</v>
      </c>
      <c r="CM15" s="196">
        <v>0</v>
      </c>
      <c r="CN15" s="193">
        <v>0</v>
      </c>
      <c r="CO15" s="195">
        <v>0</v>
      </c>
      <c r="CP15" s="196">
        <v>1</v>
      </c>
      <c r="CQ15" s="196">
        <v>1</v>
      </c>
      <c r="CR15" s="196">
        <v>1</v>
      </c>
      <c r="CS15" s="196">
        <v>2</v>
      </c>
      <c r="CT15" s="196">
        <v>2</v>
      </c>
      <c r="CU15" s="193">
        <v>7</v>
      </c>
      <c r="CV15" s="198">
        <v>7</v>
      </c>
    </row>
    <row r="16" spans="1:100" ht="21" customHeight="1" x14ac:dyDescent="0.2">
      <c r="A16" s="177" t="s">
        <v>13</v>
      </c>
      <c r="B16" s="192">
        <v>0</v>
      </c>
      <c r="C16" s="193">
        <v>0</v>
      </c>
      <c r="D16" s="194">
        <v>0</v>
      </c>
      <c r="E16" s="195">
        <v>0</v>
      </c>
      <c r="F16" s="196">
        <v>0</v>
      </c>
      <c r="G16" s="196">
        <v>0</v>
      </c>
      <c r="H16" s="196">
        <v>0</v>
      </c>
      <c r="I16" s="196">
        <v>0</v>
      </c>
      <c r="J16" s="196">
        <v>0</v>
      </c>
      <c r="K16" s="197">
        <v>0</v>
      </c>
      <c r="L16" s="198">
        <v>0</v>
      </c>
      <c r="M16" s="192">
        <v>0</v>
      </c>
      <c r="N16" s="196">
        <v>0</v>
      </c>
      <c r="O16" s="193">
        <v>0</v>
      </c>
      <c r="P16" s="195">
        <v>0</v>
      </c>
      <c r="Q16" s="196">
        <v>0</v>
      </c>
      <c r="R16" s="196">
        <v>0</v>
      </c>
      <c r="S16" s="196">
        <v>0</v>
      </c>
      <c r="T16" s="196">
        <v>0</v>
      </c>
      <c r="U16" s="196">
        <v>0</v>
      </c>
      <c r="V16" s="193">
        <v>0</v>
      </c>
      <c r="W16" s="198">
        <v>0</v>
      </c>
      <c r="X16" s="192">
        <v>0</v>
      </c>
      <c r="Y16" s="196">
        <v>0</v>
      </c>
      <c r="Z16" s="193">
        <v>0</v>
      </c>
      <c r="AA16" s="195">
        <v>0</v>
      </c>
      <c r="AB16" s="196">
        <v>13</v>
      </c>
      <c r="AC16" s="196">
        <v>9</v>
      </c>
      <c r="AD16" s="196">
        <v>4</v>
      </c>
      <c r="AE16" s="196">
        <v>2</v>
      </c>
      <c r="AF16" s="196">
        <v>2</v>
      </c>
      <c r="AG16" s="193">
        <v>30</v>
      </c>
      <c r="AH16" s="198">
        <v>30</v>
      </c>
      <c r="AI16" s="192">
        <v>0</v>
      </c>
      <c r="AJ16" s="196">
        <v>0</v>
      </c>
      <c r="AK16" s="193">
        <v>0</v>
      </c>
      <c r="AL16" s="195">
        <v>0</v>
      </c>
      <c r="AM16" s="196">
        <v>0</v>
      </c>
      <c r="AN16" s="196">
        <v>1</v>
      </c>
      <c r="AO16" s="196">
        <v>3</v>
      </c>
      <c r="AP16" s="196">
        <v>1</v>
      </c>
      <c r="AQ16" s="196">
        <v>0</v>
      </c>
      <c r="AR16" s="193">
        <v>5</v>
      </c>
      <c r="AS16" s="198">
        <v>5</v>
      </c>
      <c r="AT16" s="192">
        <v>0</v>
      </c>
      <c r="AU16" s="196">
        <v>0</v>
      </c>
      <c r="AV16" s="193">
        <v>0</v>
      </c>
      <c r="AW16" s="195">
        <v>0</v>
      </c>
      <c r="AX16" s="196">
        <v>1</v>
      </c>
      <c r="AY16" s="196">
        <v>2</v>
      </c>
      <c r="AZ16" s="196">
        <v>0</v>
      </c>
      <c r="BA16" s="196">
        <v>1</v>
      </c>
      <c r="BB16" s="196">
        <v>0</v>
      </c>
      <c r="BC16" s="193">
        <v>4</v>
      </c>
      <c r="BD16" s="198">
        <v>4</v>
      </c>
      <c r="BE16" s="192">
        <v>0</v>
      </c>
      <c r="BF16" s="196">
        <v>0</v>
      </c>
      <c r="BG16" s="193">
        <v>0</v>
      </c>
      <c r="BH16" s="195">
        <v>0</v>
      </c>
      <c r="BI16" s="196">
        <v>0</v>
      </c>
      <c r="BJ16" s="196">
        <v>0</v>
      </c>
      <c r="BK16" s="196">
        <v>2</v>
      </c>
      <c r="BL16" s="196">
        <v>2</v>
      </c>
      <c r="BM16" s="196">
        <v>0</v>
      </c>
      <c r="BN16" s="197">
        <v>4</v>
      </c>
      <c r="BO16" s="198">
        <v>4</v>
      </c>
      <c r="BP16" s="192">
        <v>0</v>
      </c>
      <c r="BQ16" s="196">
        <v>0</v>
      </c>
      <c r="BR16" s="193">
        <v>0</v>
      </c>
      <c r="BS16" s="195">
        <v>0</v>
      </c>
      <c r="BT16" s="196">
        <v>0</v>
      </c>
      <c r="BU16" s="196">
        <v>0</v>
      </c>
      <c r="BV16" s="196">
        <v>0</v>
      </c>
      <c r="BW16" s="196">
        <v>1</v>
      </c>
      <c r="BX16" s="196">
        <v>0</v>
      </c>
      <c r="BY16" s="193">
        <v>1</v>
      </c>
      <c r="BZ16" s="198">
        <v>1</v>
      </c>
      <c r="CA16" s="192">
        <v>0</v>
      </c>
      <c r="CB16" s="196">
        <v>0</v>
      </c>
      <c r="CC16" s="193">
        <v>0</v>
      </c>
      <c r="CD16" s="195">
        <v>0</v>
      </c>
      <c r="CE16" s="196">
        <v>0</v>
      </c>
      <c r="CF16" s="196">
        <v>0</v>
      </c>
      <c r="CG16" s="196">
        <v>0</v>
      </c>
      <c r="CH16" s="196">
        <v>0</v>
      </c>
      <c r="CI16" s="196">
        <v>0</v>
      </c>
      <c r="CJ16" s="193">
        <v>0</v>
      </c>
      <c r="CK16" s="198">
        <v>0</v>
      </c>
      <c r="CL16" s="192">
        <v>0</v>
      </c>
      <c r="CM16" s="196">
        <v>0</v>
      </c>
      <c r="CN16" s="193">
        <v>0</v>
      </c>
      <c r="CO16" s="195">
        <v>0</v>
      </c>
      <c r="CP16" s="196">
        <v>0</v>
      </c>
      <c r="CQ16" s="196">
        <v>0</v>
      </c>
      <c r="CR16" s="196">
        <v>0</v>
      </c>
      <c r="CS16" s="196">
        <v>0</v>
      </c>
      <c r="CT16" s="196">
        <v>0</v>
      </c>
      <c r="CU16" s="193">
        <v>0</v>
      </c>
      <c r="CV16" s="198">
        <v>0</v>
      </c>
    </row>
    <row r="17" spans="1:100" ht="21" customHeight="1" x14ac:dyDescent="0.2">
      <c r="A17" s="177" t="s">
        <v>15</v>
      </c>
      <c r="B17" s="192">
        <v>0</v>
      </c>
      <c r="C17" s="193">
        <v>0</v>
      </c>
      <c r="D17" s="194">
        <v>0</v>
      </c>
      <c r="E17" s="195">
        <v>0</v>
      </c>
      <c r="F17" s="196">
        <v>0</v>
      </c>
      <c r="G17" s="196">
        <v>0</v>
      </c>
      <c r="H17" s="196">
        <v>0</v>
      </c>
      <c r="I17" s="196">
        <v>0</v>
      </c>
      <c r="J17" s="196">
        <v>1</v>
      </c>
      <c r="K17" s="197">
        <v>1</v>
      </c>
      <c r="L17" s="198">
        <v>1</v>
      </c>
      <c r="M17" s="192">
        <v>0</v>
      </c>
      <c r="N17" s="196">
        <v>0</v>
      </c>
      <c r="O17" s="193">
        <v>0</v>
      </c>
      <c r="P17" s="195">
        <v>0</v>
      </c>
      <c r="Q17" s="196">
        <v>0</v>
      </c>
      <c r="R17" s="196">
        <v>0</v>
      </c>
      <c r="S17" s="196">
        <v>0</v>
      </c>
      <c r="T17" s="196">
        <v>0</v>
      </c>
      <c r="U17" s="196">
        <v>0</v>
      </c>
      <c r="V17" s="193">
        <v>0</v>
      </c>
      <c r="W17" s="198">
        <v>0</v>
      </c>
      <c r="X17" s="192">
        <v>0</v>
      </c>
      <c r="Y17" s="196">
        <v>0</v>
      </c>
      <c r="Z17" s="193">
        <v>0</v>
      </c>
      <c r="AA17" s="195">
        <v>0</v>
      </c>
      <c r="AB17" s="196">
        <v>6</v>
      </c>
      <c r="AC17" s="196">
        <v>8</v>
      </c>
      <c r="AD17" s="196">
        <v>1</v>
      </c>
      <c r="AE17" s="196">
        <v>1</v>
      </c>
      <c r="AF17" s="196">
        <v>0</v>
      </c>
      <c r="AG17" s="193">
        <v>16</v>
      </c>
      <c r="AH17" s="198">
        <v>16</v>
      </c>
      <c r="AI17" s="192">
        <v>0</v>
      </c>
      <c r="AJ17" s="196">
        <v>0</v>
      </c>
      <c r="AK17" s="193">
        <v>0</v>
      </c>
      <c r="AL17" s="195">
        <v>0</v>
      </c>
      <c r="AM17" s="196">
        <v>0</v>
      </c>
      <c r="AN17" s="196">
        <v>1</v>
      </c>
      <c r="AO17" s="196">
        <v>0</v>
      </c>
      <c r="AP17" s="196">
        <v>0</v>
      </c>
      <c r="AQ17" s="196">
        <v>0</v>
      </c>
      <c r="AR17" s="193">
        <v>1</v>
      </c>
      <c r="AS17" s="198">
        <v>1</v>
      </c>
      <c r="AT17" s="192">
        <v>0</v>
      </c>
      <c r="AU17" s="196">
        <v>0</v>
      </c>
      <c r="AV17" s="193">
        <v>0</v>
      </c>
      <c r="AW17" s="195">
        <v>0</v>
      </c>
      <c r="AX17" s="196">
        <v>0</v>
      </c>
      <c r="AY17" s="196">
        <v>1</v>
      </c>
      <c r="AZ17" s="196">
        <v>2</v>
      </c>
      <c r="BA17" s="196">
        <v>2</v>
      </c>
      <c r="BB17" s="196">
        <v>0</v>
      </c>
      <c r="BC17" s="193">
        <v>5</v>
      </c>
      <c r="BD17" s="198">
        <v>5</v>
      </c>
      <c r="BE17" s="192">
        <v>0</v>
      </c>
      <c r="BF17" s="196">
        <v>0</v>
      </c>
      <c r="BG17" s="193">
        <v>0</v>
      </c>
      <c r="BH17" s="195">
        <v>0</v>
      </c>
      <c r="BI17" s="196">
        <v>2</v>
      </c>
      <c r="BJ17" s="196">
        <v>2</v>
      </c>
      <c r="BK17" s="196">
        <v>1</v>
      </c>
      <c r="BL17" s="196">
        <v>1</v>
      </c>
      <c r="BM17" s="196">
        <v>0</v>
      </c>
      <c r="BN17" s="197">
        <v>6</v>
      </c>
      <c r="BO17" s="198">
        <v>6</v>
      </c>
      <c r="BP17" s="192">
        <v>0</v>
      </c>
      <c r="BQ17" s="196">
        <v>0</v>
      </c>
      <c r="BR17" s="193">
        <v>0</v>
      </c>
      <c r="BS17" s="195">
        <v>0</v>
      </c>
      <c r="BT17" s="196">
        <v>0</v>
      </c>
      <c r="BU17" s="196">
        <v>0</v>
      </c>
      <c r="BV17" s="196">
        <v>0</v>
      </c>
      <c r="BW17" s="196">
        <v>0</v>
      </c>
      <c r="BX17" s="196">
        <v>0</v>
      </c>
      <c r="BY17" s="193">
        <v>0</v>
      </c>
      <c r="BZ17" s="198">
        <v>0</v>
      </c>
      <c r="CA17" s="192">
        <v>0</v>
      </c>
      <c r="CB17" s="196">
        <v>0</v>
      </c>
      <c r="CC17" s="193">
        <v>0</v>
      </c>
      <c r="CD17" s="195">
        <v>0</v>
      </c>
      <c r="CE17" s="196">
        <v>0</v>
      </c>
      <c r="CF17" s="196">
        <v>0</v>
      </c>
      <c r="CG17" s="196">
        <v>0</v>
      </c>
      <c r="CH17" s="196">
        <v>0</v>
      </c>
      <c r="CI17" s="196">
        <v>0</v>
      </c>
      <c r="CJ17" s="193">
        <v>0</v>
      </c>
      <c r="CK17" s="198">
        <v>0</v>
      </c>
      <c r="CL17" s="192">
        <v>0</v>
      </c>
      <c r="CM17" s="196">
        <v>0</v>
      </c>
      <c r="CN17" s="193">
        <v>0</v>
      </c>
      <c r="CO17" s="195">
        <v>0</v>
      </c>
      <c r="CP17" s="196">
        <v>0</v>
      </c>
      <c r="CQ17" s="196">
        <v>0</v>
      </c>
      <c r="CR17" s="196">
        <v>0</v>
      </c>
      <c r="CS17" s="196">
        <v>0</v>
      </c>
      <c r="CT17" s="196">
        <v>0</v>
      </c>
      <c r="CU17" s="193">
        <v>0</v>
      </c>
      <c r="CV17" s="198">
        <v>0</v>
      </c>
    </row>
    <row r="18" spans="1:100" ht="21" customHeight="1" x14ac:dyDescent="0.2">
      <c r="A18" s="177" t="s">
        <v>16</v>
      </c>
      <c r="B18" s="192">
        <v>0</v>
      </c>
      <c r="C18" s="193">
        <v>0</v>
      </c>
      <c r="D18" s="194">
        <v>0</v>
      </c>
      <c r="E18" s="195">
        <v>0</v>
      </c>
      <c r="F18" s="196">
        <v>0</v>
      </c>
      <c r="G18" s="196">
        <v>3</v>
      </c>
      <c r="H18" s="196">
        <v>0</v>
      </c>
      <c r="I18" s="196">
        <v>1</v>
      </c>
      <c r="J18" s="196">
        <v>3</v>
      </c>
      <c r="K18" s="197">
        <v>7</v>
      </c>
      <c r="L18" s="198">
        <v>7</v>
      </c>
      <c r="M18" s="192">
        <v>0</v>
      </c>
      <c r="N18" s="196">
        <v>0</v>
      </c>
      <c r="O18" s="193">
        <v>0</v>
      </c>
      <c r="P18" s="195">
        <v>0</v>
      </c>
      <c r="Q18" s="196">
        <v>0</v>
      </c>
      <c r="R18" s="196">
        <v>0</v>
      </c>
      <c r="S18" s="196">
        <v>0</v>
      </c>
      <c r="T18" s="196">
        <v>0</v>
      </c>
      <c r="U18" s="196">
        <v>0</v>
      </c>
      <c r="V18" s="193">
        <v>0</v>
      </c>
      <c r="W18" s="198">
        <v>0</v>
      </c>
      <c r="X18" s="192">
        <v>0</v>
      </c>
      <c r="Y18" s="196">
        <v>0</v>
      </c>
      <c r="Z18" s="193">
        <v>0</v>
      </c>
      <c r="AA18" s="195">
        <v>0</v>
      </c>
      <c r="AB18" s="196">
        <v>10</v>
      </c>
      <c r="AC18" s="196">
        <v>14</v>
      </c>
      <c r="AD18" s="196">
        <v>3</v>
      </c>
      <c r="AE18" s="196">
        <v>1</v>
      </c>
      <c r="AF18" s="196">
        <v>2</v>
      </c>
      <c r="AG18" s="193">
        <v>30</v>
      </c>
      <c r="AH18" s="198">
        <v>30</v>
      </c>
      <c r="AI18" s="192">
        <v>0</v>
      </c>
      <c r="AJ18" s="196">
        <v>0</v>
      </c>
      <c r="AK18" s="193">
        <v>0</v>
      </c>
      <c r="AL18" s="195">
        <v>0</v>
      </c>
      <c r="AM18" s="196">
        <v>2</v>
      </c>
      <c r="AN18" s="196">
        <v>0</v>
      </c>
      <c r="AO18" s="196">
        <v>2</v>
      </c>
      <c r="AP18" s="196">
        <v>0</v>
      </c>
      <c r="AQ18" s="196">
        <v>0</v>
      </c>
      <c r="AR18" s="193">
        <v>4</v>
      </c>
      <c r="AS18" s="198">
        <v>4</v>
      </c>
      <c r="AT18" s="192">
        <v>0</v>
      </c>
      <c r="AU18" s="196">
        <v>0</v>
      </c>
      <c r="AV18" s="193">
        <v>0</v>
      </c>
      <c r="AW18" s="195">
        <v>0</v>
      </c>
      <c r="AX18" s="196">
        <v>0</v>
      </c>
      <c r="AY18" s="196">
        <v>1</v>
      </c>
      <c r="AZ18" s="196">
        <v>2</v>
      </c>
      <c r="BA18" s="196">
        <v>0</v>
      </c>
      <c r="BB18" s="196">
        <v>0</v>
      </c>
      <c r="BC18" s="193">
        <v>3</v>
      </c>
      <c r="BD18" s="198">
        <v>3</v>
      </c>
      <c r="BE18" s="192">
        <v>0</v>
      </c>
      <c r="BF18" s="196">
        <v>0</v>
      </c>
      <c r="BG18" s="193">
        <v>0</v>
      </c>
      <c r="BH18" s="195">
        <v>0</v>
      </c>
      <c r="BI18" s="196">
        <v>1</v>
      </c>
      <c r="BJ18" s="196">
        <v>6</v>
      </c>
      <c r="BK18" s="196">
        <v>1</v>
      </c>
      <c r="BL18" s="196">
        <v>1</v>
      </c>
      <c r="BM18" s="196">
        <v>2</v>
      </c>
      <c r="BN18" s="197">
        <v>11</v>
      </c>
      <c r="BO18" s="198">
        <v>11</v>
      </c>
      <c r="BP18" s="192">
        <v>0</v>
      </c>
      <c r="BQ18" s="196">
        <v>0</v>
      </c>
      <c r="BR18" s="193">
        <v>0</v>
      </c>
      <c r="BS18" s="195">
        <v>0</v>
      </c>
      <c r="BT18" s="196">
        <v>0</v>
      </c>
      <c r="BU18" s="196">
        <v>0</v>
      </c>
      <c r="BV18" s="196">
        <v>0</v>
      </c>
      <c r="BW18" s="196">
        <v>0</v>
      </c>
      <c r="BX18" s="196">
        <v>0</v>
      </c>
      <c r="BY18" s="193">
        <v>0</v>
      </c>
      <c r="BZ18" s="198">
        <v>0</v>
      </c>
      <c r="CA18" s="192">
        <v>0</v>
      </c>
      <c r="CB18" s="196">
        <v>0</v>
      </c>
      <c r="CC18" s="193">
        <v>0</v>
      </c>
      <c r="CD18" s="195">
        <v>0</v>
      </c>
      <c r="CE18" s="196">
        <v>0</v>
      </c>
      <c r="CF18" s="196">
        <v>0</v>
      </c>
      <c r="CG18" s="196">
        <v>0</v>
      </c>
      <c r="CH18" s="196">
        <v>0</v>
      </c>
      <c r="CI18" s="196">
        <v>0</v>
      </c>
      <c r="CJ18" s="193">
        <v>0</v>
      </c>
      <c r="CK18" s="198">
        <v>0</v>
      </c>
      <c r="CL18" s="192">
        <v>0</v>
      </c>
      <c r="CM18" s="196">
        <v>0</v>
      </c>
      <c r="CN18" s="193">
        <v>0</v>
      </c>
      <c r="CO18" s="195">
        <v>0</v>
      </c>
      <c r="CP18" s="196">
        <v>0</v>
      </c>
      <c r="CQ18" s="196">
        <v>1</v>
      </c>
      <c r="CR18" s="196">
        <v>1</v>
      </c>
      <c r="CS18" s="196">
        <v>0</v>
      </c>
      <c r="CT18" s="196">
        <v>0</v>
      </c>
      <c r="CU18" s="193">
        <v>2</v>
      </c>
      <c r="CV18" s="198">
        <v>2</v>
      </c>
    </row>
    <row r="19" spans="1:100" ht="21" customHeight="1" x14ac:dyDescent="0.2">
      <c r="A19" s="177" t="s">
        <v>17</v>
      </c>
      <c r="B19" s="192">
        <v>0</v>
      </c>
      <c r="C19" s="193">
        <v>0</v>
      </c>
      <c r="D19" s="194">
        <v>0</v>
      </c>
      <c r="E19" s="195">
        <v>0</v>
      </c>
      <c r="F19" s="196">
        <v>0</v>
      </c>
      <c r="G19" s="196">
        <v>1</v>
      </c>
      <c r="H19" s="196">
        <v>0</v>
      </c>
      <c r="I19" s="196">
        <v>0</v>
      </c>
      <c r="J19" s="196">
        <v>0</v>
      </c>
      <c r="K19" s="197">
        <v>1</v>
      </c>
      <c r="L19" s="198">
        <v>1</v>
      </c>
      <c r="M19" s="192">
        <v>0</v>
      </c>
      <c r="N19" s="196">
        <v>0</v>
      </c>
      <c r="O19" s="193">
        <v>0</v>
      </c>
      <c r="P19" s="195">
        <v>0</v>
      </c>
      <c r="Q19" s="196">
        <v>0</v>
      </c>
      <c r="R19" s="196">
        <v>0</v>
      </c>
      <c r="S19" s="196">
        <v>0</v>
      </c>
      <c r="T19" s="196">
        <v>0</v>
      </c>
      <c r="U19" s="196">
        <v>0</v>
      </c>
      <c r="V19" s="193">
        <v>0</v>
      </c>
      <c r="W19" s="198">
        <v>0</v>
      </c>
      <c r="X19" s="192">
        <v>0</v>
      </c>
      <c r="Y19" s="196">
        <v>0</v>
      </c>
      <c r="Z19" s="193">
        <v>0</v>
      </c>
      <c r="AA19" s="195">
        <v>0</v>
      </c>
      <c r="AB19" s="196">
        <v>18</v>
      </c>
      <c r="AC19" s="196">
        <v>11</v>
      </c>
      <c r="AD19" s="196">
        <v>7</v>
      </c>
      <c r="AE19" s="196">
        <v>5</v>
      </c>
      <c r="AF19" s="196">
        <v>1</v>
      </c>
      <c r="AG19" s="193">
        <v>42</v>
      </c>
      <c r="AH19" s="198">
        <v>42</v>
      </c>
      <c r="AI19" s="192">
        <v>0</v>
      </c>
      <c r="AJ19" s="196">
        <v>0</v>
      </c>
      <c r="AK19" s="193">
        <v>0</v>
      </c>
      <c r="AL19" s="195">
        <v>0</v>
      </c>
      <c r="AM19" s="196">
        <v>1</v>
      </c>
      <c r="AN19" s="196">
        <v>0</v>
      </c>
      <c r="AO19" s="196">
        <v>1</v>
      </c>
      <c r="AP19" s="196">
        <v>0</v>
      </c>
      <c r="AQ19" s="196">
        <v>0</v>
      </c>
      <c r="AR19" s="193">
        <v>2</v>
      </c>
      <c r="AS19" s="198">
        <v>2</v>
      </c>
      <c r="AT19" s="192">
        <v>0</v>
      </c>
      <c r="AU19" s="196">
        <v>0</v>
      </c>
      <c r="AV19" s="193">
        <v>0</v>
      </c>
      <c r="AW19" s="195">
        <v>0</v>
      </c>
      <c r="AX19" s="196">
        <v>0</v>
      </c>
      <c r="AY19" s="196">
        <v>3</v>
      </c>
      <c r="AZ19" s="196">
        <v>3</v>
      </c>
      <c r="BA19" s="196">
        <v>0</v>
      </c>
      <c r="BB19" s="196">
        <v>2</v>
      </c>
      <c r="BC19" s="193">
        <v>8</v>
      </c>
      <c r="BD19" s="198">
        <v>8</v>
      </c>
      <c r="BE19" s="192">
        <v>0</v>
      </c>
      <c r="BF19" s="196">
        <v>0</v>
      </c>
      <c r="BG19" s="193">
        <v>0</v>
      </c>
      <c r="BH19" s="195">
        <v>0</v>
      </c>
      <c r="BI19" s="196">
        <v>3</v>
      </c>
      <c r="BJ19" s="196">
        <v>2</v>
      </c>
      <c r="BK19" s="196">
        <v>2</v>
      </c>
      <c r="BL19" s="196">
        <v>1</v>
      </c>
      <c r="BM19" s="196">
        <v>0</v>
      </c>
      <c r="BN19" s="197">
        <v>8</v>
      </c>
      <c r="BO19" s="198">
        <v>8</v>
      </c>
      <c r="BP19" s="192">
        <v>0</v>
      </c>
      <c r="BQ19" s="196">
        <v>0</v>
      </c>
      <c r="BR19" s="193">
        <v>0</v>
      </c>
      <c r="BS19" s="195">
        <v>0</v>
      </c>
      <c r="BT19" s="196">
        <v>0</v>
      </c>
      <c r="BU19" s="196">
        <v>0</v>
      </c>
      <c r="BV19" s="196">
        <v>0</v>
      </c>
      <c r="BW19" s="196">
        <v>0</v>
      </c>
      <c r="BX19" s="196">
        <v>0</v>
      </c>
      <c r="BY19" s="193">
        <v>0</v>
      </c>
      <c r="BZ19" s="198">
        <v>0</v>
      </c>
      <c r="CA19" s="192">
        <v>0</v>
      </c>
      <c r="CB19" s="196">
        <v>0</v>
      </c>
      <c r="CC19" s="193">
        <v>0</v>
      </c>
      <c r="CD19" s="195">
        <v>0</v>
      </c>
      <c r="CE19" s="196">
        <v>0</v>
      </c>
      <c r="CF19" s="196">
        <v>0</v>
      </c>
      <c r="CG19" s="196">
        <v>1</v>
      </c>
      <c r="CH19" s="196">
        <v>0</v>
      </c>
      <c r="CI19" s="196">
        <v>1</v>
      </c>
      <c r="CJ19" s="193">
        <v>2</v>
      </c>
      <c r="CK19" s="198">
        <v>2</v>
      </c>
      <c r="CL19" s="192">
        <v>0</v>
      </c>
      <c r="CM19" s="196">
        <v>0</v>
      </c>
      <c r="CN19" s="193">
        <v>0</v>
      </c>
      <c r="CO19" s="195">
        <v>0</v>
      </c>
      <c r="CP19" s="196">
        <v>1</v>
      </c>
      <c r="CQ19" s="196">
        <v>0</v>
      </c>
      <c r="CR19" s="196">
        <v>0</v>
      </c>
      <c r="CS19" s="196">
        <v>0</v>
      </c>
      <c r="CT19" s="196">
        <v>0</v>
      </c>
      <c r="CU19" s="193">
        <v>1</v>
      </c>
      <c r="CV19" s="198">
        <v>1</v>
      </c>
    </row>
    <row r="20" spans="1:100" ht="21" customHeight="1" x14ac:dyDescent="0.2">
      <c r="A20" s="177" t="s">
        <v>18</v>
      </c>
      <c r="B20" s="192">
        <v>0</v>
      </c>
      <c r="C20" s="193">
        <v>0</v>
      </c>
      <c r="D20" s="194">
        <v>0</v>
      </c>
      <c r="E20" s="195">
        <v>0</v>
      </c>
      <c r="F20" s="196">
        <v>0</v>
      </c>
      <c r="G20" s="196">
        <v>0</v>
      </c>
      <c r="H20" s="196">
        <v>0</v>
      </c>
      <c r="I20" s="196">
        <v>0</v>
      </c>
      <c r="J20" s="196">
        <v>0</v>
      </c>
      <c r="K20" s="197">
        <v>0</v>
      </c>
      <c r="L20" s="198">
        <v>0</v>
      </c>
      <c r="M20" s="192">
        <v>0</v>
      </c>
      <c r="N20" s="196">
        <v>0</v>
      </c>
      <c r="O20" s="193">
        <v>0</v>
      </c>
      <c r="P20" s="195">
        <v>0</v>
      </c>
      <c r="Q20" s="196">
        <v>0</v>
      </c>
      <c r="R20" s="196">
        <v>0</v>
      </c>
      <c r="S20" s="196">
        <v>0</v>
      </c>
      <c r="T20" s="196">
        <v>0</v>
      </c>
      <c r="U20" s="196">
        <v>0</v>
      </c>
      <c r="V20" s="193">
        <v>0</v>
      </c>
      <c r="W20" s="198">
        <v>0</v>
      </c>
      <c r="X20" s="192">
        <v>0</v>
      </c>
      <c r="Y20" s="196">
        <v>0</v>
      </c>
      <c r="Z20" s="193">
        <v>0</v>
      </c>
      <c r="AA20" s="195">
        <v>0</v>
      </c>
      <c r="AB20" s="196">
        <v>20</v>
      </c>
      <c r="AC20" s="196">
        <v>24</v>
      </c>
      <c r="AD20" s="196">
        <v>2</v>
      </c>
      <c r="AE20" s="196">
        <v>1</v>
      </c>
      <c r="AF20" s="196">
        <v>0</v>
      </c>
      <c r="AG20" s="193">
        <v>47</v>
      </c>
      <c r="AH20" s="198">
        <v>47</v>
      </c>
      <c r="AI20" s="192">
        <v>0</v>
      </c>
      <c r="AJ20" s="196">
        <v>0</v>
      </c>
      <c r="AK20" s="193">
        <v>0</v>
      </c>
      <c r="AL20" s="195">
        <v>0</v>
      </c>
      <c r="AM20" s="196">
        <v>1</v>
      </c>
      <c r="AN20" s="196">
        <v>0</v>
      </c>
      <c r="AO20" s="196">
        <v>3</v>
      </c>
      <c r="AP20" s="196">
        <v>1</v>
      </c>
      <c r="AQ20" s="196">
        <v>0</v>
      </c>
      <c r="AR20" s="193">
        <v>5</v>
      </c>
      <c r="AS20" s="198">
        <v>5</v>
      </c>
      <c r="AT20" s="192">
        <v>1</v>
      </c>
      <c r="AU20" s="196">
        <v>0</v>
      </c>
      <c r="AV20" s="193">
        <v>1</v>
      </c>
      <c r="AW20" s="195">
        <v>0</v>
      </c>
      <c r="AX20" s="196">
        <v>3</v>
      </c>
      <c r="AY20" s="196">
        <v>4</v>
      </c>
      <c r="AZ20" s="196">
        <v>2</v>
      </c>
      <c r="BA20" s="196">
        <v>1</v>
      </c>
      <c r="BB20" s="196">
        <v>0</v>
      </c>
      <c r="BC20" s="193">
        <v>10</v>
      </c>
      <c r="BD20" s="198">
        <v>11</v>
      </c>
      <c r="BE20" s="192">
        <v>0</v>
      </c>
      <c r="BF20" s="196">
        <v>0</v>
      </c>
      <c r="BG20" s="193">
        <v>0</v>
      </c>
      <c r="BH20" s="195">
        <v>0</v>
      </c>
      <c r="BI20" s="196">
        <v>4</v>
      </c>
      <c r="BJ20" s="196">
        <v>5</v>
      </c>
      <c r="BK20" s="196">
        <v>4</v>
      </c>
      <c r="BL20" s="196">
        <v>2</v>
      </c>
      <c r="BM20" s="196">
        <v>1</v>
      </c>
      <c r="BN20" s="197">
        <v>16</v>
      </c>
      <c r="BO20" s="198">
        <v>16</v>
      </c>
      <c r="BP20" s="192">
        <v>0</v>
      </c>
      <c r="BQ20" s="196">
        <v>0</v>
      </c>
      <c r="BR20" s="193">
        <v>0</v>
      </c>
      <c r="BS20" s="195">
        <v>0</v>
      </c>
      <c r="BT20" s="196">
        <v>0</v>
      </c>
      <c r="BU20" s="196">
        <v>0</v>
      </c>
      <c r="BV20" s="196">
        <v>0</v>
      </c>
      <c r="BW20" s="196">
        <v>0</v>
      </c>
      <c r="BX20" s="196">
        <v>0</v>
      </c>
      <c r="BY20" s="193">
        <v>0</v>
      </c>
      <c r="BZ20" s="198">
        <v>0</v>
      </c>
      <c r="CA20" s="192">
        <v>0</v>
      </c>
      <c r="CB20" s="196">
        <v>0</v>
      </c>
      <c r="CC20" s="193">
        <v>0</v>
      </c>
      <c r="CD20" s="195">
        <v>0</v>
      </c>
      <c r="CE20" s="196">
        <v>0</v>
      </c>
      <c r="CF20" s="196">
        <v>0</v>
      </c>
      <c r="CG20" s="196">
        <v>0</v>
      </c>
      <c r="CH20" s="196">
        <v>1</v>
      </c>
      <c r="CI20" s="196">
        <v>0</v>
      </c>
      <c r="CJ20" s="193">
        <v>1</v>
      </c>
      <c r="CK20" s="198">
        <v>1</v>
      </c>
      <c r="CL20" s="192">
        <v>0</v>
      </c>
      <c r="CM20" s="196">
        <v>0</v>
      </c>
      <c r="CN20" s="193">
        <v>0</v>
      </c>
      <c r="CO20" s="195">
        <v>0</v>
      </c>
      <c r="CP20" s="196">
        <v>0</v>
      </c>
      <c r="CQ20" s="196">
        <v>0</v>
      </c>
      <c r="CR20" s="196">
        <v>0</v>
      </c>
      <c r="CS20" s="196">
        <v>2</v>
      </c>
      <c r="CT20" s="196">
        <v>0</v>
      </c>
      <c r="CU20" s="193">
        <v>2</v>
      </c>
      <c r="CV20" s="198">
        <v>2</v>
      </c>
    </row>
    <row r="21" spans="1:100" ht="21" customHeight="1" x14ac:dyDescent="0.2">
      <c r="A21" s="177" t="s">
        <v>19</v>
      </c>
      <c r="B21" s="192">
        <v>0</v>
      </c>
      <c r="C21" s="193">
        <v>0</v>
      </c>
      <c r="D21" s="194">
        <v>0</v>
      </c>
      <c r="E21" s="195">
        <v>0</v>
      </c>
      <c r="F21" s="196">
        <v>1</v>
      </c>
      <c r="G21" s="196">
        <v>0</v>
      </c>
      <c r="H21" s="196">
        <v>1</v>
      </c>
      <c r="I21" s="196">
        <v>0</v>
      </c>
      <c r="J21" s="196">
        <v>0</v>
      </c>
      <c r="K21" s="197">
        <v>2</v>
      </c>
      <c r="L21" s="198">
        <v>2</v>
      </c>
      <c r="M21" s="192">
        <v>0</v>
      </c>
      <c r="N21" s="196">
        <v>0</v>
      </c>
      <c r="O21" s="193">
        <v>0</v>
      </c>
      <c r="P21" s="195">
        <v>0</v>
      </c>
      <c r="Q21" s="196">
        <v>0</v>
      </c>
      <c r="R21" s="196">
        <v>0</v>
      </c>
      <c r="S21" s="196">
        <v>0</v>
      </c>
      <c r="T21" s="196">
        <v>0</v>
      </c>
      <c r="U21" s="196">
        <v>0</v>
      </c>
      <c r="V21" s="193">
        <v>0</v>
      </c>
      <c r="W21" s="198">
        <v>0</v>
      </c>
      <c r="X21" s="192">
        <v>0</v>
      </c>
      <c r="Y21" s="196">
        <v>0</v>
      </c>
      <c r="Z21" s="193">
        <v>0</v>
      </c>
      <c r="AA21" s="195">
        <v>0</v>
      </c>
      <c r="AB21" s="196">
        <v>7</v>
      </c>
      <c r="AC21" s="196">
        <v>5</v>
      </c>
      <c r="AD21" s="196">
        <v>1</v>
      </c>
      <c r="AE21" s="196">
        <v>2</v>
      </c>
      <c r="AF21" s="196">
        <v>0</v>
      </c>
      <c r="AG21" s="193">
        <v>15</v>
      </c>
      <c r="AH21" s="198">
        <v>15</v>
      </c>
      <c r="AI21" s="192">
        <v>0</v>
      </c>
      <c r="AJ21" s="196">
        <v>0</v>
      </c>
      <c r="AK21" s="193">
        <v>0</v>
      </c>
      <c r="AL21" s="195">
        <v>0</v>
      </c>
      <c r="AM21" s="196">
        <v>0</v>
      </c>
      <c r="AN21" s="196">
        <v>5</v>
      </c>
      <c r="AO21" s="196">
        <v>1</v>
      </c>
      <c r="AP21" s="196">
        <v>0</v>
      </c>
      <c r="AQ21" s="196">
        <v>0</v>
      </c>
      <c r="AR21" s="193">
        <v>6</v>
      </c>
      <c r="AS21" s="198">
        <v>6</v>
      </c>
      <c r="AT21" s="192">
        <v>0</v>
      </c>
      <c r="AU21" s="196">
        <v>1</v>
      </c>
      <c r="AV21" s="193">
        <v>1</v>
      </c>
      <c r="AW21" s="195">
        <v>0</v>
      </c>
      <c r="AX21" s="196">
        <v>1</v>
      </c>
      <c r="AY21" s="196">
        <v>2</v>
      </c>
      <c r="AZ21" s="196">
        <v>1</v>
      </c>
      <c r="BA21" s="196">
        <v>0</v>
      </c>
      <c r="BB21" s="196">
        <v>2</v>
      </c>
      <c r="BC21" s="193">
        <v>6</v>
      </c>
      <c r="BD21" s="198">
        <v>7</v>
      </c>
      <c r="BE21" s="192">
        <v>0</v>
      </c>
      <c r="BF21" s="196">
        <v>0</v>
      </c>
      <c r="BG21" s="193">
        <v>0</v>
      </c>
      <c r="BH21" s="195">
        <v>0</v>
      </c>
      <c r="BI21" s="196">
        <v>1</v>
      </c>
      <c r="BJ21" s="196">
        <v>1</v>
      </c>
      <c r="BK21" s="196">
        <v>0</v>
      </c>
      <c r="BL21" s="196">
        <v>0</v>
      </c>
      <c r="BM21" s="196">
        <v>0</v>
      </c>
      <c r="BN21" s="197">
        <v>2</v>
      </c>
      <c r="BO21" s="198">
        <v>2</v>
      </c>
      <c r="BP21" s="192">
        <v>0</v>
      </c>
      <c r="BQ21" s="196">
        <v>0</v>
      </c>
      <c r="BR21" s="193">
        <v>0</v>
      </c>
      <c r="BS21" s="195">
        <v>0</v>
      </c>
      <c r="BT21" s="196">
        <v>0</v>
      </c>
      <c r="BU21" s="196">
        <v>0</v>
      </c>
      <c r="BV21" s="196">
        <v>0</v>
      </c>
      <c r="BW21" s="196">
        <v>0</v>
      </c>
      <c r="BX21" s="196">
        <v>0</v>
      </c>
      <c r="BY21" s="193">
        <v>0</v>
      </c>
      <c r="BZ21" s="198">
        <v>0</v>
      </c>
      <c r="CA21" s="192">
        <v>0</v>
      </c>
      <c r="CB21" s="196">
        <v>0</v>
      </c>
      <c r="CC21" s="193">
        <v>0</v>
      </c>
      <c r="CD21" s="195">
        <v>0</v>
      </c>
      <c r="CE21" s="196">
        <v>0</v>
      </c>
      <c r="CF21" s="196">
        <v>0</v>
      </c>
      <c r="CG21" s="196">
        <v>0</v>
      </c>
      <c r="CH21" s="196">
        <v>0</v>
      </c>
      <c r="CI21" s="196">
        <v>0</v>
      </c>
      <c r="CJ21" s="193">
        <v>0</v>
      </c>
      <c r="CK21" s="198">
        <v>0</v>
      </c>
      <c r="CL21" s="192">
        <v>0</v>
      </c>
      <c r="CM21" s="196">
        <v>0</v>
      </c>
      <c r="CN21" s="193">
        <v>0</v>
      </c>
      <c r="CO21" s="195">
        <v>0</v>
      </c>
      <c r="CP21" s="196">
        <v>1</v>
      </c>
      <c r="CQ21" s="196">
        <v>0</v>
      </c>
      <c r="CR21" s="196">
        <v>0</v>
      </c>
      <c r="CS21" s="196">
        <v>0</v>
      </c>
      <c r="CT21" s="196">
        <v>0</v>
      </c>
      <c r="CU21" s="193">
        <v>1</v>
      </c>
      <c r="CV21" s="198">
        <v>1</v>
      </c>
    </row>
    <row r="22" spans="1:100" ht="21" customHeight="1" x14ac:dyDescent="0.2">
      <c r="A22" s="177" t="s">
        <v>20</v>
      </c>
      <c r="B22" s="192">
        <v>0</v>
      </c>
      <c r="C22" s="193">
        <v>0</v>
      </c>
      <c r="D22" s="194">
        <v>0</v>
      </c>
      <c r="E22" s="195">
        <v>0</v>
      </c>
      <c r="F22" s="196">
        <v>0</v>
      </c>
      <c r="G22" s="196">
        <v>0</v>
      </c>
      <c r="H22" s="196">
        <v>0</v>
      </c>
      <c r="I22" s="196">
        <v>0</v>
      </c>
      <c r="J22" s="196">
        <v>0</v>
      </c>
      <c r="K22" s="197">
        <v>0</v>
      </c>
      <c r="L22" s="198">
        <v>0</v>
      </c>
      <c r="M22" s="192">
        <v>0</v>
      </c>
      <c r="N22" s="196">
        <v>0</v>
      </c>
      <c r="O22" s="193">
        <v>0</v>
      </c>
      <c r="P22" s="195">
        <v>0</v>
      </c>
      <c r="Q22" s="196">
        <v>0</v>
      </c>
      <c r="R22" s="196">
        <v>0</v>
      </c>
      <c r="S22" s="196">
        <v>0</v>
      </c>
      <c r="T22" s="196">
        <v>0</v>
      </c>
      <c r="U22" s="196">
        <v>0</v>
      </c>
      <c r="V22" s="193">
        <v>0</v>
      </c>
      <c r="W22" s="198">
        <v>0</v>
      </c>
      <c r="X22" s="192">
        <v>0</v>
      </c>
      <c r="Y22" s="196">
        <v>0</v>
      </c>
      <c r="Z22" s="193">
        <v>0</v>
      </c>
      <c r="AA22" s="195">
        <v>0</v>
      </c>
      <c r="AB22" s="196">
        <v>16</v>
      </c>
      <c r="AC22" s="196">
        <v>9</v>
      </c>
      <c r="AD22" s="196">
        <v>4</v>
      </c>
      <c r="AE22" s="196">
        <v>0</v>
      </c>
      <c r="AF22" s="196">
        <v>0</v>
      </c>
      <c r="AG22" s="193">
        <v>29</v>
      </c>
      <c r="AH22" s="198">
        <v>29</v>
      </c>
      <c r="AI22" s="192">
        <v>0</v>
      </c>
      <c r="AJ22" s="196">
        <v>0</v>
      </c>
      <c r="AK22" s="193">
        <v>0</v>
      </c>
      <c r="AL22" s="195">
        <v>0</v>
      </c>
      <c r="AM22" s="196">
        <v>0</v>
      </c>
      <c r="AN22" s="196">
        <v>0</v>
      </c>
      <c r="AO22" s="196">
        <v>0</v>
      </c>
      <c r="AP22" s="196">
        <v>0</v>
      </c>
      <c r="AQ22" s="196">
        <v>0</v>
      </c>
      <c r="AR22" s="193">
        <v>0</v>
      </c>
      <c r="AS22" s="198">
        <v>0</v>
      </c>
      <c r="AT22" s="192">
        <v>0</v>
      </c>
      <c r="AU22" s="196">
        <v>0</v>
      </c>
      <c r="AV22" s="193">
        <v>0</v>
      </c>
      <c r="AW22" s="195">
        <v>0</v>
      </c>
      <c r="AX22" s="196">
        <v>0</v>
      </c>
      <c r="AY22" s="196">
        <v>0</v>
      </c>
      <c r="AZ22" s="196">
        <v>0</v>
      </c>
      <c r="BA22" s="196">
        <v>0</v>
      </c>
      <c r="BB22" s="196">
        <v>0</v>
      </c>
      <c r="BC22" s="193">
        <v>0</v>
      </c>
      <c r="BD22" s="198">
        <v>0</v>
      </c>
      <c r="BE22" s="192">
        <v>0</v>
      </c>
      <c r="BF22" s="196">
        <v>0</v>
      </c>
      <c r="BG22" s="193">
        <v>0</v>
      </c>
      <c r="BH22" s="195">
        <v>0</v>
      </c>
      <c r="BI22" s="196">
        <v>1</v>
      </c>
      <c r="BJ22" s="196">
        <v>2</v>
      </c>
      <c r="BK22" s="196">
        <v>1</v>
      </c>
      <c r="BL22" s="196">
        <v>2</v>
      </c>
      <c r="BM22" s="196">
        <v>0</v>
      </c>
      <c r="BN22" s="197">
        <v>6</v>
      </c>
      <c r="BO22" s="198">
        <v>6</v>
      </c>
      <c r="BP22" s="192">
        <v>0</v>
      </c>
      <c r="BQ22" s="196">
        <v>0</v>
      </c>
      <c r="BR22" s="193">
        <v>0</v>
      </c>
      <c r="BS22" s="195">
        <v>0</v>
      </c>
      <c r="BT22" s="196">
        <v>0</v>
      </c>
      <c r="BU22" s="196">
        <v>0</v>
      </c>
      <c r="BV22" s="196">
        <v>0</v>
      </c>
      <c r="BW22" s="196">
        <v>0</v>
      </c>
      <c r="BX22" s="196">
        <v>0</v>
      </c>
      <c r="BY22" s="193">
        <v>0</v>
      </c>
      <c r="BZ22" s="198">
        <v>0</v>
      </c>
      <c r="CA22" s="192">
        <v>0</v>
      </c>
      <c r="CB22" s="196">
        <v>0</v>
      </c>
      <c r="CC22" s="193">
        <v>0</v>
      </c>
      <c r="CD22" s="195">
        <v>0</v>
      </c>
      <c r="CE22" s="196">
        <v>0</v>
      </c>
      <c r="CF22" s="196">
        <v>0</v>
      </c>
      <c r="CG22" s="196">
        <v>0</v>
      </c>
      <c r="CH22" s="196">
        <v>0</v>
      </c>
      <c r="CI22" s="196">
        <v>0</v>
      </c>
      <c r="CJ22" s="193">
        <v>0</v>
      </c>
      <c r="CK22" s="198">
        <v>0</v>
      </c>
      <c r="CL22" s="192">
        <v>0</v>
      </c>
      <c r="CM22" s="196">
        <v>0</v>
      </c>
      <c r="CN22" s="193">
        <v>0</v>
      </c>
      <c r="CO22" s="195">
        <v>0</v>
      </c>
      <c r="CP22" s="196">
        <v>0</v>
      </c>
      <c r="CQ22" s="196">
        <v>0</v>
      </c>
      <c r="CR22" s="196">
        <v>0</v>
      </c>
      <c r="CS22" s="196">
        <v>0</v>
      </c>
      <c r="CT22" s="196">
        <v>0</v>
      </c>
      <c r="CU22" s="193">
        <v>0</v>
      </c>
      <c r="CV22" s="198">
        <v>0</v>
      </c>
    </row>
    <row r="23" spans="1:100" ht="21" customHeight="1" x14ac:dyDescent="0.2">
      <c r="A23" s="177" t="s">
        <v>21</v>
      </c>
      <c r="B23" s="192">
        <v>0</v>
      </c>
      <c r="C23" s="193">
        <v>0</v>
      </c>
      <c r="D23" s="194">
        <v>0</v>
      </c>
      <c r="E23" s="195">
        <v>0</v>
      </c>
      <c r="F23" s="196">
        <v>0</v>
      </c>
      <c r="G23" s="196">
        <v>0</v>
      </c>
      <c r="H23" s="196">
        <v>0</v>
      </c>
      <c r="I23" s="196">
        <v>0</v>
      </c>
      <c r="J23" s="196">
        <v>0</v>
      </c>
      <c r="K23" s="197">
        <v>0</v>
      </c>
      <c r="L23" s="198">
        <v>0</v>
      </c>
      <c r="M23" s="192">
        <v>0</v>
      </c>
      <c r="N23" s="196">
        <v>0</v>
      </c>
      <c r="O23" s="193">
        <v>0</v>
      </c>
      <c r="P23" s="195">
        <v>0</v>
      </c>
      <c r="Q23" s="196">
        <v>0</v>
      </c>
      <c r="R23" s="196">
        <v>0</v>
      </c>
      <c r="S23" s="196">
        <v>0</v>
      </c>
      <c r="T23" s="196">
        <v>0</v>
      </c>
      <c r="U23" s="196">
        <v>0</v>
      </c>
      <c r="V23" s="193">
        <v>0</v>
      </c>
      <c r="W23" s="198">
        <v>0</v>
      </c>
      <c r="X23" s="192">
        <v>0</v>
      </c>
      <c r="Y23" s="196">
        <v>0</v>
      </c>
      <c r="Z23" s="193">
        <v>0</v>
      </c>
      <c r="AA23" s="195">
        <v>0</v>
      </c>
      <c r="AB23" s="196">
        <v>14</v>
      </c>
      <c r="AC23" s="196">
        <v>13</v>
      </c>
      <c r="AD23" s="196">
        <v>3</v>
      </c>
      <c r="AE23" s="196">
        <v>4</v>
      </c>
      <c r="AF23" s="196">
        <v>1</v>
      </c>
      <c r="AG23" s="193">
        <v>35</v>
      </c>
      <c r="AH23" s="198">
        <v>35</v>
      </c>
      <c r="AI23" s="192">
        <v>0</v>
      </c>
      <c r="AJ23" s="196">
        <v>0</v>
      </c>
      <c r="AK23" s="193">
        <v>0</v>
      </c>
      <c r="AL23" s="195">
        <v>0</v>
      </c>
      <c r="AM23" s="196">
        <v>0</v>
      </c>
      <c r="AN23" s="196">
        <v>0</v>
      </c>
      <c r="AO23" s="196">
        <v>0</v>
      </c>
      <c r="AP23" s="196">
        <v>0</v>
      </c>
      <c r="AQ23" s="196">
        <v>0</v>
      </c>
      <c r="AR23" s="193">
        <v>0</v>
      </c>
      <c r="AS23" s="198">
        <v>0</v>
      </c>
      <c r="AT23" s="192">
        <v>0</v>
      </c>
      <c r="AU23" s="196">
        <v>0</v>
      </c>
      <c r="AV23" s="193">
        <v>0</v>
      </c>
      <c r="AW23" s="195">
        <v>0</v>
      </c>
      <c r="AX23" s="196">
        <v>0</v>
      </c>
      <c r="AY23" s="196">
        <v>0</v>
      </c>
      <c r="AZ23" s="196">
        <v>1</v>
      </c>
      <c r="BA23" s="196">
        <v>0</v>
      </c>
      <c r="BB23" s="196">
        <v>0</v>
      </c>
      <c r="BC23" s="193">
        <v>1</v>
      </c>
      <c r="BD23" s="198">
        <v>1</v>
      </c>
      <c r="BE23" s="192">
        <v>0</v>
      </c>
      <c r="BF23" s="196">
        <v>0</v>
      </c>
      <c r="BG23" s="193">
        <v>0</v>
      </c>
      <c r="BH23" s="195">
        <v>0</v>
      </c>
      <c r="BI23" s="196">
        <v>2</v>
      </c>
      <c r="BJ23" s="196">
        <v>0</v>
      </c>
      <c r="BK23" s="196">
        <v>1</v>
      </c>
      <c r="BL23" s="196">
        <v>1</v>
      </c>
      <c r="BM23" s="196">
        <v>0</v>
      </c>
      <c r="BN23" s="197">
        <v>4</v>
      </c>
      <c r="BO23" s="198">
        <v>4</v>
      </c>
      <c r="BP23" s="192">
        <v>0</v>
      </c>
      <c r="BQ23" s="196">
        <v>0</v>
      </c>
      <c r="BR23" s="193">
        <v>0</v>
      </c>
      <c r="BS23" s="195">
        <v>0</v>
      </c>
      <c r="BT23" s="196">
        <v>0</v>
      </c>
      <c r="BU23" s="196">
        <v>0</v>
      </c>
      <c r="BV23" s="196">
        <v>0</v>
      </c>
      <c r="BW23" s="196">
        <v>0</v>
      </c>
      <c r="BX23" s="196">
        <v>0</v>
      </c>
      <c r="BY23" s="193">
        <v>0</v>
      </c>
      <c r="BZ23" s="198">
        <v>0</v>
      </c>
      <c r="CA23" s="192">
        <v>0</v>
      </c>
      <c r="CB23" s="196">
        <v>0</v>
      </c>
      <c r="CC23" s="193">
        <v>0</v>
      </c>
      <c r="CD23" s="195">
        <v>0</v>
      </c>
      <c r="CE23" s="196">
        <v>0</v>
      </c>
      <c r="CF23" s="196">
        <v>0</v>
      </c>
      <c r="CG23" s="196">
        <v>0</v>
      </c>
      <c r="CH23" s="196">
        <v>0</v>
      </c>
      <c r="CI23" s="196">
        <v>0</v>
      </c>
      <c r="CJ23" s="193">
        <v>0</v>
      </c>
      <c r="CK23" s="198">
        <v>0</v>
      </c>
      <c r="CL23" s="192">
        <v>0</v>
      </c>
      <c r="CM23" s="196">
        <v>0</v>
      </c>
      <c r="CN23" s="193">
        <v>0</v>
      </c>
      <c r="CO23" s="195">
        <v>0</v>
      </c>
      <c r="CP23" s="196">
        <v>0</v>
      </c>
      <c r="CQ23" s="196">
        <v>0</v>
      </c>
      <c r="CR23" s="196">
        <v>0</v>
      </c>
      <c r="CS23" s="196">
        <v>0</v>
      </c>
      <c r="CT23" s="196">
        <v>0</v>
      </c>
      <c r="CU23" s="193">
        <v>0</v>
      </c>
      <c r="CV23" s="198">
        <v>0</v>
      </c>
    </row>
    <row r="24" spans="1:100" ht="21" customHeight="1" x14ac:dyDescent="0.2">
      <c r="A24" s="177" t="s">
        <v>22</v>
      </c>
      <c r="B24" s="192">
        <v>0</v>
      </c>
      <c r="C24" s="193">
        <v>0</v>
      </c>
      <c r="D24" s="194">
        <v>0</v>
      </c>
      <c r="E24" s="195">
        <v>0</v>
      </c>
      <c r="F24" s="196">
        <v>0</v>
      </c>
      <c r="G24" s="196">
        <v>0</v>
      </c>
      <c r="H24" s="196">
        <v>1</v>
      </c>
      <c r="I24" s="196">
        <v>0</v>
      </c>
      <c r="J24" s="196">
        <v>0</v>
      </c>
      <c r="K24" s="197">
        <v>1</v>
      </c>
      <c r="L24" s="198">
        <v>1</v>
      </c>
      <c r="M24" s="192">
        <v>0</v>
      </c>
      <c r="N24" s="196">
        <v>0</v>
      </c>
      <c r="O24" s="193">
        <v>0</v>
      </c>
      <c r="P24" s="195">
        <v>0</v>
      </c>
      <c r="Q24" s="196">
        <v>0</v>
      </c>
      <c r="R24" s="196">
        <v>0</v>
      </c>
      <c r="S24" s="196">
        <v>0</v>
      </c>
      <c r="T24" s="196">
        <v>0</v>
      </c>
      <c r="U24" s="196">
        <v>0</v>
      </c>
      <c r="V24" s="193">
        <v>0</v>
      </c>
      <c r="W24" s="198">
        <v>0</v>
      </c>
      <c r="X24" s="192">
        <v>0</v>
      </c>
      <c r="Y24" s="196">
        <v>0</v>
      </c>
      <c r="Z24" s="193">
        <v>0</v>
      </c>
      <c r="AA24" s="195">
        <v>0</v>
      </c>
      <c r="AB24" s="196">
        <v>6</v>
      </c>
      <c r="AC24" s="196">
        <v>3</v>
      </c>
      <c r="AD24" s="196">
        <v>1</v>
      </c>
      <c r="AE24" s="196">
        <v>2</v>
      </c>
      <c r="AF24" s="196">
        <v>0</v>
      </c>
      <c r="AG24" s="193">
        <v>12</v>
      </c>
      <c r="AH24" s="198">
        <v>12</v>
      </c>
      <c r="AI24" s="192">
        <v>0</v>
      </c>
      <c r="AJ24" s="196">
        <v>0</v>
      </c>
      <c r="AK24" s="193">
        <v>0</v>
      </c>
      <c r="AL24" s="195">
        <v>0</v>
      </c>
      <c r="AM24" s="196">
        <v>1</v>
      </c>
      <c r="AN24" s="196">
        <v>0</v>
      </c>
      <c r="AO24" s="196">
        <v>1</v>
      </c>
      <c r="AP24" s="196">
        <v>1</v>
      </c>
      <c r="AQ24" s="196">
        <v>0</v>
      </c>
      <c r="AR24" s="193">
        <v>3</v>
      </c>
      <c r="AS24" s="198">
        <v>3</v>
      </c>
      <c r="AT24" s="192">
        <v>1</v>
      </c>
      <c r="AU24" s="196">
        <v>0</v>
      </c>
      <c r="AV24" s="193">
        <v>1</v>
      </c>
      <c r="AW24" s="195">
        <v>0</v>
      </c>
      <c r="AX24" s="196">
        <v>5</v>
      </c>
      <c r="AY24" s="196">
        <v>1</v>
      </c>
      <c r="AZ24" s="196">
        <v>0</v>
      </c>
      <c r="BA24" s="196">
        <v>1</v>
      </c>
      <c r="BB24" s="196">
        <v>0</v>
      </c>
      <c r="BC24" s="193">
        <v>7</v>
      </c>
      <c r="BD24" s="198">
        <v>8</v>
      </c>
      <c r="BE24" s="192">
        <v>0</v>
      </c>
      <c r="BF24" s="196">
        <v>0</v>
      </c>
      <c r="BG24" s="193">
        <v>0</v>
      </c>
      <c r="BH24" s="195">
        <v>0</v>
      </c>
      <c r="BI24" s="196">
        <v>1</v>
      </c>
      <c r="BJ24" s="196">
        <v>2</v>
      </c>
      <c r="BK24" s="196">
        <v>0</v>
      </c>
      <c r="BL24" s="196">
        <v>0</v>
      </c>
      <c r="BM24" s="196">
        <v>0</v>
      </c>
      <c r="BN24" s="197">
        <v>3</v>
      </c>
      <c r="BO24" s="198">
        <v>3</v>
      </c>
      <c r="BP24" s="192">
        <v>0</v>
      </c>
      <c r="BQ24" s="196">
        <v>0</v>
      </c>
      <c r="BR24" s="193">
        <v>0</v>
      </c>
      <c r="BS24" s="195">
        <v>0</v>
      </c>
      <c r="BT24" s="196">
        <v>0</v>
      </c>
      <c r="BU24" s="196">
        <v>0</v>
      </c>
      <c r="BV24" s="196">
        <v>0</v>
      </c>
      <c r="BW24" s="196">
        <v>0</v>
      </c>
      <c r="BX24" s="196">
        <v>0</v>
      </c>
      <c r="BY24" s="193">
        <v>0</v>
      </c>
      <c r="BZ24" s="198">
        <v>0</v>
      </c>
      <c r="CA24" s="192">
        <v>0</v>
      </c>
      <c r="CB24" s="196">
        <v>0</v>
      </c>
      <c r="CC24" s="193">
        <v>0</v>
      </c>
      <c r="CD24" s="195">
        <v>0</v>
      </c>
      <c r="CE24" s="196">
        <v>0</v>
      </c>
      <c r="CF24" s="196">
        <v>0</v>
      </c>
      <c r="CG24" s="196">
        <v>0</v>
      </c>
      <c r="CH24" s="196">
        <v>3</v>
      </c>
      <c r="CI24" s="196">
        <v>2</v>
      </c>
      <c r="CJ24" s="193">
        <v>5</v>
      </c>
      <c r="CK24" s="198">
        <v>5</v>
      </c>
      <c r="CL24" s="192">
        <v>0</v>
      </c>
      <c r="CM24" s="196">
        <v>0</v>
      </c>
      <c r="CN24" s="193">
        <v>0</v>
      </c>
      <c r="CO24" s="195">
        <v>0</v>
      </c>
      <c r="CP24" s="196">
        <v>0</v>
      </c>
      <c r="CQ24" s="196">
        <v>0</v>
      </c>
      <c r="CR24" s="196">
        <v>0</v>
      </c>
      <c r="CS24" s="196">
        <v>0</v>
      </c>
      <c r="CT24" s="196">
        <v>0</v>
      </c>
      <c r="CU24" s="193">
        <v>0</v>
      </c>
      <c r="CV24" s="198">
        <v>0</v>
      </c>
    </row>
    <row r="25" spans="1:100" ht="21" customHeight="1" x14ac:dyDescent="0.2">
      <c r="A25" s="177" t="s">
        <v>23</v>
      </c>
      <c r="B25" s="192">
        <v>0</v>
      </c>
      <c r="C25" s="193">
        <v>0</v>
      </c>
      <c r="D25" s="194">
        <v>0</v>
      </c>
      <c r="E25" s="195">
        <v>0</v>
      </c>
      <c r="F25" s="196">
        <v>0</v>
      </c>
      <c r="G25" s="196">
        <v>0</v>
      </c>
      <c r="H25" s="196">
        <v>0</v>
      </c>
      <c r="I25" s="196">
        <v>0</v>
      </c>
      <c r="J25" s="196">
        <v>0</v>
      </c>
      <c r="K25" s="197">
        <v>0</v>
      </c>
      <c r="L25" s="198">
        <v>0</v>
      </c>
      <c r="M25" s="192">
        <v>0</v>
      </c>
      <c r="N25" s="196">
        <v>0</v>
      </c>
      <c r="O25" s="193">
        <v>0</v>
      </c>
      <c r="P25" s="195">
        <v>0</v>
      </c>
      <c r="Q25" s="196">
        <v>0</v>
      </c>
      <c r="R25" s="196">
        <v>0</v>
      </c>
      <c r="S25" s="196">
        <v>0</v>
      </c>
      <c r="T25" s="196">
        <v>0</v>
      </c>
      <c r="U25" s="196">
        <v>0</v>
      </c>
      <c r="V25" s="193">
        <v>0</v>
      </c>
      <c r="W25" s="198">
        <v>0</v>
      </c>
      <c r="X25" s="192">
        <v>0</v>
      </c>
      <c r="Y25" s="196">
        <v>0</v>
      </c>
      <c r="Z25" s="193">
        <v>0</v>
      </c>
      <c r="AA25" s="195">
        <v>0</v>
      </c>
      <c r="AB25" s="196">
        <v>3</v>
      </c>
      <c r="AC25" s="196">
        <v>2</v>
      </c>
      <c r="AD25" s="196">
        <v>1</v>
      </c>
      <c r="AE25" s="196">
        <v>1</v>
      </c>
      <c r="AF25" s="196">
        <v>0</v>
      </c>
      <c r="AG25" s="193">
        <v>7</v>
      </c>
      <c r="AH25" s="198">
        <v>7</v>
      </c>
      <c r="AI25" s="192">
        <v>0</v>
      </c>
      <c r="AJ25" s="196">
        <v>0</v>
      </c>
      <c r="AK25" s="193">
        <v>0</v>
      </c>
      <c r="AL25" s="195">
        <v>0</v>
      </c>
      <c r="AM25" s="196">
        <v>0</v>
      </c>
      <c r="AN25" s="196">
        <v>0</v>
      </c>
      <c r="AO25" s="196">
        <v>0</v>
      </c>
      <c r="AP25" s="196">
        <v>0</v>
      </c>
      <c r="AQ25" s="196">
        <v>0</v>
      </c>
      <c r="AR25" s="193">
        <v>0</v>
      </c>
      <c r="AS25" s="198">
        <v>0</v>
      </c>
      <c r="AT25" s="192">
        <v>0</v>
      </c>
      <c r="AU25" s="196">
        <v>0</v>
      </c>
      <c r="AV25" s="193">
        <v>0</v>
      </c>
      <c r="AW25" s="195">
        <v>0</v>
      </c>
      <c r="AX25" s="196">
        <v>0</v>
      </c>
      <c r="AY25" s="196">
        <v>0</v>
      </c>
      <c r="AZ25" s="196">
        <v>0</v>
      </c>
      <c r="BA25" s="196">
        <v>0</v>
      </c>
      <c r="BB25" s="196">
        <v>0</v>
      </c>
      <c r="BC25" s="193">
        <v>0</v>
      </c>
      <c r="BD25" s="198">
        <v>0</v>
      </c>
      <c r="BE25" s="192">
        <v>0</v>
      </c>
      <c r="BF25" s="196">
        <v>0</v>
      </c>
      <c r="BG25" s="193">
        <v>0</v>
      </c>
      <c r="BH25" s="195">
        <v>0</v>
      </c>
      <c r="BI25" s="196">
        <v>3</v>
      </c>
      <c r="BJ25" s="196">
        <v>4</v>
      </c>
      <c r="BK25" s="196">
        <v>0</v>
      </c>
      <c r="BL25" s="196">
        <v>0</v>
      </c>
      <c r="BM25" s="196">
        <v>0</v>
      </c>
      <c r="BN25" s="197">
        <v>7</v>
      </c>
      <c r="BO25" s="198">
        <v>7</v>
      </c>
      <c r="BP25" s="192">
        <v>0</v>
      </c>
      <c r="BQ25" s="196">
        <v>0</v>
      </c>
      <c r="BR25" s="193">
        <v>0</v>
      </c>
      <c r="BS25" s="195">
        <v>0</v>
      </c>
      <c r="BT25" s="196">
        <v>0</v>
      </c>
      <c r="BU25" s="196">
        <v>0</v>
      </c>
      <c r="BV25" s="196">
        <v>0</v>
      </c>
      <c r="BW25" s="196">
        <v>0</v>
      </c>
      <c r="BX25" s="196">
        <v>0</v>
      </c>
      <c r="BY25" s="193">
        <v>0</v>
      </c>
      <c r="BZ25" s="198">
        <v>0</v>
      </c>
      <c r="CA25" s="192">
        <v>0</v>
      </c>
      <c r="CB25" s="196">
        <v>0</v>
      </c>
      <c r="CC25" s="193">
        <v>0</v>
      </c>
      <c r="CD25" s="195">
        <v>0</v>
      </c>
      <c r="CE25" s="196">
        <v>0</v>
      </c>
      <c r="CF25" s="196">
        <v>0</v>
      </c>
      <c r="CG25" s="196">
        <v>0</v>
      </c>
      <c r="CH25" s="196">
        <v>0</v>
      </c>
      <c r="CI25" s="196">
        <v>0</v>
      </c>
      <c r="CJ25" s="193">
        <v>0</v>
      </c>
      <c r="CK25" s="198">
        <v>0</v>
      </c>
      <c r="CL25" s="192">
        <v>0</v>
      </c>
      <c r="CM25" s="196">
        <v>0</v>
      </c>
      <c r="CN25" s="193">
        <v>0</v>
      </c>
      <c r="CO25" s="195">
        <v>0</v>
      </c>
      <c r="CP25" s="196">
        <v>0</v>
      </c>
      <c r="CQ25" s="196">
        <v>0</v>
      </c>
      <c r="CR25" s="196">
        <v>0</v>
      </c>
      <c r="CS25" s="196">
        <v>0</v>
      </c>
      <c r="CT25" s="196">
        <v>0</v>
      </c>
      <c r="CU25" s="193">
        <v>0</v>
      </c>
      <c r="CV25" s="198">
        <v>0</v>
      </c>
    </row>
    <row r="26" spans="1:100" ht="21" customHeight="1" x14ac:dyDescent="0.2">
      <c r="A26" s="177" t="s">
        <v>24</v>
      </c>
      <c r="B26" s="192">
        <v>0</v>
      </c>
      <c r="C26" s="193">
        <v>0</v>
      </c>
      <c r="D26" s="194">
        <v>0</v>
      </c>
      <c r="E26" s="195">
        <v>0</v>
      </c>
      <c r="F26" s="196">
        <v>0</v>
      </c>
      <c r="G26" s="196">
        <v>0</v>
      </c>
      <c r="H26" s="196">
        <v>0</v>
      </c>
      <c r="I26" s="196">
        <v>0</v>
      </c>
      <c r="J26" s="196">
        <v>0</v>
      </c>
      <c r="K26" s="197">
        <v>0</v>
      </c>
      <c r="L26" s="198">
        <v>0</v>
      </c>
      <c r="M26" s="192">
        <v>0</v>
      </c>
      <c r="N26" s="196">
        <v>0</v>
      </c>
      <c r="O26" s="193">
        <v>0</v>
      </c>
      <c r="P26" s="195">
        <v>0</v>
      </c>
      <c r="Q26" s="196">
        <v>0</v>
      </c>
      <c r="R26" s="196">
        <v>0</v>
      </c>
      <c r="S26" s="196">
        <v>0</v>
      </c>
      <c r="T26" s="196">
        <v>0</v>
      </c>
      <c r="U26" s="196">
        <v>0</v>
      </c>
      <c r="V26" s="193">
        <v>0</v>
      </c>
      <c r="W26" s="198">
        <v>0</v>
      </c>
      <c r="X26" s="192">
        <v>0</v>
      </c>
      <c r="Y26" s="196">
        <v>0</v>
      </c>
      <c r="Z26" s="193">
        <v>0</v>
      </c>
      <c r="AA26" s="195">
        <v>0</v>
      </c>
      <c r="AB26" s="196">
        <v>5</v>
      </c>
      <c r="AC26" s="196">
        <v>1</v>
      </c>
      <c r="AD26" s="196">
        <v>3</v>
      </c>
      <c r="AE26" s="196">
        <v>2</v>
      </c>
      <c r="AF26" s="196">
        <v>0</v>
      </c>
      <c r="AG26" s="193">
        <v>11</v>
      </c>
      <c r="AH26" s="198">
        <v>11</v>
      </c>
      <c r="AI26" s="192">
        <v>0</v>
      </c>
      <c r="AJ26" s="196">
        <v>0</v>
      </c>
      <c r="AK26" s="193">
        <v>0</v>
      </c>
      <c r="AL26" s="195">
        <v>0</v>
      </c>
      <c r="AM26" s="196">
        <v>0</v>
      </c>
      <c r="AN26" s="196">
        <v>0</v>
      </c>
      <c r="AO26" s="196">
        <v>1</v>
      </c>
      <c r="AP26" s="196">
        <v>0</v>
      </c>
      <c r="AQ26" s="196">
        <v>0</v>
      </c>
      <c r="AR26" s="193">
        <v>1</v>
      </c>
      <c r="AS26" s="198">
        <v>1</v>
      </c>
      <c r="AT26" s="192">
        <v>1</v>
      </c>
      <c r="AU26" s="196">
        <v>0</v>
      </c>
      <c r="AV26" s="193">
        <v>1</v>
      </c>
      <c r="AW26" s="195">
        <v>0</v>
      </c>
      <c r="AX26" s="196">
        <v>2</v>
      </c>
      <c r="AY26" s="196">
        <v>0</v>
      </c>
      <c r="AZ26" s="196">
        <v>0</v>
      </c>
      <c r="BA26" s="196">
        <v>1</v>
      </c>
      <c r="BB26" s="196">
        <v>0</v>
      </c>
      <c r="BC26" s="193">
        <v>3</v>
      </c>
      <c r="BD26" s="198">
        <v>4</v>
      </c>
      <c r="BE26" s="192">
        <v>0</v>
      </c>
      <c r="BF26" s="196">
        <v>0</v>
      </c>
      <c r="BG26" s="193">
        <v>0</v>
      </c>
      <c r="BH26" s="195">
        <v>0</v>
      </c>
      <c r="BI26" s="196">
        <v>0</v>
      </c>
      <c r="BJ26" s="196">
        <v>0</v>
      </c>
      <c r="BK26" s="196">
        <v>2</v>
      </c>
      <c r="BL26" s="196">
        <v>1</v>
      </c>
      <c r="BM26" s="196">
        <v>0</v>
      </c>
      <c r="BN26" s="197">
        <v>3</v>
      </c>
      <c r="BO26" s="198">
        <v>3</v>
      </c>
      <c r="BP26" s="192">
        <v>0</v>
      </c>
      <c r="BQ26" s="196">
        <v>0</v>
      </c>
      <c r="BR26" s="193">
        <v>0</v>
      </c>
      <c r="BS26" s="195">
        <v>0</v>
      </c>
      <c r="BT26" s="196">
        <v>0</v>
      </c>
      <c r="BU26" s="196">
        <v>0</v>
      </c>
      <c r="BV26" s="196">
        <v>0</v>
      </c>
      <c r="BW26" s="196">
        <v>0</v>
      </c>
      <c r="BX26" s="196">
        <v>0</v>
      </c>
      <c r="BY26" s="193">
        <v>0</v>
      </c>
      <c r="BZ26" s="198">
        <v>0</v>
      </c>
      <c r="CA26" s="192">
        <v>0</v>
      </c>
      <c r="CB26" s="196">
        <v>0</v>
      </c>
      <c r="CC26" s="193">
        <v>0</v>
      </c>
      <c r="CD26" s="195">
        <v>0</v>
      </c>
      <c r="CE26" s="196">
        <v>0</v>
      </c>
      <c r="CF26" s="196">
        <v>0</v>
      </c>
      <c r="CG26" s="196">
        <v>0</v>
      </c>
      <c r="CH26" s="196">
        <v>0</v>
      </c>
      <c r="CI26" s="196">
        <v>0</v>
      </c>
      <c r="CJ26" s="193">
        <v>0</v>
      </c>
      <c r="CK26" s="198">
        <v>0</v>
      </c>
      <c r="CL26" s="192">
        <v>0</v>
      </c>
      <c r="CM26" s="196">
        <v>0</v>
      </c>
      <c r="CN26" s="193">
        <v>0</v>
      </c>
      <c r="CO26" s="195">
        <v>0</v>
      </c>
      <c r="CP26" s="196">
        <v>0</v>
      </c>
      <c r="CQ26" s="196">
        <v>0</v>
      </c>
      <c r="CR26" s="196">
        <v>0</v>
      </c>
      <c r="CS26" s="196">
        <v>0</v>
      </c>
      <c r="CT26" s="196">
        <v>0</v>
      </c>
      <c r="CU26" s="193">
        <v>0</v>
      </c>
      <c r="CV26" s="198">
        <v>0</v>
      </c>
    </row>
    <row r="27" spans="1:100" ht="21" customHeight="1" x14ac:dyDescent="0.2">
      <c r="A27" s="177" t="s">
        <v>25</v>
      </c>
      <c r="B27" s="192">
        <v>0</v>
      </c>
      <c r="C27" s="193">
        <v>0</v>
      </c>
      <c r="D27" s="194">
        <v>0</v>
      </c>
      <c r="E27" s="195">
        <v>0</v>
      </c>
      <c r="F27" s="196">
        <v>0</v>
      </c>
      <c r="G27" s="196">
        <v>0</v>
      </c>
      <c r="H27" s="196">
        <v>0</v>
      </c>
      <c r="I27" s="196">
        <v>0</v>
      </c>
      <c r="J27" s="196">
        <v>0</v>
      </c>
      <c r="K27" s="197">
        <v>0</v>
      </c>
      <c r="L27" s="198">
        <v>0</v>
      </c>
      <c r="M27" s="192">
        <v>0</v>
      </c>
      <c r="N27" s="196">
        <v>0</v>
      </c>
      <c r="O27" s="193">
        <v>0</v>
      </c>
      <c r="P27" s="195">
        <v>0</v>
      </c>
      <c r="Q27" s="196">
        <v>0</v>
      </c>
      <c r="R27" s="196">
        <v>0</v>
      </c>
      <c r="S27" s="196">
        <v>0</v>
      </c>
      <c r="T27" s="196">
        <v>0</v>
      </c>
      <c r="U27" s="196">
        <v>0</v>
      </c>
      <c r="V27" s="193">
        <v>0</v>
      </c>
      <c r="W27" s="198">
        <v>0</v>
      </c>
      <c r="X27" s="192">
        <v>0</v>
      </c>
      <c r="Y27" s="196">
        <v>0</v>
      </c>
      <c r="Z27" s="193">
        <v>0</v>
      </c>
      <c r="AA27" s="195">
        <v>0</v>
      </c>
      <c r="AB27" s="196">
        <v>5</v>
      </c>
      <c r="AC27" s="196">
        <v>1</v>
      </c>
      <c r="AD27" s="196">
        <v>0</v>
      </c>
      <c r="AE27" s="196">
        <v>1</v>
      </c>
      <c r="AF27" s="196">
        <v>0</v>
      </c>
      <c r="AG27" s="193">
        <v>7</v>
      </c>
      <c r="AH27" s="198">
        <v>7</v>
      </c>
      <c r="AI27" s="192">
        <v>0</v>
      </c>
      <c r="AJ27" s="196">
        <v>0</v>
      </c>
      <c r="AK27" s="193">
        <v>0</v>
      </c>
      <c r="AL27" s="195">
        <v>0</v>
      </c>
      <c r="AM27" s="196">
        <v>0</v>
      </c>
      <c r="AN27" s="196">
        <v>0</v>
      </c>
      <c r="AO27" s="196">
        <v>0</v>
      </c>
      <c r="AP27" s="196">
        <v>0</v>
      </c>
      <c r="AQ27" s="196">
        <v>0</v>
      </c>
      <c r="AR27" s="193">
        <v>0</v>
      </c>
      <c r="AS27" s="198">
        <v>0</v>
      </c>
      <c r="AT27" s="192">
        <v>0</v>
      </c>
      <c r="AU27" s="196">
        <v>0</v>
      </c>
      <c r="AV27" s="193">
        <v>0</v>
      </c>
      <c r="AW27" s="195">
        <v>0</v>
      </c>
      <c r="AX27" s="196">
        <v>0</v>
      </c>
      <c r="AY27" s="196">
        <v>0</v>
      </c>
      <c r="AZ27" s="196">
        <v>0</v>
      </c>
      <c r="BA27" s="196">
        <v>0</v>
      </c>
      <c r="BB27" s="196">
        <v>0</v>
      </c>
      <c r="BC27" s="193">
        <v>0</v>
      </c>
      <c r="BD27" s="198">
        <v>0</v>
      </c>
      <c r="BE27" s="192">
        <v>0</v>
      </c>
      <c r="BF27" s="196">
        <v>0</v>
      </c>
      <c r="BG27" s="193">
        <v>0</v>
      </c>
      <c r="BH27" s="195">
        <v>0</v>
      </c>
      <c r="BI27" s="196">
        <v>0</v>
      </c>
      <c r="BJ27" s="196">
        <v>0</v>
      </c>
      <c r="BK27" s="196">
        <v>0</v>
      </c>
      <c r="BL27" s="196">
        <v>0</v>
      </c>
      <c r="BM27" s="196">
        <v>0</v>
      </c>
      <c r="BN27" s="197">
        <v>0</v>
      </c>
      <c r="BO27" s="198">
        <v>0</v>
      </c>
      <c r="BP27" s="192">
        <v>0</v>
      </c>
      <c r="BQ27" s="196">
        <v>0</v>
      </c>
      <c r="BR27" s="193">
        <v>0</v>
      </c>
      <c r="BS27" s="195">
        <v>0</v>
      </c>
      <c r="BT27" s="196">
        <v>0</v>
      </c>
      <c r="BU27" s="196">
        <v>0</v>
      </c>
      <c r="BV27" s="196">
        <v>0</v>
      </c>
      <c r="BW27" s="196">
        <v>0</v>
      </c>
      <c r="BX27" s="196">
        <v>0</v>
      </c>
      <c r="BY27" s="193">
        <v>0</v>
      </c>
      <c r="BZ27" s="198">
        <v>0</v>
      </c>
      <c r="CA27" s="192">
        <v>0</v>
      </c>
      <c r="CB27" s="196">
        <v>0</v>
      </c>
      <c r="CC27" s="193">
        <v>0</v>
      </c>
      <c r="CD27" s="195">
        <v>0</v>
      </c>
      <c r="CE27" s="196">
        <v>0</v>
      </c>
      <c r="CF27" s="196">
        <v>0</v>
      </c>
      <c r="CG27" s="196">
        <v>0</v>
      </c>
      <c r="CH27" s="196">
        <v>0</v>
      </c>
      <c r="CI27" s="196">
        <v>0</v>
      </c>
      <c r="CJ27" s="193">
        <v>0</v>
      </c>
      <c r="CK27" s="198">
        <v>0</v>
      </c>
      <c r="CL27" s="192">
        <v>0</v>
      </c>
      <c r="CM27" s="196">
        <v>0</v>
      </c>
      <c r="CN27" s="193">
        <v>0</v>
      </c>
      <c r="CO27" s="195">
        <v>0</v>
      </c>
      <c r="CP27" s="196">
        <v>0</v>
      </c>
      <c r="CQ27" s="196">
        <v>0</v>
      </c>
      <c r="CR27" s="196">
        <v>0</v>
      </c>
      <c r="CS27" s="196">
        <v>0</v>
      </c>
      <c r="CT27" s="196">
        <v>0</v>
      </c>
      <c r="CU27" s="193">
        <v>0</v>
      </c>
      <c r="CV27" s="198">
        <v>0</v>
      </c>
    </row>
    <row r="28" spans="1:100" ht="21" customHeight="1" x14ac:dyDescent="0.2">
      <c r="A28" s="177" t="s">
        <v>26</v>
      </c>
      <c r="B28" s="192">
        <v>0</v>
      </c>
      <c r="C28" s="193">
        <v>0</v>
      </c>
      <c r="D28" s="194">
        <v>0</v>
      </c>
      <c r="E28" s="195">
        <v>0</v>
      </c>
      <c r="F28" s="196">
        <v>0</v>
      </c>
      <c r="G28" s="196">
        <v>0</v>
      </c>
      <c r="H28" s="196">
        <v>0</v>
      </c>
      <c r="I28" s="196">
        <v>0</v>
      </c>
      <c r="J28" s="196">
        <v>0</v>
      </c>
      <c r="K28" s="197">
        <v>0</v>
      </c>
      <c r="L28" s="198">
        <v>0</v>
      </c>
      <c r="M28" s="192">
        <v>0</v>
      </c>
      <c r="N28" s="196">
        <v>0</v>
      </c>
      <c r="O28" s="193">
        <v>0</v>
      </c>
      <c r="P28" s="195">
        <v>0</v>
      </c>
      <c r="Q28" s="196">
        <v>0</v>
      </c>
      <c r="R28" s="196">
        <v>0</v>
      </c>
      <c r="S28" s="196">
        <v>0</v>
      </c>
      <c r="T28" s="196">
        <v>0</v>
      </c>
      <c r="U28" s="196">
        <v>0</v>
      </c>
      <c r="V28" s="193">
        <v>0</v>
      </c>
      <c r="W28" s="198">
        <v>0</v>
      </c>
      <c r="X28" s="192">
        <v>0</v>
      </c>
      <c r="Y28" s="196">
        <v>0</v>
      </c>
      <c r="Z28" s="193">
        <v>0</v>
      </c>
      <c r="AA28" s="195">
        <v>0</v>
      </c>
      <c r="AB28" s="196">
        <v>3</v>
      </c>
      <c r="AC28" s="196">
        <v>4</v>
      </c>
      <c r="AD28" s="196">
        <v>1</v>
      </c>
      <c r="AE28" s="196">
        <v>0</v>
      </c>
      <c r="AF28" s="196">
        <v>2</v>
      </c>
      <c r="AG28" s="193">
        <v>10</v>
      </c>
      <c r="AH28" s="198">
        <v>10</v>
      </c>
      <c r="AI28" s="192">
        <v>0</v>
      </c>
      <c r="AJ28" s="196">
        <v>0</v>
      </c>
      <c r="AK28" s="193">
        <v>0</v>
      </c>
      <c r="AL28" s="195">
        <v>0</v>
      </c>
      <c r="AM28" s="196">
        <v>0</v>
      </c>
      <c r="AN28" s="196">
        <v>0</v>
      </c>
      <c r="AO28" s="196">
        <v>0</v>
      </c>
      <c r="AP28" s="196">
        <v>0</v>
      </c>
      <c r="AQ28" s="196">
        <v>0</v>
      </c>
      <c r="AR28" s="193">
        <v>0</v>
      </c>
      <c r="AS28" s="198">
        <v>0</v>
      </c>
      <c r="AT28" s="192">
        <v>0</v>
      </c>
      <c r="AU28" s="196">
        <v>0</v>
      </c>
      <c r="AV28" s="193">
        <v>0</v>
      </c>
      <c r="AW28" s="195">
        <v>0</v>
      </c>
      <c r="AX28" s="196">
        <v>0</v>
      </c>
      <c r="AY28" s="196">
        <v>0</v>
      </c>
      <c r="AZ28" s="196">
        <v>0</v>
      </c>
      <c r="BA28" s="196">
        <v>0</v>
      </c>
      <c r="BB28" s="196">
        <v>0</v>
      </c>
      <c r="BC28" s="193">
        <v>0</v>
      </c>
      <c r="BD28" s="198">
        <v>0</v>
      </c>
      <c r="BE28" s="192">
        <v>0</v>
      </c>
      <c r="BF28" s="196">
        <v>0</v>
      </c>
      <c r="BG28" s="193">
        <v>0</v>
      </c>
      <c r="BH28" s="195">
        <v>0</v>
      </c>
      <c r="BI28" s="196">
        <v>0</v>
      </c>
      <c r="BJ28" s="196">
        <v>0</v>
      </c>
      <c r="BK28" s="196">
        <v>2</v>
      </c>
      <c r="BL28" s="196">
        <v>0</v>
      </c>
      <c r="BM28" s="196">
        <v>0</v>
      </c>
      <c r="BN28" s="197">
        <v>2</v>
      </c>
      <c r="BO28" s="198">
        <v>2</v>
      </c>
      <c r="BP28" s="192">
        <v>0</v>
      </c>
      <c r="BQ28" s="196">
        <v>0</v>
      </c>
      <c r="BR28" s="193">
        <v>0</v>
      </c>
      <c r="BS28" s="195">
        <v>0</v>
      </c>
      <c r="BT28" s="196">
        <v>0</v>
      </c>
      <c r="BU28" s="196">
        <v>0</v>
      </c>
      <c r="BV28" s="196">
        <v>0</v>
      </c>
      <c r="BW28" s="196">
        <v>0</v>
      </c>
      <c r="BX28" s="196">
        <v>0</v>
      </c>
      <c r="BY28" s="193">
        <v>0</v>
      </c>
      <c r="BZ28" s="198">
        <v>0</v>
      </c>
      <c r="CA28" s="192">
        <v>0</v>
      </c>
      <c r="CB28" s="196">
        <v>0</v>
      </c>
      <c r="CC28" s="193">
        <v>0</v>
      </c>
      <c r="CD28" s="195">
        <v>0</v>
      </c>
      <c r="CE28" s="196">
        <v>0</v>
      </c>
      <c r="CF28" s="196">
        <v>0</v>
      </c>
      <c r="CG28" s="196">
        <v>0</v>
      </c>
      <c r="CH28" s="196">
        <v>0</v>
      </c>
      <c r="CI28" s="196">
        <v>0</v>
      </c>
      <c r="CJ28" s="193">
        <v>0</v>
      </c>
      <c r="CK28" s="198">
        <v>0</v>
      </c>
      <c r="CL28" s="192">
        <v>0</v>
      </c>
      <c r="CM28" s="196">
        <v>0</v>
      </c>
      <c r="CN28" s="193">
        <v>0</v>
      </c>
      <c r="CO28" s="195">
        <v>0</v>
      </c>
      <c r="CP28" s="196">
        <v>0</v>
      </c>
      <c r="CQ28" s="196">
        <v>0</v>
      </c>
      <c r="CR28" s="196">
        <v>0</v>
      </c>
      <c r="CS28" s="196">
        <v>0</v>
      </c>
      <c r="CT28" s="196">
        <v>0</v>
      </c>
      <c r="CU28" s="193">
        <v>0</v>
      </c>
      <c r="CV28" s="198">
        <v>0</v>
      </c>
    </row>
    <row r="29" spans="1:100" ht="21" customHeight="1" x14ac:dyDescent="0.2">
      <c r="A29" s="177" t="s">
        <v>27</v>
      </c>
      <c r="B29" s="192">
        <v>0</v>
      </c>
      <c r="C29" s="193">
        <v>0</v>
      </c>
      <c r="D29" s="194">
        <v>0</v>
      </c>
      <c r="E29" s="195">
        <v>0</v>
      </c>
      <c r="F29" s="196">
        <v>0</v>
      </c>
      <c r="G29" s="196">
        <v>1</v>
      </c>
      <c r="H29" s="196">
        <v>0</v>
      </c>
      <c r="I29" s="196">
        <v>0</v>
      </c>
      <c r="J29" s="196">
        <v>0</v>
      </c>
      <c r="K29" s="197">
        <v>1</v>
      </c>
      <c r="L29" s="198">
        <v>1</v>
      </c>
      <c r="M29" s="192">
        <v>0</v>
      </c>
      <c r="N29" s="196">
        <v>0</v>
      </c>
      <c r="O29" s="193">
        <v>0</v>
      </c>
      <c r="P29" s="195">
        <v>0</v>
      </c>
      <c r="Q29" s="196">
        <v>0</v>
      </c>
      <c r="R29" s="196">
        <v>0</v>
      </c>
      <c r="S29" s="196">
        <v>0</v>
      </c>
      <c r="T29" s="196">
        <v>0</v>
      </c>
      <c r="U29" s="196">
        <v>0</v>
      </c>
      <c r="V29" s="193">
        <v>0</v>
      </c>
      <c r="W29" s="198">
        <v>0</v>
      </c>
      <c r="X29" s="192">
        <v>0</v>
      </c>
      <c r="Y29" s="196">
        <v>0</v>
      </c>
      <c r="Z29" s="193">
        <v>0</v>
      </c>
      <c r="AA29" s="195">
        <v>0</v>
      </c>
      <c r="AB29" s="196">
        <v>2</v>
      </c>
      <c r="AC29" s="196">
        <v>1</v>
      </c>
      <c r="AD29" s="196">
        <v>0</v>
      </c>
      <c r="AE29" s="196">
        <v>0</v>
      </c>
      <c r="AF29" s="196">
        <v>0</v>
      </c>
      <c r="AG29" s="193">
        <v>3</v>
      </c>
      <c r="AH29" s="198">
        <v>3</v>
      </c>
      <c r="AI29" s="192">
        <v>0</v>
      </c>
      <c r="AJ29" s="196">
        <v>0</v>
      </c>
      <c r="AK29" s="193">
        <v>0</v>
      </c>
      <c r="AL29" s="195">
        <v>0</v>
      </c>
      <c r="AM29" s="196">
        <v>1</v>
      </c>
      <c r="AN29" s="196">
        <v>1</v>
      </c>
      <c r="AO29" s="196">
        <v>0</v>
      </c>
      <c r="AP29" s="196">
        <v>0</v>
      </c>
      <c r="AQ29" s="196">
        <v>0</v>
      </c>
      <c r="AR29" s="193">
        <v>2</v>
      </c>
      <c r="AS29" s="198">
        <v>2</v>
      </c>
      <c r="AT29" s="192">
        <v>0</v>
      </c>
      <c r="AU29" s="196">
        <v>0</v>
      </c>
      <c r="AV29" s="193">
        <v>0</v>
      </c>
      <c r="AW29" s="195">
        <v>0</v>
      </c>
      <c r="AX29" s="196">
        <v>0</v>
      </c>
      <c r="AY29" s="196">
        <v>0</v>
      </c>
      <c r="AZ29" s="196">
        <v>0</v>
      </c>
      <c r="BA29" s="196">
        <v>0</v>
      </c>
      <c r="BB29" s="196">
        <v>0</v>
      </c>
      <c r="BC29" s="193">
        <v>0</v>
      </c>
      <c r="BD29" s="198">
        <v>0</v>
      </c>
      <c r="BE29" s="192">
        <v>0</v>
      </c>
      <c r="BF29" s="196">
        <v>0</v>
      </c>
      <c r="BG29" s="193">
        <v>0</v>
      </c>
      <c r="BH29" s="195">
        <v>0</v>
      </c>
      <c r="BI29" s="196">
        <v>0</v>
      </c>
      <c r="BJ29" s="196">
        <v>3</v>
      </c>
      <c r="BK29" s="196">
        <v>0</v>
      </c>
      <c r="BL29" s="196">
        <v>1</v>
      </c>
      <c r="BM29" s="196">
        <v>0</v>
      </c>
      <c r="BN29" s="197">
        <v>4</v>
      </c>
      <c r="BO29" s="198">
        <v>4</v>
      </c>
      <c r="BP29" s="192">
        <v>0</v>
      </c>
      <c r="BQ29" s="196">
        <v>0</v>
      </c>
      <c r="BR29" s="193">
        <v>0</v>
      </c>
      <c r="BS29" s="195">
        <v>0</v>
      </c>
      <c r="BT29" s="196">
        <v>0</v>
      </c>
      <c r="BU29" s="196">
        <v>0</v>
      </c>
      <c r="BV29" s="196">
        <v>0</v>
      </c>
      <c r="BW29" s="196">
        <v>0</v>
      </c>
      <c r="BX29" s="196">
        <v>0</v>
      </c>
      <c r="BY29" s="193">
        <v>0</v>
      </c>
      <c r="BZ29" s="198">
        <v>0</v>
      </c>
      <c r="CA29" s="192">
        <v>0</v>
      </c>
      <c r="CB29" s="196">
        <v>0</v>
      </c>
      <c r="CC29" s="193">
        <v>0</v>
      </c>
      <c r="CD29" s="195">
        <v>0</v>
      </c>
      <c r="CE29" s="196">
        <v>0</v>
      </c>
      <c r="CF29" s="196">
        <v>0</v>
      </c>
      <c r="CG29" s="196">
        <v>3</v>
      </c>
      <c r="CH29" s="196">
        <v>0</v>
      </c>
      <c r="CI29" s="196">
        <v>1</v>
      </c>
      <c r="CJ29" s="193">
        <v>4</v>
      </c>
      <c r="CK29" s="198">
        <v>4</v>
      </c>
      <c r="CL29" s="192">
        <v>0</v>
      </c>
      <c r="CM29" s="196">
        <v>0</v>
      </c>
      <c r="CN29" s="193">
        <v>0</v>
      </c>
      <c r="CO29" s="195">
        <v>0</v>
      </c>
      <c r="CP29" s="196">
        <v>0</v>
      </c>
      <c r="CQ29" s="196">
        <v>0</v>
      </c>
      <c r="CR29" s="196">
        <v>0</v>
      </c>
      <c r="CS29" s="196">
        <v>0</v>
      </c>
      <c r="CT29" s="196">
        <v>0</v>
      </c>
      <c r="CU29" s="193">
        <v>0</v>
      </c>
      <c r="CV29" s="198">
        <v>0</v>
      </c>
    </row>
    <row r="30" spans="1:100" ht="21" customHeight="1" x14ac:dyDescent="0.2">
      <c r="A30" s="177" t="s">
        <v>28</v>
      </c>
      <c r="B30" s="192">
        <v>0</v>
      </c>
      <c r="C30" s="193">
        <v>0</v>
      </c>
      <c r="D30" s="194">
        <v>0</v>
      </c>
      <c r="E30" s="195">
        <v>0</v>
      </c>
      <c r="F30" s="196">
        <v>0</v>
      </c>
      <c r="G30" s="196">
        <v>0</v>
      </c>
      <c r="H30" s="196">
        <v>0</v>
      </c>
      <c r="I30" s="196">
        <v>0</v>
      </c>
      <c r="J30" s="196">
        <v>0</v>
      </c>
      <c r="K30" s="197">
        <v>0</v>
      </c>
      <c r="L30" s="198">
        <v>0</v>
      </c>
      <c r="M30" s="192">
        <v>0</v>
      </c>
      <c r="N30" s="196">
        <v>0</v>
      </c>
      <c r="O30" s="193">
        <v>0</v>
      </c>
      <c r="P30" s="195">
        <v>0</v>
      </c>
      <c r="Q30" s="196">
        <v>0</v>
      </c>
      <c r="R30" s="196">
        <v>0</v>
      </c>
      <c r="S30" s="196">
        <v>0</v>
      </c>
      <c r="T30" s="196">
        <v>0</v>
      </c>
      <c r="U30" s="196">
        <v>0</v>
      </c>
      <c r="V30" s="193">
        <v>0</v>
      </c>
      <c r="W30" s="198">
        <v>0</v>
      </c>
      <c r="X30" s="192">
        <v>0</v>
      </c>
      <c r="Y30" s="196">
        <v>0</v>
      </c>
      <c r="Z30" s="193">
        <v>0</v>
      </c>
      <c r="AA30" s="195">
        <v>0</v>
      </c>
      <c r="AB30" s="196">
        <v>3</v>
      </c>
      <c r="AC30" s="196">
        <v>2</v>
      </c>
      <c r="AD30" s="196">
        <v>0</v>
      </c>
      <c r="AE30" s="196">
        <v>0</v>
      </c>
      <c r="AF30" s="196">
        <v>0</v>
      </c>
      <c r="AG30" s="193">
        <v>5</v>
      </c>
      <c r="AH30" s="198">
        <v>5</v>
      </c>
      <c r="AI30" s="192">
        <v>0</v>
      </c>
      <c r="AJ30" s="196">
        <v>0</v>
      </c>
      <c r="AK30" s="193">
        <v>0</v>
      </c>
      <c r="AL30" s="195">
        <v>0</v>
      </c>
      <c r="AM30" s="196">
        <v>0</v>
      </c>
      <c r="AN30" s="196">
        <v>0</v>
      </c>
      <c r="AO30" s="196">
        <v>1</v>
      </c>
      <c r="AP30" s="196">
        <v>0</v>
      </c>
      <c r="AQ30" s="196">
        <v>0</v>
      </c>
      <c r="AR30" s="193">
        <v>1</v>
      </c>
      <c r="AS30" s="198">
        <v>1</v>
      </c>
      <c r="AT30" s="192">
        <v>0</v>
      </c>
      <c r="AU30" s="196">
        <v>0</v>
      </c>
      <c r="AV30" s="193">
        <v>0</v>
      </c>
      <c r="AW30" s="195">
        <v>0</v>
      </c>
      <c r="AX30" s="196">
        <v>0</v>
      </c>
      <c r="AY30" s="196">
        <v>0</v>
      </c>
      <c r="AZ30" s="196">
        <v>0</v>
      </c>
      <c r="BA30" s="196">
        <v>0</v>
      </c>
      <c r="BB30" s="196">
        <v>0</v>
      </c>
      <c r="BC30" s="193">
        <v>0</v>
      </c>
      <c r="BD30" s="198">
        <v>0</v>
      </c>
      <c r="BE30" s="192">
        <v>0</v>
      </c>
      <c r="BF30" s="196">
        <v>0</v>
      </c>
      <c r="BG30" s="193">
        <v>0</v>
      </c>
      <c r="BH30" s="195">
        <v>0</v>
      </c>
      <c r="BI30" s="196">
        <v>0</v>
      </c>
      <c r="BJ30" s="196">
        <v>0</v>
      </c>
      <c r="BK30" s="196">
        <v>1</v>
      </c>
      <c r="BL30" s="196">
        <v>0</v>
      </c>
      <c r="BM30" s="196">
        <v>0</v>
      </c>
      <c r="BN30" s="197">
        <v>1</v>
      </c>
      <c r="BO30" s="198">
        <v>1</v>
      </c>
      <c r="BP30" s="192">
        <v>0</v>
      </c>
      <c r="BQ30" s="196">
        <v>0</v>
      </c>
      <c r="BR30" s="193">
        <v>0</v>
      </c>
      <c r="BS30" s="195">
        <v>0</v>
      </c>
      <c r="BT30" s="196">
        <v>0</v>
      </c>
      <c r="BU30" s="196">
        <v>0</v>
      </c>
      <c r="BV30" s="196">
        <v>0</v>
      </c>
      <c r="BW30" s="196">
        <v>0</v>
      </c>
      <c r="BX30" s="196">
        <v>0</v>
      </c>
      <c r="BY30" s="193">
        <v>0</v>
      </c>
      <c r="BZ30" s="198">
        <v>0</v>
      </c>
      <c r="CA30" s="192">
        <v>0</v>
      </c>
      <c r="CB30" s="196">
        <v>0</v>
      </c>
      <c r="CC30" s="193">
        <v>0</v>
      </c>
      <c r="CD30" s="195">
        <v>0</v>
      </c>
      <c r="CE30" s="196">
        <v>0</v>
      </c>
      <c r="CF30" s="196">
        <v>0</v>
      </c>
      <c r="CG30" s="196">
        <v>0</v>
      </c>
      <c r="CH30" s="196">
        <v>0</v>
      </c>
      <c r="CI30" s="196">
        <v>0</v>
      </c>
      <c r="CJ30" s="193">
        <v>0</v>
      </c>
      <c r="CK30" s="198">
        <v>0</v>
      </c>
      <c r="CL30" s="192">
        <v>0</v>
      </c>
      <c r="CM30" s="196">
        <v>0</v>
      </c>
      <c r="CN30" s="193">
        <v>0</v>
      </c>
      <c r="CO30" s="195">
        <v>0</v>
      </c>
      <c r="CP30" s="196">
        <v>0</v>
      </c>
      <c r="CQ30" s="196">
        <v>0</v>
      </c>
      <c r="CR30" s="196">
        <v>0</v>
      </c>
      <c r="CS30" s="196">
        <v>0</v>
      </c>
      <c r="CT30" s="196">
        <v>0</v>
      </c>
      <c r="CU30" s="193">
        <v>0</v>
      </c>
      <c r="CV30" s="198">
        <v>0</v>
      </c>
    </row>
    <row r="31" spans="1:100" ht="21" customHeight="1" x14ac:dyDescent="0.2">
      <c r="A31" s="177" t="s">
        <v>29</v>
      </c>
      <c r="B31" s="192">
        <v>0</v>
      </c>
      <c r="C31" s="193">
        <v>0</v>
      </c>
      <c r="D31" s="194">
        <v>0</v>
      </c>
      <c r="E31" s="195">
        <v>0</v>
      </c>
      <c r="F31" s="196">
        <v>0</v>
      </c>
      <c r="G31" s="196">
        <v>0</v>
      </c>
      <c r="H31" s="196">
        <v>0</v>
      </c>
      <c r="I31" s="196">
        <v>0</v>
      </c>
      <c r="J31" s="196">
        <v>0</v>
      </c>
      <c r="K31" s="197">
        <v>0</v>
      </c>
      <c r="L31" s="198">
        <v>0</v>
      </c>
      <c r="M31" s="192">
        <v>0</v>
      </c>
      <c r="N31" s="196">
        <v>0</v>
      </c>
      <c r="O31" s="193">
        <v>0</v>
      </c>
      <c r="P31" s="195">
        <v>0</v>
      </c>
      <c r="Q31" s="196">
        <v>0</v>
      </c>
      <c r="R31" s="196">
        <v>0</v>
      </c>
      <c r="S31" s="196">
        <v>0</v>
      </c>
      <c r="T31" s="196">
        <v>0</v>
      </c>
      <c r="U31" s="196">
        <v>0</v>
      </c>
      <c r="V31" s="193">
        <v>0</v>
      </c>
      <c r="W31" s="198">
        <v>0</v>
      </c>
      <c r="X31" s="192">
        <v>0</v>
      </c>
      <c r="Y31" s="196">
        <v>0</v>
      </c>
      <c r="Z31" s="193">
        <v>0</v>
      </c>
      <c r="AA31" s="195">
        <v>0</v>
      </c>
      <c r="AB31" s="196">
        <v>1</v>
      </c>
      <c r="AC31" s="196">
        <v>2</v>
      </c>
      <c r="AD31" s="196">
        <v>0</v>
      </c>
      <c r="AE31" s="196">
        <v>1</v>
      </c>
      <c r="AF31" s="196">
        <v>0</v>
      </c>
      <c r="AG31" s="193">
        <v>4</v>
      </c>
      <c r="AH31" s="198">
        <v>4</v>
      </c>
      <c r="AI31" s="192">
        <v>0</v>
      </c>
      <c r="AJ31" s="196">
        <v>0</v>
      </c>
      <c r="AK31" s="193">
        <v>0</v>
      </c>
      <c r="AL31" s="195">
        <v>0</v>
      </c>
      <c r="AM31" s="196">
        <v>0</v>
      </c>
      <c r="AN31" s="196">
        <v>0</v>
      </c>
      <c r="AO31" s="196">
        <v>0</v>
      </c>
      <c r="AP31" s="196">
        <v>0</v>
      </c>
      <c r="AQ31" s="196">
        <v>0</v>
      </c>
      <c r="AR31" s="193">
        <v>0</v>
      </c>
      <c r="AS31" s="198">
        <v>0</v>
      </c>
      <c r="AT31" s="192">
        <v>0</v>
      </c>
      <c r="AU31" s="196">
        <v>0</v>
      </c>
      <c r="AV31" s="193">
        <v>0</v>
      </c>
      <c r="AW31" s="195">
        <v>0</v>
      </c>
      <c r="AX31" s="196">
        <v>0</v>
      </c>
      <c r="AY31" s="196">
        <v>0</v>
      </c>
      <c r="AZ31" s="196">
        <v>0</v>
      </c>
      <c r="BA31" s="196">
        <v>0</v>
      </c>
      <c r="BB31" s="196">
        <v>0</v>
      </c>
      <c r="BC31" s="193">
        <v>0</v>
      </c>
      <c r="BD31" s="198">
        <v>0</v>
      </c>
      <c r="BE31" s="192">
        <v>0</v>
      </c>
      <c r="BF31" s="196">
        <v>0</v>
      </c>
      <c r="BG31" s="193">
        <v>0</v>
      </c>
      <c r="BH31" s="195">
        <v>0</v>
      </c>
      <c r="BI31" s="196">
        <v>0</v>
      </c>
      <c r="BJ31" s="196">
        <v>0</v>
      </c>
      <c r="BK31" s="196">
        <v>0</v>
      </c>
      <c r="BL31" s="196">
        <v>0</v>
      </c>
      <c r="BM31" s="196">
        <v>0</v>
      </c>
      <c r="BN31" s="197">
        <v>0</v>
      </c>
      <c r="BO31" s="198">
        <v>0</v>
      </c>
      <c r="BP31" s="192">
        <v>0</v>
      </c>
      <c r="BQ31" s="196">
        <v>0</v>
      </c>
      <c r="BR31" s="193">
        <v>0</v>
      </c>
      <c r="BS31" s="195">
        <v>0</v>
      </c>
      <c r="BT31" s="196">
        <v>0</v>
      </c>
      <c r="BU31" s="196">
        <v>0</v>
      </c>
      <c r="BV31" s="196">
        <v>0</v>
      </c>
      <c r="BW31" s="196">
        <v>0</v>
      </c>
      <c r="BX31" s="196">
        <v>0</v>
      </c>
      <c r="BY31" s="193">
        <v>0</v>
      </c>
      <c r="BZ31" s="198">
        <v>0</v>
      </c>
      <c r="CA31" s="192">
        <v>0</v>
      </c>
      <c r="CB31" s="196">
        <v>0</v>
      </c>
      <c r="CC31" s="193">
        <v>0</v>
      </c>
      <c r="CD31" s="195">
        <v>0</v>
      </c>
      <c r="CE31" s="196">
        <v>0</v>
      </c>
      <c r="CF31" s="196">
        <v>0</v>
      </c>
      <c r="CG31" s="196">
        <v>0</v>
      </c>
      <c r="CH31" s="196">
        <v>0</v>
      </c>
      <c r="CI31" s="196">
        <v>1</v>
      </c>
      <c r="CJ31" s="193">
        <v>1</v>
      </c>
      <c r="CK31" s="198">
        <v>1</v>
      </c>
      <c r="CL31" s="192">
        <v>0</v>
      </c>
      <c r="CM31" s="196">
        <v>0</v>
      </c>
      <c r="CN31" s="193">
        <v>0</v>
      </c>
      <c r="CO31" s="195">
        <v>0</v>
      </c>
      <c r="CP31" s="196">
        <v>0</v>
      </c>
      <c r="CQ31" s="196">
        <v>0</v>
      </c>
      <c r="CR31" s="196">
        <v>0</v>
      </c>
      <c r="CS31" s="196">
        <v>0</v>
      </c>
      <c r="CT31" s="196">
        <v>0</v>
      </c>
      <c r="CU31" s="193">
        <v>0</v>
      </c>
      <c r="CV31" s="198">
        <v>0</v>
      </c>
    </row>
    <row r="32" spans="1:100" ht="21" customHeight="1" x14ac:dyDescent="0.2">
      <c r="A32" s="177" t="s">
        <v>30</v>
      </c>
      <c r="B32" s="192">
        <v>0</v>
      </c>
      <c r="C32" s="193">
        <v>0</v>
      </c>
      <c r="D32" s="194">
        <v>0</v>
      </c>
      <c r="E32" s="195">
        <v>0</v>
      </c>
      <c r="F32" s="196">
        <v>0</v>
      </c>
      <c r="G32" s="196">
        <v>0</v>
      </c>
      <c r="H32" s="196">
        <v>0</v>
      </c>
      <c r="I32" s="196">
        <v>0</v>
      </c>
      <c r="J32" s="196">
        <v>0</v>
      </c>
      <c r="K32" s="197">
        <v>0</v>
      </c>
      <c r="L32" s="198">
        <v>0</v>
      </c>
      <c r="M32" s="192">
        <v>0</v>
      </c>
      <c r="N32" s="196">
        <v>0</v>
      </c>
      <c r="O32" s="193">
        <v>0</v>
      </c>
      <c r="P32" s="195">
        <v>0</v>
      </c>
      <c r="Q32" s="196">
        <v>0</v>
      </c>
      <c r="R32" s="196">
        <v>0</v>
      </c>
      <c r="S32" s="196">
        <v>0</v>
      </c>
      <c r="T32" s="196">
        <v>0</v>
      </c>
      <c r="U32" s="196">
        <v>0</v>
      </c>
      <c r="V32" s="193">
        <v>0</v>
      </c>
      <c r="W32" s="198">
        <v>0</v>
      </c>
      <c r="X32" s="192">
        <v>0</v>
      </c>
      <c r="Y32" s="196">
        <v>0</v>
      </c>
      <c r="Z32" s="193">
        <v>0</v>
      </c>
      <c r="AA32" s="195">
        <v>0</v>
      </c>
      <c r="AB32" s="196">
        <v>0</v>
      </c>
      <c r="AC32" s="196">
        <v>1</v>
      </c>
      <c r="AD32" s="196">
        <v>0</v>
      </c>
      <c r="AE32" s="196">
        <v>0</v>
      </c>
      <c r="AF32" s="196">
        <v>0</v>
      </c>
      <c r="AG32" s="193">
        <v>1</v>
      </c>
      <c r="AH32" s="198">
        <v>1</v>
      </c>
      <c r="AI32" s="192">
        <v>1</v>
      </c>
      <c r="AJ32" s="196">
        <v>0</v>
      </c>
      <c r="AK32" s="193">
        <v>1</v>
      </c>
      <c r="AL32" s="195">
        <v>0</v>
      </c>
      <c r="AM32" s="196">
        <v>0</v>
      </c>
      <c r="AN32" s="196">
        <v>0</v>
      </c>
      <c r="AO32" s="196">
        <v>0</v>
      </c>
      <c r="AP32" s="196">
        <v>0</v>
      </c>
      <c r="AQ32" s="196">
        <v>0</v>
      </c>
      <c r="AR32" s="193">
        <v>0</v>
      </c>
      <c r="AS32" s="198">
        <v>1</v>
      </c>
      <c r="AT32" s="192">
        <v>0</v>
      </c>
      <c r="AU32" s="196">
        <v>0</v>
      </c>
      <c r="AV32" s="193">
        <v>0</v>
      </c>
      <c r="AW32" s="195">
        <v>0</v>
      </c>
      <c r="AX32" s="196">
        <v>0</v>
      </c>
      <c r="AY32" s="196">
        <v>0</v>
      </c>
      <c r="AZ32" s="196">
        <v>0</v>
      </c>
      <c r="BA32" s="196">
        <v>0</v>
      </c>
      <c r="BB32" s="196">
        <v>0</v>
      </c>
      <c r="BC32" s="193">
        <v>0</v>
      </c>
      <c r="BD32" s="198">
        <v>0</v>
      </c>
      <c r="BE32" s="192">
        <v>0</v>
      </c>
      <c r="BF32" s="196">
        <v>0</v>
      </c>
      <c r="BG32" s="193">
        <v>0</v>
      </c>
      <c r="BH32" s="195">
        <v>0</v>
      </c>
      <c r="BI32" s="196">
        <v>0</v>
      </c>
      <c r="BJ32" s="196">
        <v>1</v>
      </c>
      <c r="BK32" s="196">
        <v>1</v>
      </c>
      <c r="BL32" s="196">
        <v>0</v>
      </c>
      <c r="BM32" s="196">
        <v>0</v>
      </c>
      <c r="BN32" s="197">
        <v>2</v>
      </c>
      <c r="BO32" s="198">
        <v>2</v>
      </c>
      <c r="BP32" s="192">
        <v>0</v>
      </c>
      <c r="BQ32" s="196">
        <v>0</v>
      </c>
      <c r="BR32" s="193">
        <v>0</v>
      </c>
      <c r="BS32" s="195">
        <v>0</v>
      </c>
      <c r="BT32" s="196">
        <v>0</v>
      </c>
      <c r="BU32" s="196">
        <v>0</v>
      </c>
      <c r="BV32" s="196">
        <v>0</v>
      </c>
      <c r="BW32" s="196">
        <v>0</v>
      </c>
      <c r="BX32" s="196">
        <v>0</v>
      </c>
      <c r="BY32" s="193">
        <v>0</v>
      </c>
      <c r="BZ32" s="198">
        <v>0</v>
      </c>
      <c r="CA32" s="192">
        <v>0</v>
      </c>
      <c r="CB32" s="196">
        <v>0</v>
      </c>
      <c r="CC32" s="193">
        <v>0</v>
      </c>
      <c r="CD32" s="195">
        <v>0</v>
      </c>
      <c r="CE32" s="196">
        <v>0</v>
      </c>
      <c r="CF32" s="196">
        <v>0</v>
      </c>
      <c r="CG32" s="196">
        <v>0</v>
      </c>
      <c r="CH32" s="196">
        <v>0</v>
      </c>
      <c r="CI32" s="196">
        <v>0</v>
      </c>
      <c r="CJ32" s="193">
        <v>0</v>
      </c>
      <c r="CK32" s="198">
        <v>0</v>
      </c>
      <c r="CL32" s="192">
        <v>0</v>
      </c>
      <c r="CM32" s="196">
        <v>0</v>
      </c>
      <c r="CN32" s="193">
        <v>0</v>
      </c>
      <c r="CO32" s="195">
        <v>0</v>
      </c>
      <c r="CP32" s="196">
        <v>0</v>
      </c>
      <c r="CQ32" s="196">
        <v>0</v>
      </c>
      <c r="CR32" s="196">
        <v>0</v>
      </c>
      <c r="CS32" s="196">
        <v>0</v>
      </c>
      <c r="CT32" s="196">
        <v>0</v>
      </c>
      <c r="CU32" s="193">
        <v>0</v>
      </c>
      <c r="CV32" s="198">
        <v>0</v>
      </c>
    </row>
    <row r="33" spans="1:100" ht="21" customHeight="1" x14ac:dyDescent="0.2">
      <c r="A33" s="177" t="s">
        <v>31</v>
      </c>
      <c r="B33" s="192">
        <v>0</v>
      </c>
      <c r="C33" s="193">
        <v>0</v>
      </c>
      <c r="D33" s="194">
        <v>0</v>
      </c>
      <c r="E33" s="195">
        <v>0</v>
      </c>
      <c r="F33" s="196">
        <v>0</v>
      </c>
      <c r="G33" s="196">
        <v>0</v>
      </c>
      <c r="H33" s="196">
        <v>0</v>
      </c>
      <c r="I33" s="196">
        <v>0</v>
      </c>
      <c r="J33" s="196">
        <v>0</v>
      </c>
      <c r="K33" s="197">
        <v>0</v>
      </c>
      <c r="L33" s="198">
        <v>0</v>
      </c>
      <c r="M33" s="192">
        <v>0</v>
      </c>
      <c r="N33" s="196">
        <v>0</v>
      </c>
      <c r="O33" s="193">
        <v>0</v>
      </c>
      <c r="P33" s="195">
        <v>0</v>
      </c>
      <c r="Q33" s="196">
        <v>0</v>
      </c>
      <c r="R33" s="196">
        <v>0</v>
      </c>
      <c r="S33" s="196">
        <v>0</v>
      </c>
      <c r="T33" s="196">
        <v>0</v>
      </c>
      <c r="U33" s="196">
        <v>0</v>
      </c>
      <c r="V33" s="193">
        <v>0</v>
      </c>
      <c r="W33" s="198">
        <v>0</v>
      </c>
      <c r="X33" s="192">
        <v>0</v>
      </c>
      <c r="Y33" s="196">
        <v>0</v>
      </c>
      <c r="Z33" s="193">
        <v>0</v>
      </c>
      <c r="AA33" s="195">
        <v>0</v>
      </c>
      <c r="AB33" s="196">
        <v>1</v>
      </c>
      <c r="AC33" s="196">
        <v>1</v>
      </c>
      <c r="AD33" s="196">
        <v>0</v>
      </c>
      <c r="AE33" s="196">
        <v>0</v>
      </c>
      <c r="AF33" s="196">
        <v>0</v>
      </c>
      <c r="AG33" s="193">
        <v>2</v>
      </c>
      <c r="AH33" s="198">
        <v>2</v>
      </c>
      <c r="AI33" s="192">
        <v>0</v>
      </c>
      <c r="AJ33" s="196">
        <v>0</v>
      </c>
      <c r="AK33" s="193">
        <v>0</v>
      </c>
      <c r="AL33" s="195">
        <v>0</v>
      </c>
      <c r="AM33" s="196">
        <v>0</v>
      </c>
      <c r="AN33" s="196">
        <v>0</v>
      </c>
      <c r="AO33" s="196">
        <v>1</v>
      </c>
      <c r="AP33" s="196">
        <v>0</v>
      </c>
      <c r="AQ33" s="196">
        <v>0</v>
      </c>
      <c r="AR33" s="193">
        <v>1</v>
      </c>
      <c r="AS33" s="198">
        <v>1</v>
      </c>
      <c r="AT33" s="192">
        <v>0</v>
      </c>
      <c r="AU33" s="196">
        <v>0</v>
      </c>
      <c r="AV33" s="193">
        <v>0</v>
      </c>
      <c r="AW33" s="195">
        <v>0</v>
      </c>
      <c r="AX33" s="196">
        <v>0</v>
      </c>
      <c r="AY33" s="196">
        <v>1</v>
      </c>
      <c r="AZ33" s="196">
        <v>0</v>
      </c>
      <c r="BA33" s="196">
        <v>0</v>
      </c>
      <c r="BB33" s="196">
        <v>0</v>
      </c>
      <c r="BC33" s="193">
        <v>1</v>
      </c>
      <c r="BD33" s="198">
        <v>1</v>
      </c>
      <c r="BE33" s="192">
        <v>0</v>
      </c>
      <c r="BF33" s="196">
        <v>0</v>
      </c>
      <c r="BG33" s="193">
        <v>0</v>
      </c>
      <c r="BH33" s="195">
        <v>0</v>
      </c>
      <c r="BI33" s="196">
        <v>0</v>
      </c>
      <c r="BJ33" s="196">
        <v>3</v>
      </c>
      <c r="BK33" s="196">
        <v>0</v>
      </c>
      <c r="BL33" s="196">
        <v>1</v>
      </c>
      <c r="BM33" s="196">
        <v>0</v>
      </c>
      <c r="BN33" s="197">
        <v>4</v>
      </c>
      <c r="BO33" s="198">
        <v>4</v>
      </c>
      <c r="BP33" s="192">
        <v>0</v>
      </c>
      <c r="BQ33" s="196">
        <v>0</v>
      </c>
      <c r="BR33" s="193">
        <v>0</v>
      </c>
      <c r="BS33" s="195">
        <v>0</v>
      </c>
      <c r="BT33" s="196">
        <v>0</v>
      </c>
      <c r="BU33" s="196">
        <v>0</v>
      </c>
      <c r="BV33" s="196">
        <v>0</v>
      </c>
      <c r="BW33" s="196">
        <v>0</v>
      </c>
      <c r="BX33" s="196">
        <v>0</v>
      </c>
      <c r="BY33" s="193">
        <v>0</v>
      </c>
      <c r="BZ33" s="198">
        <v>0</v>
      </c>
      <c r="CA33" s="192">
        <v>0</v>
      </c>
      <c r="CB33" s="196">
        <v>0</v>
      </c>
      <c r="CC33" s="193">
        <v>0</v>
      </c>
      <c r="CD33" s="195">
        <v>0</v>
      </c>
      <c r="CE33" s="196">
        <v>0</v>
      </c>
      <c r="CF33" s="196">
        <v>0</v>
      </c>
      <c r="CG33" s="196">
        <v>0</v>
      </c>
      <c r="CH33" s="196">
        <v>0</v>
      </c>
      <c r="CI33" s="196">
        <v>0</v>
      </c>
      <c r="CJ33" s="193">
        <v>0</v>
      </c>
      <c r="CK33" s="198">
        <v>0</v>
      </c>
      <c r="CL33" s="192">
        <v>0</v>
      </c>
      <c r="CM33" s="196">
        <v>0</v>
      </c>
      <c r="CN33" s="193">
        <v>0</v>
      </c>
      <c r="CO33" s="195">
        <v>0</v>
      </c>
      <c r="CP33" s="196">
        <v>0</v>
      </c>
      <c r="CQ33" s="196">
        <v>0</v>
      </c>
      <c r="CR33" s="196">
        <v>0</v>
      </c>
      <c r="CS33" s="196">
        <v>0</v>
      </c>
      <c r="CT33" s="196">
        <v>0</v>
      </c>
      <c r="CU33" s="193">
        <v>0</v>
      </c>
      <c r="CV33" s="198">
        <v>0</v>
      </c>
    </row>
    <row r="34" spans="1:100" ht="21" customHeight="1" x14ac:dyDescent="0.2">
      <c r="A34" s="177" t="s">
        <v>32</v>
      </c>
      <c r="B34" s="192">
        <v>0</v>
      </c>
      <c r="C34" s="193">
        <v>0</v>
      </c>
      <c r="D34" s="194">
        <v>0</v>
      </c>
      <c r="E34" s="195">
        <v>0</v>
      </c>
      <c r="F34" s="196">
        <v>0</v>
      </c>
      <c r="G34" s="196">
        <v>0</v>
      </c>
      <c r="H34" s="196">
        <v>0</v>
      </c>
      <c r="I34" s="196">
        <v>0</v>
      </c>
      <c r="J34" s="196">
        <v>0</v>
      </c>
      <c r="K34" s="197">
        <v>0</v>
      </c>
      <c r="L34" s="198">
        <v>0</v>
      </c>
      <c r="M34" s="192">
        <v>0</v>
      </c>
      <c r="N34" s="196">
        <v>0</v>
      </c>
      <c r="O34" s="193">
        <v>0</v>
      </c>
      <c r="P34" s="195">
        <v>0</v>
      </c>
      <c r="Q34" s="196">
        <v>0</v>
      </c>
      <c r="R34" s="196">
        <v>0</v>
      </c>
      <c r="S34" s="196">
        <v>0</v>
      </c>
      <c r="T34" s="196">
        <v>0</v>
      </c>
      <c r="U34" s="196">
        <v>0</v>
      </c>
      <c r="V34" s="193">
        <v>0</v>
      </c>
      <c r="W34" s="198">
        <v>0</v>
      </c>
      <c r="X34" s="192">
        <v>0</v>
      </c>
      <c r="Y34" s="196">
        <v>0</v>
      </c>
      <c r="Z34" s="193">
        <v>0</v>
      </c>
      <c r="AA34" s="195">
        <v>0</v>
      </c>
      <c r="AB34" s="196">
        <v>3</v>
      </c>
      <c r="AC34" s="196">
        <v>2</v>
      </c>
      <c r="AD34" s="196">
        <v>0</v>
      </c>
      <c r="AE34" s="196">
        <v>0</v>
      </c>
      <c r="AF34" s="196">
        <v>0</v>
      </c>
      <c r="AG34" s="193">
        <v>5</v>
      </c>
      <c r="AH34" s="198">
        <v>5</v>
      </c>
      <c r="AI34" s="192">
        <v>0</v>
      </c>
      <c r="AJ34" s="196">
        <v>0</v>
      </c>
      <c r="AK34" s="193">
        <v>0</v>
      </c>
      <c r="AL34" s="195">
        <v>0</v>
      </c>
      <c r="AM34" s="196">
        <v>1</v>
      </c>
      <c r="AN34" s="196">
        <v>0</v>
      </c>
      <c r="AO34" s="196">
        <v>0</v>
      </c>
      <c r="AP34" s="196">
        <v>0</v>
      </c>
      <c r="AQ34" s="196">
        <v>0</v>
      </c>
      <c r="AR34" s="193">
        <v>1</v>
      </c>
      <c r="AS34" s="198">
        <v>1</v>
      </c>
      <c r="AT34" s="192">
        <v>0</v>
      </c>
      <c r="AU34" s="196">
        <v>0</v>
      </c>
      <c r="AV34" s="193">
        <v>0</v>
      </c>
      <c r="AW34" s="195">
        <v>0</v>
      </c>
      <c r="AX34" s="196">
        <v>0</v>
      </c>
      <c r="AY34" s="196">
        <v>0</v>
      </c>
      <c r="AZ34" s="196">
        <v>0</v>
      </c>
      <c r="BA34" s="196">
        <v>0</v>
      </c>
      <c r="BB34" s="196">
        <v>0</v>
      </c>
      <c r="BC34" s="193">
        <v>0</v>
      </c>
      <c r="BD34" s="198">
        <v>0</v>
      </c>
      <c r="BE34" s="192">
        <v>0</v>
      </c>
      <c r="BF34" s="196">
        <v>0</v>
      </c>
      <c r="BG34" s="193">
        <v>0</v>
      </c>
      <c r="BH34" s="195">
        <v>0</v>
      </c>
      <c r="BI34" s="196">
        <v>0</v>
      </c>
      <c r="BJ34" s="196">
        <v>1</v>
      </c>
      <c r="BK34" s="196">
        <v>1</v>
      </c>
      <c r="BL34" s="196">
        <v>0</v>
      </c>
      <c r="BM34" s="196">
        <v>0</v>
      </c>
      <c r="BN34" s="197">
        <v>2</v>
      </c>
      <c r="BO34" s="198">
        <v>2</v>
      </c>
      <c r="BP34" s="192">
        <v>0</v>
      </c>
      <c r="BQ34" s="196">
        <v>0</v>
      </c>
      <c r="BR34" s="193">
        <v>0</v>
      </c>
      <c r="BS34" s="195">
        <v>0</v>
      </c>
      <c r="BT34" s="196">
        <v>0</v>
      </c>
      <c r="BU34" s="196">
        <v>0</v>
      </c>
      <c r="BV34" s="196">
        <v>0</v>
      </c>
      <c r="BW34" s="196">
        <v>0</v>
      </c>
      <c r="BX34" s="196">
        <v>0</v>
      </c>
      <c r="BY34" s="193">
        <v>0</v>
      </c>
      <c r="BZ34" s="198">
        <v>0</v>
      </c>
      <c r="CA34" s="192">
        <v>0</v>
      </c>
      <c r="CB34" s="196">
        <v>0</v>
      </c>
      <c r="CC34" s="193">
        <v>0</v>
      </c>
      <c r="CD34" s="195">
        <v>0</v>
      </c>
      <c r="CE34" s="196">
        <v>0</v>
      </c>
      <c r="CF34" s="196">
        <v>0</v>
      </c>
      <c r="CG34" s="196">
        <v>0</v>
      </c>
      <c r="CH34" s="196">
        <v>0</v>
      </c>
      <c r="CI34" s="196">
        <v>0</v>
      </c>
      <c r="CJ34" s="193">
        <v>0</v>
      </c>
      <c r="CK34" s="198">
        <v>0</v>
      </c>
      <c r="CL34" s="192">
        <v>0</v>
      </c>
      <c r="CM34" s="196">
        <v>0</v>
      </c>
      <c r="CN34" s="193">
        <v>0</v>
      </c>
      <c r="CO34" s="195">
        <v>0</v>
      </c>
      <c r="CP34" s="196">
        <v>0</v>
      </c>
      <c r="CQ34" s="196">
        <v>0</v>
      </c>
      <c r="CR34" s="196">
        <v>0</v>
      </c>
      <c r="CS34" s="196">
        <v>0</v>
      </c>
      <c r="CT34" s="196">
        <v>0</v>
      </c>
      <c r="CU34" s="193">
        <v>0</v>
      </c>
      <c r="CV34" s="198">
        <v>0</v>
      </c>
    </row>
    <row r="35" spans="1:100" ht="21" customHeight="1" x14ac:dyDescent="0.2">
      <c r="A35" s="177" t="s">
        <v>33</v>
      </c>
      <c r="B35" s="192">
        <v>0</v>
      </c>
      <c r="C35" s="193">
        <v>0</v>
      </c>
      <c r="D35" s="194">
        <v>0</v>
      </c>
      <c r="E35" s="195">
        <v>0</v>
      </c>
      <c r="F35" s="196">
        <v>0</v>
      </c>
      <c r="G35" s="196">
        <v>0</v>
      </c>
      <c r="H35" s="196">
        <v>0</v>
      </c>
      <c r="I35" s="196">
        <v>0</v>
      </c>
      <c r="J35" s="196">
        <v>0</v>
      </c>
      <c r="K35" s="197">
        <v>0</v>
      </c>
      <c r="L35" s="198">
        <v>0</v>
      </c>
      <c r="M35" s="192">
        <v>0</v>
      </c>
      <c r="N35" s="196">
        <v>0</v>
      </c>
      <c r="O35" s="193">
        <v>0</v>
      </c>
      <c r="P35" s="195">
        <v>0</v>
      </c>
      <c r="Q35" s="196">
        <v>0</v>
      </c>
      <c r="R35" s="196">
        <v>0</v>
      </c>
      <c r="S35" s="196">
        <v>0</v>
      </c>
      <c r="T35" s="196">
        <v>0</v>
      </c>
      <c r="U35" s="196">
        <v>0</v>
      </c>
      <c r="V35" s="193">
        <v>0</v>
      </c>
      <c r="W35" s="198">
        <v>0</v>
      </c>
      <c r="X35" s="192">
        <v>0</v>
      </c>
      <c r="Y35" s="196">
        <v>0</v>
      </c>
      <c r="Z35" s="193">
        <v>0</v>
      </c>
      <c r="AA35" s="195">
        <v>0</v>
      </c>
      <c r="AB35" s="196">
        <v>2</v>
      </c>
      <c r="AC35" s="196">
        <v>0</v>
      </c>
      <c r="AD35" s="196">
        <v>0</v>
      </c>
      <c r="AE35" s="196">
        <v>0</v>
      </c>
      <c r="AF35" s="196">
        <v>0</v>
      </c>
      <c r="AG35" s="193">
        <v>2</v>
      </c>
      <c r="AH35" s="198">
        <v>2</v>
      </c>
      <c r="AI35" s="192">
        <v>0</v>
      </c>
      <c r="AJ35" s="196">
        <v>0</v>
      </c>
      <c r="AK35" s="193">
        <v>0</v>
      </c>
      <c r="AL35" s="195">
        <v>0</v>
      </c>
      <c r="AM35" s="196">
        <v>0</v>
      </c>
      <c r="AN35" s="196">
        <v>0</v>
      </c>
      <c r="AO35" s="196">
        <v>0</v>
      </c>
      <c r="AP35" s="196">
        <v>0</v>
      </c>
      <c r="AQ35" s="196">
        <v>0</v>
      </c>
      <c r="AR35" s="193">
        <v>0</v>
      </c>
      <c r="AS35" s="198">
        <v>0</v>
      </c>
      <c r="AT35" s="192">
        <v>0</v>
      </c>
      <c r="AU35" s="196">
        <v>0</v>
      </c>
      <c r="AV35" s="193">
        <v>0</v>
      </c>
      <c r="AW35" s="195">
        <v>0</v>
      </c>
      <c r="AX35" s="196">
        <v>0</v>
      </c>
      <c r="AY35" s="196">
        <v>0</v>
      </c>
      <c r="AZ35" s="196">
        <v>0</v>
      </c>
      <c r="BA35" s="196">
        <v>0</v>
      </c>
      <c r="BB35" s="196">
        <v>0</v>
      </c>
      <c r="BC35" s="193">
        <v>0</v>
      </c>
      <c r="BD35" s="198">
        <v>0</v>
      </c>
      <c r="BE35" s="192">
        <v>0</v>
      </c>
      <c r="BF35" s="196">
        <v>0</v>
      </c>
      <c r="BG35" s="193">
        <v>0</v>
      </c>
      <c r="BH35" s="195">
        <v>0</v>
      </c>
      <c r="BI35" s="196">
        <v>0</v>
      </c>
      <c r="BJ35" s="196">
        <v>0</v>
      </c>
      <c r="BK35" s="196">
        <v>1</v>
      </c>
      <c r="BL35" s="196">
        <v>0</v>
      </c>
      <c r="BM35" s="196">
        <v>0</v>
      </c>
      <c r="BN35" s="197">
        <v>1</v>
      </c>
      <c r="BO35" s="198">
        <v>1</v>
      </c>
      <c r="BP35" s="192">
        <v>0</v>
      </c>
      <c r="BQ35" s="196">
        <v>0</v>
      </c>
      <c r="BR35" s="193">
        <v>0</v>
      </c>
      <c r="BS35" s="195">
        <v>0</v>
      </c>
      <c r="BT35" s="196">
        <v>0</v>
      </c>
      <c r="BU35" s="196">
        <v>0</v>
      </c>
      <c r="BV35" s="196">
        <v>0</v>
      </c>
      <c r="BW35" s="196">
        <v>0</v>
      </c>
      <c r="BX35" s="196">
        <v>0</v>
      </c>
      <c r="BY35" s="193">
        <v>0</v>
      </c>
      <c r="BZ35" s="198">
        <v>0</v>
      </c>
      <c r="CA35" s="192">
        <v>0</v>
      </c>
      <c r="CB35" s="196">
        <v>0</v>
      </c>
      <c r="CC35" s="193">
        <v>0</v>
      </c>
      <c r="CD35" s="195">
        <v>0</v>
      </c>
      <c r="CE35" s="196">
        <v>0</v>
      </c>
      <c r="CF35" s="196">
        <v>0</v>
      </c>
      <c r="CG35" s="196">
        <v>0</v>
      </c>
      <c r="CH35" s="196">
        <v>0</v>
      </c>
      <c r="CI35" s="196">
        <v>0</v>
      </c>
      <c r="CJ35" s="193">
        <v>0</v>
      </c>
      <c r="CK35" s="198">
        <v>0</v>
      </c>
      <c r="CL35" s="192">
        <v>0</v>
      </c>
      <c r="CM35" s="196">
        <v>0</v>
      </c>
      <c r="CN35" s="193">
        <v>0</v>
      </c>
      <c r="CO35" s="195">
        <v>0</v>
      </c>
      <c r="CP35" s="196">
        <v>1</v>
      </c>
      <c r="CQ35" s="196">
        <v>1</v>
      </c>
      <c r="CR35" s="196">
        <v>0</v>
      </c>
      <c r="CS35" s="196">
        <v>0</v>
      </c>
      <c r="CT35" s="196">
        <v>0</v>
      </c>
      <c r="CU35" s="193">
        <v>2</v>
      </c>
      <c r="CV35" s="198">
        <v>2</v>
      </c>
    </row>
    <row r="36" spans="1:100" ht="21" customHeight="1" x14ac:dyDescent="0.2">
      <c r="A36" s="177" t="s">
        <v>34</v>
      </c>
      <c r="B36" s="192">
        <v>0</v>
      </c>
      <c r="C36" s="193">
        <v>0</v>
      </c>
      <c r="D36" s="194">
        <v>0</v>
      </c>
      <c r="E36" s="195">
        <v>0</v>
      </c>
      <c r="F36" s="196">
        <v>0</v>
      </c>
      <c r="G36" s="196">
        <v>0</v>
      </c>
      <c r="H36" s="196">
        <v>0</v>
      </c>
      <c r="I36" s="196">
        <v>0</v>
      </c>
      <c r="J36" s="196">
        <v>0</v>
      </c>
      <c r="K36" s="197">
        <v>0</v>
      </c>
      <c r="L36" s="198">
        <v>0</v>
      </c>
      <c r="M36" s="192">
        <v>0</v>
      </c>
      <c r="N36" s="196">
        <v>0</v>
      </c>
      <c r="O36" s="193">
        <v>0</v>
      </c>
      <c r="P36" s="195">
        <v>0</v>
      </c>
      <c r="Q36" s="196">
        <v>0</v>
      </c>
      <c r="R36" s="196">
        <v>0</v>
      </c>
      <c r="S36" s="196">
        <v>0</v>
      </c>
      <c r="T36" s="196">
        <v>0</v>
      </c>
      <c r="U36" s="196">
        <v>0</v>
      </c>
      <c r="V36" s="193">
        <v>0</v>
      </c>
      <c r="W36" s="198">
        <v>0</v>
      </c>
      <c r="X36" s="192">
        <v>0</v>
      </c>
      <c r="Y36" s="196">
        <v>0</v>
      </c>
      <c r="Z36" s="193">
        <v>0</v>
      </c>
      <c r="AA36" s="195">
        <v>0</v>
      </c>
      <c r="AB36" s="196">
        <v>3</v>
      </c>
      <c r="AC36" s="196">
        <v>0</v>
      </c>
      <c r="AD36" s="196">
        <v>0</v>
      </c>
      <c r="AE36" s="196">
        <v>0</v>
      </c>
      <c r="AF36" s="196">
        <v>0</v>
      </c>
      <c r="AG36" s="193">
        <v>3</v>
      </c>
      <c r="AH36" s="198">
        <v>3</v>
      </c>
      <c r="AI36" s="192">
        <v>0</v>
      </c>
      <c r="AJ36" s="196">
        <v>0</v>
      </c>
      <c r="AK36" s="193">
        <v>0</v>
      </c>
      <c r="AL36" s="195">
        <v>0</v>
      </c>
      <c r="AM36" s="196">
        <v>0</v>
      </c>
      <c r="AN36" s="196">
        <v>0</v>
      </c>
      <c r="AO36" s="196">
        <v>0</v>
      </c>
      <c r="AP36" s="196">
        <v>0</v>
      </c>
      <c r="AQ36" s="196">
        <v>0</v>
      </c>
      <c r="AR36" s="193">
        <v>0</v>
      </c>
      <c r="AS36" s="198">
        <v>0</v>
      </c>
      <c r="AT36" s="192">
        <v>0</v>
      </c>
      <c r="AU36" s="196">
        <v>0</v>
      </c>
      <c r="AV36" s="193">
        <v>0</v>
      </c>
      <c r="AW36" s="195">
        <v>0</v>
      </c>
      <c r="AX36" s="196">
        <v>1</v>
      </c>
      <c r="AY36" s="196">
        <v>0</v>
      </c>
      <c r="AZ36" s="196">
        <v>0</v>
      </c>
      <c r="BA36" s="196">
        <v>0</v>
      </c>
      <c r="BB36" s="196">
        <v>0</v>
      </c>
      <c r="BC36" s="193">
        <v>1</v>
      </c>
      <c r="BD36" s="198">
        <v>1</v>
      </c>
      <c r="BE36" s="192">
        <v>0</v>
      </c>
      <c r="BF36" s="196">
        <v>0</v>
      </c>
      <c r="BG36" s="193">
        <v>0</v>
      </c>
      <c r="BH36" s="195">
        <v>0</v>
      </c>
      <c r="BI36" s="196">
        <v>0</v>
      </c>
      <c r="BJ36" s="196">
        <v>0</v>
      </c>
      <c r="BK36" s="196">
        <v>0</v>
      </c>
      <c r="BL36" s="196">
        <v>0</v>
      </c>
      <c r="BM36" s="196">
        <v>0</v>
      </c>
      <c r="BN36" s="197">
        <v>0</v>
      </c>
      <c r="BO36" s="198">
        <v>0</v>
      </c>
      <c r="BP36" s="192">
        <v>0</v>
      </c>
      <c r="BQ36" s="196">
        <v>0</v>
      </c>
      <c r="BR36" s="193">
        <v>0</v>
      </c>
      <c r="BS36" s="195">
        <v>0</v>
      </c>
      <c r="BT36" s="196">
        <v>0</v>
      </c>
      <c r="BU36" s="196">
        <v>0</v>
      </c>
      <c r="BV36" s="196">
        <v>0</v>
      </c>
      <c r="BW36" s="196">
        <v>0</v>
      </c>
      <c r="BX36" s="196">
        <v>0</v>
      </c>
      <c r="BY36" s="193">
        <v>0</v>
      </c>
      <c r="BZ36" s="198">
        <v>0</v>
      </c>
      <c r="CA36" s="192">
        <v>0</v>
      </c>
      <c r="CB36" s="196">
        <v>0</v>
      </c>
      <c r="CC36" s="193">
        <v>0</v>
      </c>
      <c r="CD36" s="195">
        <v>0</v>
      </c>
      <c r="CE36" s="196">
        <v>0</v>
      </c>
      <c r="CF36" s="196">
        <v>0</v>
      </c>
      <c r="CG36" s="196">
        <v>0</v>
      </c>
      <c r="CH36" s="196">
        <v>0</v>
      </c>
      <c r="CI36" s="196">
        <v>0</v>
      </c>
      <c r="CJ36" s="193">
        <v>0</v>
      </c>
      <c r="CK36" s="198">
        <v>0</v>
      </c>
      <c r="CL36" s="192">
        <v>0</v>
      </c>
      <c r="CM36" s="196">
        <v>0</v>
      </c>
      <c r="CN36" s="193">
        <v>0</v>
      </c>
      <c r="CO36" s="195">
        <v>0</v>
      </c>
      <c r="CP36" s="196">
        <v>1</v>
      </c>
      <c r="CQ36" s="196">
        <v>0</v>
      </c>
      <c r="CR36" s="196">
        <v>0</v>
      </c>
      <c r="CS36" s="196">
        <v>0</v>
      </c>
      <c r="CT36" s="196">
        <v>0</v>
      </c>
      <c r="CU36" s="193">
        <v>1</v>
      </c>
      <c r="CV36" s="198">
        <v>1</v>
      </c>
    </row>
    <row r="37" spans="1:100" ht="21" customHeight="1" x14ac:dyDescent="0.2">
      <c r="A37" s="177" t="s">
        <v>35</v>
      </c>
      <c r="B37" s="192">
        <v>0</v>
      </c>
      <c r="C37" s="193">
        <v>0</v>
      </c>
      <c r="D37" s="194">
        <v>0</v>
      </c>
      <c r="E37" s="195">
        <v>0</v>
      </c>
      <c r="F37" s="196">
        <v>0</v>
      </c>
      <c r="G37" s="196">
        <v>1</v>
      </c>
      <c r="H37" s="196">
        <v>0</v>
      </c>
      <c r="I37" s="196">
        <v>0</v>
      </c>
      <c r="J37" s="196">
        <v>0</v>
      </c>
      <c r="K37" s="197">
        <v>1</v>
      </c>
      <c r="L37" s="198">
        <v>1</v>
      </c>
      <c r="M37" s="192">
        <v>0</v>
      </c>
      <c r="N37" s="196">
        <v>0</v>
      </c>
      <c r="O37" s="193">
        <v>0</v>
      </c>
      <c r="P37" s="195">
        <v>0</v>
      </c>
      <c r="Q37" s="196">
        <v>0</v>
      </c>
      <c r="R37" s="196">
        <v>0</v>
      </c>
      <c r="S37" s="196">
        <v>0</v>
      </c>
      <c r="T37" s="196">
        <v>0</v>
      </c>
      <c r="U37" s="196">
        <v>0</v>
      </c>
      <c r="V37" s="193">
        <v>0</v>
      </c>
      <c r="W37" s="198">
        <v>0</v>
      </c>
      <c r="X37" s="192">
        <v>0</v>
      </c>
      <c r="Y37" s="196">
        <v>0</v>
      </c>
      <c r="Z37" s="193">
        <v>0</v>
      </c>
      <c r="AA37" s="195">
        <v>0</v>
      </c>
      <c r="AB37" s="196">
        <v>0</v>
      </c>
      <c r="AC37" s="196">
        <v>1</v>
      </c>
      <c r="AD37" s="196">
        <v>0</v>
      </c>
      <c r="AE37" s="196">
        <v>0</v>
      </c>
      <c r="AF37" s="196">
        <v>0</v>
      </c>
      <c r="AG37" s="193">
        <v>1</v>
      </c>
      <c r="AH37" s="198">
        <v>1</v>
      </c>
      <c r="AI37" s="192">
        <v>0</v>
      </c>
      <c r="AJ37" s="196">
        <v>0</v>
      </c>
      <c r="AK37" s="193">
        <v>0</v>
      </c>
      <c r="AL37" s="195">
        <v>0</v>
      </c>
      <c r="AM37" s="196">
        <v>0</v>
      </c>
      <c r="AN37" s="196">
        <v>0</v>
      </c>
      <c r="AO37" s="196">
        <v>0</v>
      </c>
      <c r="AP37" s="196">
        <v>0</v>
      </c>
      <c r="AQ37" s="196">
        <v>0</v>
      </c>
      <c r="AR37" s="193">
        <v>0</v>
      </c>
      <c r="AS37" s="198">
        <v>0</v>
      </c>
      <c r="AT37" s="192">
        <v>0</v>
      </c>
      <c r="AU37" s="196">
        <v>0</v>
      </c>
      <c r="AV37" s="193">
        <v>0</v>
      </c>
      <c r="AW37" s="195">
        <v>0</v>
      </c>
      <c r="AX37" s="196">
        <v>1</v>
      </c>
      <c r="AY37" s="196">
        <v>0</v>
      </c>
      <c r="AZ37" s="196">
        <v>0</v>
      </c>
      <c r="BA37" s="196">
        <v>0</v>
      </c>
      <c r="BB37" s="196">
        <v>0</v>
      </c>
      <c r="BC37" s="193">
        <v>1</v>
      </c>
      <c r="BD37" s="198">
        <v>1</v>
      </c>
      <c r="BE37" s="192">
        <v>0</v>
      </c>
      <c r="BF37" s="196">
        <v>0</v>
      </c>
      <c r="BG37" s="193">
        <v>0</v>
      </c>
      <c r="BH37" s="195">
        <v>0</v>
      </c>
      <c r="BI37" s="196">
        <v>0</v>
      </c>
      <c r="BJ37" s="196">
        <v>1</v>
      </c>
      <c r="BK37" s="196">
        <v>0</v>
      </c>
      <c r="BL37" s="196">
        <v>1</v>
      </c>
      <c r="BM37" s="196">
        <v>0</v>
      </c>
      <c r="BN37" s="197">
        <v>2</v>
      </c>
      <c r="BO37" s="198">
        <v>2</v>
      </c>
      <c r="BP37" s="192">
        <v>0</v>
      </c>
      <c r="BQ37" s="196">
        <v>0</v>
      </c>
      <c r="BR37" s="193">
        <v>0</v>
      </c>
      <c r="BS37" s="195">
        <v>0</v>
      </c>
      <c r="BT37" s="196">
        <v>0</v>
      </c>
      <c r="BU37" s="196">
        <v>0</v>
      </c>
      <c r="BV37" s="196">
        <v>0</v>
      </c>
      <c r="BW37" s="196">
        <v>0</v>
      </c>
      <c r="BX37" s="196">
        <v>0</v>
      </c>
      <c r="BY37" s="193">
        <v>0</v>
      </c>
      <c r="BZ37" s="198">
        <v>0</v>
      </c>
      <c r="CA37" s="192">
        <v>0</v>
      </c>
      <c r="CB37" s="196">
        <v>0</v>
      </c>
      <c r="CC37" s="193">
        <v>0</v>
      </c>
      <c r="CD37" s="195">
        <v>0</v>
      </c>
      <c r="CE37" s="196">
        <v>0</v>
      </c>
      <c r="CF37" s="196">
        <v>0</v>
      </c>
      <c r="CG37" s="196">
        <v>0</v>
      </c>
      <c r="CH37" s="196">
        <v>0</v>
      </c>
      <c r="CI37" s="196">
        <v>0</v>
      </c>
      <c r="CJ37" s="193">
        <v>0</v>
      </c>
      <c r="CK37" s="198">
        <v>0</v>
      </c>
      <c r="CL37" s="192">
        <v>0</v>
      </c>
      <c r="CM37" s="196">
        <v>0</v>
      </c>
      <c r="CN37" s="193">
        <v>0</v>
      </c>
      <c r="CO37" s="195">
        <v>0</v>
      </c>
      <c r="CP37" s="196">
        <v>0</v>
      </c>
      <c r="CQ37" s="196">
        <v>0</v>
      </c>
      <c r="CR37" s="196">
        <v>0</v>
      </c>
      <c r="CS37" s="196">
        <v>0</v>
      </c>
      <c r="CT37" s="196">
        <v>0</v>
      </c>
      <c r="CU37" s="193">
        <v>0</v>
      </c>
      <c r="CV37" s="198">
        <v>0</v>
      </c>
    </row>
    <row r="38" spans="1:100" ht="21" customHeight="1" x14ac:dyDescent="0.2">
      <c r="A38" s="177" t="s">
        <v>36</v>
      </c>
      <c r="B38" s="192">
        <v>0</v>
      </c>
      <c r="C38" s="193">
        <v>0</v>
      </c>
      <c r="D38" s="194">
        <v>0</v>
      </c>
      <c r="E38" s="195">
        <v>0</v>
      </c>
      <c r="F38" s="196">
        <v>0</v>
      </c>
      <c r="G38" s="196">
        <v>0</v>
      </c>
      <c r="H38" s="196">
        <v>0</v>
      </c>
      <c r="I38" s="196">
        <v>0</v>
      </c>
      <c r="J38" s="196">
        <v>0</v>
      </c>
      <c r="K38" s="197">
        <v>0</v>
      </c>
      <c r="L38" s="198">
        <v>0</v>
      </c>
      <c r="M38" s="192">
        <v>0</v>
      </c>
      <c r="N38" s="196">
        <v>0</v>
      </c>
      <c r="O38" s="193">
        <v>0</v>
      </c>
      <c r="P38" s="195">
        <v>0</v>
      </c>
      <c r="Q38" s="196">
        <v>0</v>
      </c>
      <c r="R38" s="196">
        <v>0</v>
      </c>
      <c r="S38" s="196">
        <v>0</v>
      </c>
      <c r="T38" s="196">
        <v>0</v>
      </c>
      <c r="U38" s="196">
        <v>0</v>
      </c>
      <c r="V38" s="193">
        <v>0</v>
      </c>
      <c r="W38" s="198">
        <v>0</v>
      </c>
      <c r="X38" s="192">
        <v>0</v>
      </c>
      <c r="Y38" s="196">
        <v>0</v>
      </c>
      <c r="Z38" s="193">
        <v>0</v>
      </c>
      <c r="AA38" s="195">
        <v>0</v>
      </c>
      <c r="AB38" s="196">
        <v>3</v>
      </c>
      <c r="AC38" s="196">
        <v>1</v>
      </c>
      <c r="AD38" s="196">
        <v>0</v>
      </c>
      <c r="AE38" s="196">
        <v>0</v>
      </c>
      <c r="AF38" s="196">
        <v>1</v>
      </c>
      <c r="AG38" s="193">
        <v>5</v>
      </c>
      <c r="AH38" s="198">
        <v>5</v>
      </c>
      <c r="AI38" s="192">
        <v>0</v>
      </c>
      <c r="AJ38" s="196">
        <v>0</v>
      </c>
      <c r="AK38" s="193">
        <v>0</v>
      </c>
      <c r="AL38" s="195">
        <v>0</v>
      </c>
      <c r="AM38" s="196">
        <v>0</v>
      </c>
      <c r="AN38" s="196">
        <v>0</v>
      </c>
      <c r="AO38" s="196">
        <v>0</v>
      </c>
      <c r="AP38" s="196">
        <v>0</v>
      </c>
      <c r="AQ38" s="196">
        <v>0</v>
      </c>
      <c r="AR38" s="193">
        <v>0</v>
      </c>
      <c r="AS38" s="198">
        <v>0</v>
      </c>
      <c r="AT38" s="192">
        <v>0</v>
      </c>
      <c r="AU38" s="196">
        <v>0</v>
      </c>
      <c r="AV38" s="193">
        <v>0</v>
      </c>
      <c r="AW38" s="195">
        <v>0</v>
      </c>
      <c r="AX38" s="196">
        <v>0</v>
      </c>
      <c r="AY38" s="196">
        <v>0</v>
      </c>
      <c r="AZ38" s="196">
        <v>0</v>
      </c>
      <c r="BA38" s="196">
        <v>1</v>
      </c>
      <c r="BB38" s="196">
        <v>0</v>
      </c>
      <c r="BC38" s="193">
        <v>1</v>
      </c>
      <c r="BD38" s="198">
        <v>1</v>
      </c>
      <c r="BE38" s="192">
        <v>0</v>
      </c>
      <c r="BF38" s="196">
        <v>0</v>
      </c>
      <c r="BG38" s="193">
        <v>0</v>
      </c>
      <c r="BH38" s="195">
        <v>0</v>
      </c>
      <c r="BI38" s="196">
        <v>0</v>
      </c>
      <c r="BJ38" s="196">
        <v>0</v>
      </c>
      <c r="BK38" s="196">
        <v>2</v>
      </c>
      <c r="BL38" s="196">
        <v>0</v>
      </c>
      <c r="BM38" s="196">
        <v>0</v>
      </c>
      <c r="BN38" s="197">
        <v>2</v>
      </c>
      <c r="BO38" s="198">
        <v>2</v>
      </c>
      <c r="BP38" s="192">
        <v>0</v>
      </c>
      <c r="BQ38" s="196">
        <v>0</v>
      </c>
      <c r="BR38" s="193">
        <v>0</v>
      </c>
      <c r="BS38" s="195">
        <v>0</v>
      </c>
      <c r="BT38" s="196">
        <v>0</v>
      </c>
      <c r="BU38" s="196">
        <v>0</v>
      </c>
      <c r="BV38" s="196">
        <v>0</v>
      </c>
      <c r="BW38" s="196">
        <v>0</v>
      </c>
      <c r="BX38" s="196">
        <v>0</v>
      </c>
      <c r="BY38" s="193">
        <v>0</v>
      </c>
      <c r="BZ38" s="198">
        <v>0</v>
      </c>
      <c r="CA38" s="192">
        <v>0</v>
      </c>
      <c r="CB38" s="196">
        <v>0</v>
      </c>
      <c r="CC38" s="193">
        <v>0</v>
      </c>
      <c r="CD38" s="195">
        <v>0</v>
      </c>
      <c r="CE38" s="196">
        <v>0</v>
      </c>
      <c r="CF38" s="196">
        <v>0</v>
      </c>
      <c r="CG38" s="196">
        <v>0</v>
      </c>
      <c r="CH38" s="196">
        <v>0</v>
      </c>
      <c r="CI38" s="196">
        <v>0</v>
      </c>
      <c r="CJ38" s="193">
        <v>0</v>
      </c>
      <c r="CK38" s="198">
        <v>0</v>
      </c>
      <c r="CL38" s="192">
        <v>0</v>
      </c>
      <c r="CM38" s="196">
        <v>0</v>
      </c>
      <c r="CN38" s="193">
        <v>0</v>
      </c>
      <c r="CO38" s="195">
        <v>0</v>
      </c>
      <c r="CP38" s="196">
        <v>0</v>
      </c>
      <c r="CQ38" s="196">
        <v>0</v>
      </c>
      <c r="CR38" s="196">
        <v>0</v>
      </c>
      <c r="CS38" s="196">
        <v>0</v>
      </c>
      <c r="CT38" s="196">
        <v>0</v>
      </c>
      <c r="CU38" s="193">
        <v>0</v>
      </c>
      <c r="CV38" s="198">
        <v>0</v>
      </c>
    </row>
    <row r="39" spans="1:100" ht="21" customHeight="1" thickBot="1" x14ac:dyDescent="0.25">
      <c r="A39" s="178" t="s">
        <v>37</v>
      </c>
      <c r="B39" s="199">
        <v>0</v>
      </c>
      <c r="C39" s="200">
        <v>0</v>
      </c>
      <c r="D39" s="201">
        <v>0</v>
      </c>
      <c r="E39" s="202">
        <v>0</v>
      </c>
      <c r="F39" s="203">
        <v>0</v>
      </c>
      <c r="G39" s="203">
        <v>0</v>
      </c>
      <c r="H39" s="203">
        <v>0</v>
      </c>
      <c r="I39" s="203">
        <v>0</v>
      </c>
      <c r="J39" s="203">
        <v>0</v>
      </c>
      <c r="K39" s="204">
        <v>0</v>
      </c>
      <c r="L39" s="205">
        <v>0</v>
      </c>
      <c r="M39" s="199">
        <v>0</v>
      </c>
      <c r="N39" s="203">
        <v>0</v>
      </c>
      <c r="O39" s="200">
        <v>0</v>
      </c>
      <c r="P39" s="202">
        <v>0</v>
      </c>
      <c r="Q39" s="203">
        <v>0</v>
      </c>
      <c r="R39" s="203">
        <v>0</v>
      </c>
      <c r="S39" s="203">
        <v>0</v>
      </c>
      <c r="T39" s="203">
        <v>0</v>
      </c>
      <c r="U39" s="203">
        <v>0</v>
      </c>
      <c r="V39" s="200">
        <v>0</v>
      </c>
      <c r="W39" s="205">
        <v>0</v>
      </c>
      <c r="X39" s="199">
        <v>0</v>
      </c>
      <c r="Y39" s="203">
        <v>0</v>
      </c>
      <c r="Z39" s="200">
        <v>0</v>
      </c>
      <c r="AA39" s="202">
        <v>0</v>
      </c>
      <c r="AB39" s="203">
        <v>0</v>
      </c>
      <c r="AC39" s="203">
        <v>0</v>
      </c>
      <c r="AD39" s="203">
        <v>0</v>
      </c>
      <c r="AE39" s="203">
        <v>0</v>
      </c>
      <c r="AF39" s="203">
        <v>0</v>
      </c>
      <c r="AG39" s="200">
        <v>0</v>
      </c>
      <c r="AH39" s="205">
        <v>0</v>
      </c>
      <c r="AI39" s="199">
        <v>0</v>
      </c>
      <c r="AJ39" s="203">
        <v>0</v>
      </c>
      <c r="AK39" s="200">
        <v>0</v>
      </c>
      <c r="AL39" s="202">
        <v>0</v>
      </c>
      <c r="AM39" s="203">
        <v>0</v>
      </c>
      <c r="AN39" s="203">
        <v>0</v>
      </c>
      <c r="AO39" s="203">
        <v>0</v>
      </c>
      <c r="AP39" s="203">
        <v>0</v>
      </c>
      <c r="AQ39" s="203">
        <v>0</v>
      </c>
      <c r="AR39" s="200">
        <v>0</v>
      </c>
      <c r="AS39" s="205">
        <v>0</v>
      </c>
      <c r="AT39" s="199">
        <v>0</v>
      </c>
      <c r="AU39" s="203">
        <v>0</v>
      </c>
      <c r="AV39" s="200">
        <v>0</v>
      </c>
      <c r="AW39" s="202">
        <v>0</v>
      </c>
      <c r="AX39" s="203">
        <v>0</v>
      </c>
      <c r="AY39" s="203">
        <v>0</v>
      </c>
      <c r="AZ39" s="203">
        <v>0</v>
      </c>
      <c r="BA39" s="203">
        <v>0</v>
      </c>
      <c r="BB39" s="203">
        <v>0</v>
      </c>
      <c r="BC39" s="200">
        <v>0</v>
      </c>
      <c r="BD39" s="205">
        <v>0</v>
      </c>
      <c r="BE39" s="199">
        <v>0</v>
      </c>
      <c r="BF39" s="203">
        <v>0</v>
      </c>
      <c r="BG39" s="200">
        <v>0</v>
      </c>
      <c r="BH39" s="202">
        <v>0</v>
      </c>
      <c r="BI39" s="203">
        <v>0</v>
      </c>
      <c r="BJ39" s="203">
        <v>0</v>
      </c>
      <c r="BK39" s="203">
        <v>0</v>
      </c>
      <c r="BL39" s="203">
        <v>0</v>
      </c>
      <c r="BM39" s="203">
        <v>0</v>
      </c>
      <c r="BN39" s="204">
        <v>0</v>
      </c>
      <c r="BO39" s="205">
        <v>0</v>
      </c>
      <c r="BP39" s="199">
        <v>0</v>
      </c>
      <c r="BQ39" s="203">
        <v>0</v>
      </c>
      <c r="BR39" s="200">
        <v>0</v>
      </c>
      <c r="BS39" s="202">
        <v>0</v>
      </c>
      <c r="BT39" s="203">
        <v>0</v>
      </c>
      <c r="BU39" s="203">
        <v>0</v>
      </c>
      <c r="BV39" s="203">
        <v>0</v>
      </c>
      <c r="BW39" s="203">
        <v>0</v>
      </c>
      <c r="BX39" s="203">
        <v>0</v>
      </c>
      <c r="BY39" s="200">
        <v>0</v>
      </c>
      <c r="BZ39" s="205">
        <v>0</v>
      </c>
      <c r="CA39" s="199">
        <v>0</v>
      </c>
      <c r="CB39" s="203">
        <v>0</v>
      </c>
      <c r="CC39" s="200">
        <v>0</v>
      </c>
      <c r="CD39" s="202">
        <v>0</v>
      </c>
      <c r="CE39" s="203">
        <v>0</v>
      </c>
      <c r="CF39" s="203">
        <v>0</v>
      </c>
      <c r="CG39" s="203">
        <v>0</v>
      </c>
      <c r="CH39" s="203">
        <v>0</v>
      </c>
      <c r="CI39" s="203">
        <v>0</v>
      </c>
      <c r="CJ39" s="200">
        <v>0</v>
      </c>
      <c r="CK39" s="205">
        <v>0</v>
      </c>
      <c r="CL39" s="199">
        <v>0</v>
      </c>
      <c r="CM39" s="203">
        <v>0</v>
      </c>
      <c r="CN39" s="200">
        <v>0</v>
      </c>
      <c r="CO39" s="202">
        <v>0</v>
      </c>
      <c r="CP39" s="203">
        <v>0</v>
      </c>
      <c r="CQ39" s="203">
        <v>0</v>
      </c>
      <c r="CR39" s="203">
        <v>0</v>
      </c>
      <c r="CS39" s="203">
        <v>0</v>
      </c>
      <c r="CT39" s="203">
        <v>0</v>
      </c>
      <c r="CU39" s="200">
        <v>0</v>
      </c>
      <c r="CV39" s="205">
        <v>0</v>
      </c>
    </row>
  </sheetData>
  <mergeCells count="39">
    <mergeCell ref="CL3:CV3"/>
    <mergeCell ref="CL4:CN4"/>
    <mergeCell ref="CO4:CU4"/>
    <mergeCell ref="CD4:CJ4"/>
    <mergeCell ref="BE4:BG4"/>
    <mergeCell ref="BH4:BN4"/>
    <mergeCell ref="BP4:BR4"/>
    <mergeCell ref="BS4:BY4"/>
    <mergeCell ref="CA3:CK3"/>
    <mergeCell ref="CK4:CK5"/>
    <mergeCell ref="CV4:CV5"/>
    <mergeCell ref="AT4:AV4"/>
    <mergeCell ref="AI4:AK4"/>
    <mergeCell ref="AW4:BC4"/>
    <mergeCell ref="CA4:CC4"/>
    <mergeCell ref="AT3:BD3"/>
    <mergeCell ref="BD4:BD5"/>
    <mergeCell ref="BE3:BO3"/>
    <mergeCell ref="BO4:BO5"/>
    <mergeCell ref="BP3:BZ3"/>
    <mergeCell ref="BZ4:BZ5"/>
    <mergeCell ref="H1:I1"/>
    <mergeCell ref="K1:L1"/>
    <mergeCell ref="A3:A5"/>
    <mergeCell ref="B3:L3"/>
    <mergeCell ref="M3:W3"/>
    <mergeCell ref="W4:W5"/>
    <mergeCell ref="B4:D4"/>
    <mergeCell ref="E4:K4"/>
    <mergeCell ref="L4:L5"/>
    <mergeCell ref="M4:O4"/>
    <mergeCell ref="P4:V4"/>
    <mergeCell ref="X3:AH3"/>
    <mergeCell ref="X4:Z4"/>
    <mergeCell ref="AA4:AG4"/>
    <mergeCell ref="AH4:AH5"/>
    <mergeCell ref="AI3:AS3"/>
    <mergeCell ref="AL4:AR4"/>
    <mergeCell ref="AS4:AS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171"/>
    <col min="4" max="4" width="10.33203125" style="171" customWidth="1"/>
    <col min="5" max="5" width="7.6640625" style="171" customWidth="1"/>
    <col min="6" max="6" width="8.44140625" style="171" customWidth="1"/>
    <col min="7" max="7" width="8.77734375" style="171" customWidth="1"/>
    <col min="8" max="15" width="9" style="171"/>
    <col min="16" max="16" width="7.21875" style="171" customWidth="1"/>
    <col min="17" max="26" width="9" style="171"/>
    <col min="27" max="27" width="7.6640625" style="171" customWidth="1"/>
    <col min="28" max="37" width="9" style="171"/>
    <col min="38" max="38" width="7.6640625" style="171" customWidth="1"/>
    <col min="39" max="48" width="9" style="171"/>
    <col min="49" max="49" width="7.6640625" style="171" customWidth="1"/>
    <col min="50" max="59" width="9" style="171"/>
    <col min="60" max="60" width="7.21875" style="171" customWidth="1"/>
    <col min="61" max="70" width="9" style="171"/>
    <col min="71" max="71" width="7.21875" style="171" customWidth="1"/>
    <col min="72" max="81" width="9" style="171"/>
    <col min="82" max="82" width="7.33203125" style="171" customWidth="1"/>
    <col min="83" max="92" width="9" style="171"/>
    <col min="93" max="93" width="7.44140625" style="171" customWidth="1"/>
    <col min="94" max="16384" width="9" style="171"/>
  </cols>
  <sheetData>
    <row r="1" spans="1:100" ht="22.5" customHeight="1" x14ac:dyDescent="0.2">
      <c r="A1" s="206" t="s">
        <v>124</v>
      </c>
      <c r="H1" s="487">
        <f>第１表!F2</f>
        <v>4</v>
      </c>
      <c r="I1" s="487"/>
      <c r="J1" s="163">
        <f>第１表!G2</f>
        <v>1</v>
      </c>
      <c r="K1" s="488">
        <f>IF(J1&lt;3,J1+12-2,J1-2)</f>
        <v>11</v>
      </c>
      <c r="L1" s="488"/>
    </row>
    <row r="2" spans="1:100" s="207" customFormat="1" ht="21" customHeight="1" thickBot="1" x14ac:dyDescent="0.25">
      <c r="A2" s="206" t="s">
        <v>155</v>
      </c>
    </row>
    <row r="3" spans="1:100" ht="23.25" customHeight="1" thickBot="1" x14ac:dyDescent="0.25">
      <c r="A3" s="501"/>
      <c r="B3" s="492" t="s">
        <v>94</v>
      </c>
      <c r="C3" s="493"/>
      <c r="D3" s="493"/>
      <c r="E3" s="493"/>
      <c r="F3" s="493"/>
      <c r="G3" s="493"/>
      <c r="H3" s="493"/>
      <c r="I3" s="493"/>
      <c r="J3" s="493"/>
      <c r="K3" s="493"/>
      <c r="L3" s="494"/>
      <c r="M3" s="492" t="s">
        <v>88</v>
      </c>
      <c r="N3" s="493"/>
      <c r="O3" s="493"/>
      <c r="P3" s="493"/>
      <c r="Q3" s="493"/>
      <c r="R3" s="493"/>
      <c r="S3" s="493"/>
      <c r="T3" s="493"/>
      <c r="U3" s="493"/>
      <c r="V3" s="493"/>
      <c r="W3" s="494"/>
      <c r="X3" s="492" t="s">
        <v>142</v>
      </c>
      <c r="Y3" s="493"/>
      <c r="Z3" s="493"/>
      <c r="AA3" s="493"/>
      <c r="AB3" s="493"/>
      <c r="AC3" s="493"/>
      <c r="AD3" s="493"/>
      <c r="AE3" s="493"/>
      <c r="AF3" s="493"/>
      <c r="AG3" s="493"/>
      <c r="AH3" s="494"/>
      <c r="AI3" s="492" t="s">
        <v>90</v>
      </c>
      <c r="AJ3" s="493"/>
      <c r="AK3" s="493"/>
      <c r="AL3" s="493"/>
      <c r="AM3" s="493"/>
      <c r="AN3" s="493"/>
      <c r="AO3" s="493"/>
      <c r="AP3" s="493"/>
      <c r="AQ3" s="493"/>
      <c r="AR3" s="493"/>
      <c r="AS3" s="494"/>
      <c r="AT3" s="505" t="s">
        <v>89</v>
      </c>
      <c r="AU3" s="506"/>
      <c r="AV3" s="506"/>
      <c r="AW3" s="506"/>
      <c r="AX3" s="506"/>
      <c r="AY3" s="506"/>
      <c r="AZ3" s="506"/>
      <c r="BA3" s="506"/>
      <c r="BB3" s="506"/>
      <c r="BC3" s="506"/>
      <c r="BD3" s="507"/>
      <c r="BE3" s="505" t="s">
        <v>91</v>
      </c>
      <c r="BF3" s="506"/>
      <c r="BG3" s="506"/>
      <c r="BH3" s="506"/>
      <c r="BI3" s="506"/>
      <c r="BJ3" s="506"/>
      <c r="BK3" s="506"/>
      <c r="BL3" s="506"/>
      <c r="BM3" s="506"/>
      <c r="BN3" s="506"/>
      <c r="BO3" s="507"/>
      <c r="BP3" s="505" t="s">
        <v>92</v>
      </c>
      <c r="BQ3" s="506"/>
      <c r="BR3" s="506"/>
      <c r="BS3" s="506"/>
      <c r="BT3" s="506"/>
      <c r="BU3" s="506"/>
      <c r="BV3" s="506"/>
      <c r="BW3" s="506"/>
      <c r="BX3" s="506"/>
      <c r="BY3" s="506"/>
      <c r="BZ3" s="507"/>
      <c r="CA3" s="505" t="s">
        <v>93</v>
      </c>
      <c r="CB3" s="506"/>
      <c r="CC3" s="506"/>
      <c r="CD3" s="506"/>
      <c r="CE3" s="506"/>
      <c r="CF3" s="506"/>
      <c r="CG3" s="506"/>
      <c r="CH3" s="506"/>
      <c r="CI3" s="506"/>
      <c r="CJ3" s="506"/>
      <c r="CK3" s="507"/>
      <c r="CL3" s="506" t="s">
        <v>141</v>
      </c>
      <c r="CM3" s="506"/>
      <c r="CN3" s="506"/>
      <c r="CO3" s="506"/>
      <c r="CP3" s="506"/>
      <c r="CQ3" s="506"/>
      <c r="CR3" s="506"/>
      <c r="CS3" s="506"/>
      <c r="CT3" s="506"/>
      <c r="CU3" s="506"/>
      <c r="CV3" s="507"/>
    </row>
    <row r="4" spans="1:100" ht="22.5" customHeight="1" x14ac:dyDescent="0.2">
      <c r="A4" s="502"/>
      <c r="B4" s="500" t="s">
        <v>61</v>
      </c>
      <c r="C4" s="496"/>
      <c r="D4" s="497"/>
      <c r="E4" s="495" t="s">
        <v>62</v>
      </c>
      <c r="F4" s="496"/>
      <c r="G4" s="496"/>
      <c r="H4" s="496"/>
      <c r="I4" s="496"/>
      <c r="J4" s="496"/>
      <c r="K4" s="504"/>
      <c r="L4" s="498" t="s">
        <v>52</v>
      </c>
      <c r="M4" s="500" t="s">
        <v>61</v>
      </c>
      <c r="N4" s="496"/>
      <c r="O4" s="497"/>
      <c r="P4" s="495" t="s">
        <v>62</v>
      </c>
      <c r="Q4" s="496"/>
      <c r="R4" s="496"/>
      <c r="S4" s="496"/>
      <c r="T4" s="496"/>
      <c r="U4" s="496"/>
      <c r="V4" s="497"/>
      <c r="W4" s="498" t="s">
        <v>52</v>
      </c>
      <c r="X4" s="500" t="s">
        <v>61</v>
      </c>
      <c r="Y4" s="496"/>
      <c r="Z4" s="497"/>
      <c r="AA4" s="495" t="s">
        <v>62</v>
      </c>
      <c r="AB4" s="496"/>
      <c r="AC4" s="496"/>
      <c r="AD4" s="496"/>
      <c r="AE4" s="496"/>
      <c r="AF4" s="496"/>
      <c r="AG4" s="497"/>
      <c r="AH4" s="498" t="s">
        <v>52</v>
      </c>
      <c r="AI4" s="500" t="s">
        <v>61</v>
      </c>
      <c r="AJ4" s="496"/>
      <c r="AK4" s="497"/>
      <c r="AL4" s="495" t="s">
        <v>62</v>
      </c>
      <c r="AM4" s="496"/>
      <c r="AN4" s="496"/>
      <c r="AO4" s="496"/>
      <c r="AP4" s="496"/>
      <c r="AQ4" s="496"/>
      <c r="AR4" s="497"/>
      <c r="AS4" s="498" t="s">
        <v>52</v>
      </c>
      <c r="AT4" s="523" t="s">
        <v>61</v>
      </c>
      <c r="AU4" s="521"/>
      <c r="AV4" s="522"/>
      <c r="AW4" s="520" t="s">
        <v>62</v>
      </c>
      <c r="AX4" s="521"/>
      <c r="AY4" s="521"/>
      <c r="AZ4" s="521"/>
      <c r="BA4" s="521"/>
      <c r="BB4" s="521"/>
      <c r="BC4" s="522"/>
      <c r="BD4" s="518" t="s">
        <v>52</v>
      </c>
      <c r="BE4" s="523" t="s">
        <v>61</v>
      </c>
      <c r="BF4" s="521"/>
      <c r="BG4" s="522"/>
      <c r="BH4" s="520" t="s">
        <v>62</v>
      </c>
      <c r="BI4" s="521"/>
      <c r="BJ4" s="521"/>
      <c r="BK4" s="521"/>
      <c r="BL4" s="521"/>
      <c r="BM4" s="521"/>
      <c r="BN4" s="522"/>
      <c r="BO4" s="518" t="s">
        <v>52</v>
      </c>
      <c r="BP4" s="523" t="s">
        <v>61</v>
      </c>
      <c r="BQ4" s="521"/>
      <c r="BR4" s="522"/>
      <c r="BS4" s="520" t="s">
        <v>62</v>
      </c>
      <c r="BT4" s="521"/>
      <c r="BU4" s="521"/>
      <c r="BV4" s="521"/>
      <c r="BW4" s="521"/>
      <c r="BX4" s="521"/>
      <c r="BY4" s="522"/>
      <c r="BZ4" s="518" t="s">
        <v>52</v>
      </c>
      <c r="CA4" s="523" t="s">
        <v>61</v>
      </c>
      <c r="CB4" s="521"/>
      <c r="CC4" s="522"/>
      <c r="CD4" s="520" t="s">
        <v>62</v>
      </c>
      <c r="CE4" s="521"/>
      <c r="CF4" s="521"/>
      <c r="CG4" s="521"/>
      <c r="CH4" s="521"/>
      <c r="CI4" s="521"/>
      <c r="CJ4" s="522"/>
      <c r="CK4" s="518" t="s">
        <v>52</v>
      </c>
      <c r="CL4" s="523" t="s">
        <v>61</v>
      </c>
      <c r="CM4" s="521"/>
      <c r="CN4" s="522"/>
      <c r="CO4" s="520" t="s">
        <v>62</v>
      </c>
      <c r="CP4" s="521"/>
      <c r="CQ4" s="521"/>
      <c r="CR4" s="521"/>
      <c r="CS4" s="521"/>
      <c r="CT4" s="521"/>
      <c r="CU4" s="522"/>
      <c r="CV4" s="518" t="s">
        <v>52</v>
      </c>
    </row>
    <row r="5" spans="1:100" ht="34.5" customHeight="1" thickBot="1" x14ac:dyDescent="0.25">
      <c r="A5" s="503"/>
      <c r="B5" s="233" t="s">
        <v>43</v>
      </c>
      <c r="C5" s="181" t="s">
        <v>44</v>
      </c>
      <c r="D5" s="182" t="s">
        <v>45</v>
      </c>
      <c r="E5" s="183" t="s">
        <v>83</v>
      </c>
      <c r="F5" s="175" t="s">
        <v>47</v>
      </c>
      <c r="G5" s="175" t="s">
        <v>48</v>
      </c>
      <c r="H5" s="175" t="s">
        <v>49</v>
      </c>
      <c r="I5" s="175" t="s">
        <v>50</v>
      </c>
      <c r="J5" s="175" t="s">
        <v>51</v>
      </c>
      <c r="K5" s="184" t="s">
        <v>45</v>
      </c>
      <c r="L5" s="499"/>
      <c r="M5" s="233" t="s">
        <v>43</v>
      </c>
      <c r="N5" s="175" t="s">
        <v>44</v>
      </c>
      <c r="O5" s="181" t="s">
        <v>45</v>
      </c>
      <c r="P5" s="183" t="s">
        <v>83</v>
      </c>
      <c r="Q5" s="175" t="s">
        <v>47</v>
      </c>
      <c r="R5" s="175" t="s">
        <v>48</v>
      </c>
      <c r="S5" s="175" t="s">
        <v>49</v>
      </c>
      <c r="T5" s="175" t="s">
        <v>50</v>
      </c>
      <c r="U5" s="175" t="s">
        <v>51</v>
      </c>
      <c r="V5" s="181" t="s">
        <v>45</v>
      </c>
      <c r="W5" s="499"/>
      <c r="X5" s="233" t="s">
        <v>43</v>
      </c>
      <c r="Y5" s="175" t="s">
        <v>44</v>
      </c>
      <c r="Z5" s="181" t="s">
        <v>45</v>
      </c>
      <c r="AA5" s="183" t="s">
        <v>83</v>
      </c>
      <c r="AB5" s="175" t="s">
        <v>47</v>
      </c>
      <c r="AC5" s="175" t="s">
        <v>48</v>
      </c>
      <c r="AD5" s="175" t="s">
        <v>49</v>
      </c>
      <c r="AE5" s="175" t="s">
        <v>50</v>
      </c>
      <c r="AF5" s="175" t="s">
        <v>51</v>
      </c>
      <c r="AG5" s="181" t="s">
        <v>45</v>
      </c>
      <c r="AH5" s="499"/>
      <c r="AI5" s="233" t="s">
        <v>43</v>
      </c>
      <c r="AJ5" s="175" t="s">
        <v>44</v>
      </c>
      <c r="AK5" s="181" t="s">
        <v>45</v>
      </c>
      <c r="AL5" s="183" t="s">
        <v>83</v>
      </c>
      <c r="AM5" s="175" t="s">
        <v>47</v>
      </c>
      <c r="AN5" s="175" t="s">
        <v>48</v>
      </c>
      <c r="AO5" s="175" t="s">
        <v>49</v>
      </c>
      <c r="AP5" s="175" t="s">
        <v>50</v>
      </c>
      <c r="AQ5" s="175" t="s">
        <v>51</v>
      </c>
      <c r="AR5" s="181" t="s">
        <v>45</v>
      </c>
      <c r="AS5" s="499"/>
      <c r="AT5" s="233" t="s">
        <v>43</v>
      </c>
      <c r="AU5" s="175" t="s">
        <v>44</v>
      </c>
      <c r="AV5" s="181" t="s">
        <v>45</v>
      </c>
      <c r="AW5" s="183" t="s">
        <v>83</v>
      </c>
      <c r="AX5" s="175" t="s">
        <v>47</v>
      </c>
      <c r="AY5" s="175" t="s">
        <v>48</v>
      </c>
      <c r="AZ5" s="175" t="s">
        <v>49</v>
      </c>
      <c r="BA5" s="175" t="s">
        <v>50</v>
      </c>
      <c r="BB5" s="175" t="s">
        <v>51</v>
      </c>
      <c r="BC5" s="181" t="s">
        <v>45</v>
      </c>
      <c r="BD5" s="519"/>
      <c r="BE5" s="233" t="s">
        <v>43</v>
      </c>
      <c r="BF5" s="175" t="s">
        <v>44</v>
      </c>
      <c r="BG5" s="181" t="s">
        <v>45</v>
      </c>
      <c r="BH5" s="183" t="s">
        <v>83</v>
      </c>
      <c r="BI5" s="175" t="s">
        <v>47</v>
      </c>
      <c r="BJ5" s="175" t="s">
        <v>48</v>
      </c>
      <c r="BK5" s="175" t="s">
        <v>49</v>
      </c>
      <c r="BL5" s="175" t="s">
        <v>50</v>
      </c>
      <c r="BM5" s="175" t="s">
        <v>51</v>
      </c>
      <c r="BN5" s="181" t="s">
        <v>45</v>
      </c>
      <c r="BO5" s="519"/>
      <c r="BP5" s="233" t="s">
        <v>43</v>
      </c>
      <c r="BQ5" s="175" t="s">
        <v>44</v>
      </c>
      <c r="BR5" s="181" t="s">
        <v>45</v>
      </c>
      <c r="BS5" s="183" t="s">
        <v>83</v>
      </c>
      <c r="BT5" s="175" t="s">
        <v>47</v>
      </c>
      <c r="BU5" s="175" t="s">
        <v>48</v>
      </c>
      <c r="BV5" s="175" t="s">
        <v>49</v>
      </c>
      <c r="BW5" s="175" t="s">
        <v>50</v>
      </c>
      <c r="BX5" s="175" t="s">
        <v>51</v>
      </c>
      <c r="BY5" s="181" t="s">
        <v>45</v>
      </c>
      <c r="BZ5" s="519"/>
      <c r="CA5" s="233" t="s">
        <v>43</v>
      </c>
      <c r="CB5" s="175" t="s">
        <v>44</v>
      </c>
      <c r="CC5" s="181" t="s">
        <v>45</v>
      </c>
      <c r="CD5" s="183" t="s">
        <v>83</v>
      </c>
      <c r="CE5" s="175" t="s">
        <v>47</v>
      </c>
      <c r="CF5" s="175" t="s">
        <v>48</v>
      </c>
      <c r="CG5" s="175" t="s">
        <v>49</v>
      </c>
      <c r="CH5" s="175" t="s">
        <v>50</v>
      </c>
      <c r="CI5" s="175" t="s">
        <v>51</v>
      </c>
      <c r="CJ5" s="181" t="s">
        <v>45</v>
      </c>
      <c r="CK5" s="519"/>
      <c r="CL5" s="233" t="s">
        <v>43</v>
      </c>
      <c r="CM5" s="175" t="s">
        <v>44</v>
      </c>
      <c r="CN5" s="181" t="s">
        <v>45</v>
      </c>
      <c r="CO5" s="183" t="s">
        <v>83</v>
      </c>
      <c r="CP5" s="175" t="s">
        <v>47</v>
      </c>
      <c r="CQ5" s="175" t="s">
        <v>48</v>
      </c>
      <c r="CR5" s="175" t="s">
        <v>49</v>
      </c>
      <c r="CS5" s="175" t="s">
        <v>50</v>
      </c>
      <c r="CT5" s="175" t="s">
        <v>51</v>
      </c>
      <c r="CU5" s="181" t="s">
        <v>45</v>
      </c>
      <c r="CV5" s="519"/>
    </row>
    <row r="6" spans="1:100" ht="21" customHeight="1" x14ac:dyDescent="0.2">
      <c r="A6" s="176" t="s">
        <v>4</v>
      </c>
      <c r="B6" s="185">
        <v>0</v>
      </c>
      <c r="C6" s="186">
        <v>0</v>
      </c>
      <c r="D6" s="187">
        <v>0</v>
      </c>
      <c r="E6" s="188">
        <v>0</v>
      </c>
      <c r="F6" s="189">
        <v>23</v>
      </c>
      <c r="G6" s="189">
        <v>40</v>
      </c>
      <c r="H6" s="189">
        <v>14</v>
      </c>
      <c r="I6" s="189">
        <v>29</v>
      </c>
      <c r="J6" s="189">
        <v>19</v>
      </c>
      <c r="K6" s="190">
        <v>125</v>
      </c>
      <c r="L6" s="191">
        <v>125</v>
      </c>
      <c r="M6" s="185">
        <v>0</v>
      </c>
      <c r="N6" s="189">
        <v>0</v>
      </c>
      <c r="O6" s="186">
        <v>0</v>
      </c>
      <c r="P6" s="188">
        <v>0</v>
      </c>
      <c r="Q6" s="189">
        <v>9</v>
      </c>
      <c r="R6" s="189">
        <v>27</v>
      </c>
      <c r="S6" s="189">
        <v>37</v>
      </c>
      <c r="T6" s="189">
        <v>30</v>
      </c>
      <c r="U6" s="189">
        <v>25</v>
      </c>
      <c r="V6" s="186">
        <v>128</v>
      </c>
      <c r="W6" s="191">
        <v>128</v>
      </c>
      <c r="X6" s="185">
        <v>0</v>
      </c>
      <c r="Y6" s="189">
        <v>0</v>
      </c>
      <c r="Z6" s="186">
        <v>0</v>
      </c>
      <c r="AA6" s="188">
        <v>0</v>
      </c>
      <c r="AB6" s="189">
        <v>783</v>
      </c>
      <c r="AC6" s="189">
        <v>634</v>
      </c>
      <c r="AD6" s="189">
        <v>284</v>
      </c>
      <c r="AE6" s="189">
        <v>152</v>
      </c>
      <c r="AF6" s="189">
        <v>55</v>
      </c>
      <c r="AG6" s="186">
        <v>1908</v>
      </c>
      <c r="AH6" s="191">
        <v>1908</v>
      </c>
      <c r="AI6" s="185">
        <v>0</v>
      </c>
      <c r="AJ6" s="189">
        <v>0</v>
      </c>
      <c r="AK6" s="186">
        <v>0</v>
      </c>
      <c r="AL6" s="188">
        <v>0</v>
      </c>
      <c r="AM6" s="189">
        <v>47</v>
      </c>
      <c r="AN6" s="189">
        <v>64</v>
      </c>
      <c r="AO6" s="189">
        <v>61</v>
      </c>
      <c r="AP6" s="189">
        <v>26</v>
      </c>
      <c r="AQ6" s="189">
        <v>30</v>
      </c>
      <c r="AR6" s="186">
        <v>228</v>
      </c>
      <c r="AS6" s="191">
        <v>228</v>
      </c>
      <c r="AT6" s="185">
        <v>18</v>
      </c>
      <c r="AU6" s="189">
        <v>13</v>
      </c>
      <c r="AV6" s="186">
        <v>31</v>
      </c>
      <c r="AW6" s="188">
        <v>0</v>
      </c>
      <c r="AX6" s="189">
        <v>68</v>
      </c>
      <c r="AY6" s="189">
        <v>52</v>
      </c>
      <c r="AZ6" s="189">
        <v>60</v>
      </c>
      <c r="BA6" s="189">
        <v>43</v>
      </c>
      <c r="BB6" s="189">
        <v>16</v>
      </c>
      <c r="BC6" s="186">
        <v>239</v>
      </c>
      <c r="BD6" s="191">
        <v>270</v>
      </c>
      <c r="BE6" s="185">
        <v>0</v>
      </c>
      <c r="BF6" s="189">
        <v>0</v>
      </c>
      <c r="BG6" s="186">
        <v>0</v>
      </c>
      <c r="BH6" s="188">
        <v>0</v>
      </c>
      <c r="BI6" s="189">
        <v>74</v>
      </c>
      <c r="BJ6" s="189">
        <v>113</v>
      </c>
      <c r="BK6" s="189">
        <v>134</v>
      </c>
      <c r="BL6" s="189">
        <v>91</v>
      </c>
      <c r="BM6" s="189">
        <v>53</v>
      </c>
      <c r="BN6" s="190">
        <v>465</v>
      </c>
      <c r="BO6" s="191">
        <v>465</v>
      </c>
      <c r="BP6" s="185">
        <v>0</v>
      </c>
      <c r="BQ6" s="189">
        <v>0</v>
      </c>
      <c r="BR6" s="186">
        <v>0</v>
      </c>
      <c r="BS6" s="188">
        <v>0</v>
      </c>
      <c r="BT6" s="189">
        <v>2</v>
      </c>
      <c r="BU6" s="189">
        <v>8</v>
      </c>
      <c r="BV6" s="189">
        <v>9</v>
      </c>
      <c r="BW6" s="189">
        <v>7</v>
      </c>
      <c r="BX6" s="189">
        <v>8</v>
      </c>
      <c r="BY6" s="186">
        <v>34</v>
      </c>
      <c r="BZ6" s="191">
        <v>34</v>
      </c>
      <c r="CA6" s="185">
        <v>0</v>
      </c>
      <c r="CB6" s="189">
        <v>0</v>
      </c>
      <c r="CC6" s="186">
        <v>0</v>
      </c>
      <c r="CD6" s="188">
        <v>0</v>
      </c>
      <c r="CE6" s="189">
        <v>1</v>
      </c>
      <c r="CF6" s="189">
        <v>2</v>
      </c>
      <c r="CG6" s="189">
        <v>8</v>
      </c>
      <c r="CH6" s="189">
        <v>17</v>
      </c>
      <c r="CI6" s="189">
        <v>7</v>
      </c>
      <c r="CJ6" s="186">
        <v>35</v>
      </c>
      <c r="CK6" s="191">
        <v>35</v>
      </c>
      <c r="CL6" s="185">
        <v>0</v>
      </c>
      <c r="CM6" s="189">
        <v>0</v>
      </c>
      <c r="CN6" s="186">
        <v>0</v>
      </c>
      <c r="CO6" s="188">
        <v>0</v>
      </c>
      <c r="CP6" s="189">
        <v>5</v>
      </c>
      <c r="CQ6" s="189">
        <v>18</v>
      </c>
      <c r="CR6" s="189">
        <v>13</v>
      </c>
      <c r="CS6" s="189">
        <v>24</v>
      </c>
      <c r="CT6" s="189">
        <v>26</v>
      </c>
      <c r="CU6" s="186">
        <v>86</v>
      </c>
      <c r="CV6" s="191">
        <v>86</v>
      </c>
    </row>
    <row r="7" spans="1:100" ht="21" customHeight="1" x14ac:dyDescent="0.2">
      <c r="A7" s="177" t="s">
        <v>5</v>
      </c>
      <c r="B7" s="192">
        <v>0</v>
      </c>
      <c r="C7" s="193">
        <v>0</v>
      </c>
      <c r="D7" s="194">
        <v>0</v>
      </c>
      <c r="E7" s="195">
        <v>0</v>
      </c>
      <c r="F7" s="196">
        <v>9</v>
      </c>
      <c r="G7" s="196">
        <v>23</v>
      </c>
      <c r="H7" s="196">
        <v>8</v>
      </c>
      <c r="I7" s="196">
        <v>10</v>
      </c>
      <c r="J7" s="196">
        <v>4</v>
      </c>
      <c r="K7" s="197">
        <v>54</v>
      </c>
      <c r="L7" s="198">
        <v>54</v>
      </c>
      <c r="M7" s="192">
        <v>0</v>
      </c>
      <c r="N7" s="196">
        <v>0</v>
      </c>
      <c r="O7" s="193">
        <v>0</v>
      </c>
      <c r="P7" s="195">
        <v>0</v>
      </c>
      <c r="Q7" s="196">
        <v>6</v>
      </c>
      <c r="R7" s="196">
        <v>23</v>
      </c>
      <c r="S7" s="196">
        <v>28</v>
      </c>
      <c r="T7" s="196">
        <v>20</v>
      </c>
      <c r="U7" s="196">
        <v>14</v>
      </c>
      <c r="V7" s="193">
        <v>91</v>
      </c>
      <c r="W7" s="198">
        <v>91</v>
      </c>
      <c r="X7" s="192">
        <v>0</v>
      </c>
      <c r="Y7" s="196">
        <v>0</v>
      </c>
      <c r="Z7" s="193">
        <v>0</v>
      </c>
      <c r="AA7" s="195">
        <v>0</v>
      </c>
      <c r="AB7" s="196">
        <v>285</v>
      </c>
      <c r="AC7" s="196">
        <v>317</v>
      </c>
      <c r="AD7" s="196">
        <v>121</v>
      </c>
      <c r="AE7" s="196">
        <v>66</v>
      </c>
      <c r="AF7" s="196">
        <v>27</v>
      </c>
      <c r="AG7" s="193">
        <v>816</v>
      </c>
      <c r="AH7" s="198">
        <v>816</v>
      </c>
      <c r="AI7" s="192">
        <v>0</v>
      </c>
      <c r="AJ7" s="196">
        <v>0</v>
      </c>
      <c r="AK7" s="193">
        <v>0</v>
      </c>
      <c r="AL7" s="195">
        <v>0</v>
      </c>
      <c r="AM7" s="196">
        <v>25</v>
      </c>
      <c r="AN7" s="196">
        <v>39</v>
      </c>
      <c r="AO7" s="196">
        <v>28</v>
      </c>
      <c r="AP7" s="196">
        <v>16</v>
      </c>
      <c r="AQ7" s="196">
        <v>20</v>
      </c>
      <c r="AR7" s="193">
        <v>128</v>
      </c>
      <c r="AS7" s="198">
        <v>128</v>
      </c>
      <c r="AT7" s="192">
        <v>10</v>
      </c>
      <c r="AU7" s="196">
        <v>5</v>
      </c>
      <c r="AV7" s="193">
        <v>15</v>
      </c>
      <c r="AW7" s="195">
        <v>0</v>
      </c>
      <c r="AX7" s="196">
        <v>28</v>
      </c>
      <c r="AY7" s="196">
        <v>17</v>
      </c>
      <c r="AZ7" s="196">
        <v>29</v>
      </c>
      <c r="BA7" s="196">
        <v>20</v>
      </c>
      <c r="BB7" s="196">
        <v>8</v>
      </c>
      <c r="BC7" s="193">
        <v>102</v>
      </c>
      <c r="BD7" s="198">
        <v>117</v>
      </c>
      <c r="BE7" s="192">
        <v>0</v>
      </c>
      <c r="BF7" s="196">
        <v>0</v>
      </c>
      <c r="BG7" s="193">
        <v>0</v>
      </c>
      <c r="BH7" s="195">
        <v>0</v>
      </c>
      <c r="BI7" s="196">
        <v>26</v>
      </c>
      <c r="BJ7" s="196">
        <v>41</v>
      </c>
      <c r="BK7" s="196">
        <v>62</v>
      </c>
      <c r="BL7" s="196">
        <v>30</v>
      </c>
      <c r="BM7" s="196">
        <v>16</v>
      </c>
      <c r="BN7" s="197">
        <v>175</v>
      </c>
      <c r="BO7" s="198">
        <v>175</v>
      </c>
      <c r="BP7" s="192">
        <v>0</v>
      </c>
      <c r="BQ7" s="196">
        <v>0</v>
      </c>
      <c r="BR7" s="193">
        <v>0</v>
      </c>
      <c r="BS7" s="195">
        <v>0</v>
      </c>
      <c r="BT7" s="196">
        <v>0</v>
      </c>
      <c r="BU7" s="196">
        <v>0</v>
      </c>
      <c r="BV7" s="196">
        <v>0</v>
      </c>
      <c r="BW7" s="196">
        <v>0</v>
      </c>
      <c r="BX7" s="196">
        <v>0</v>
      </c>
      <c r="BY7" s="193">
        <v>0</v>
      </c>
      <c r="BZ7" s="198">
        <v>0</v>
      </c>
      <c r="CA7" s="192">
        <v>0</v>
      </c>
      <c r="CB7" s="196">
        <v>0</v>
      </c>
      <c r="CC7" s="193">
        <v>0</v>
      </c>
      <c r="CD7" s="195">
        <v>0</v>
      </c>
      <c r="CE7" s="196">
        <v>0</v>
      </c>
      <c r="CF7" s="196">
        <v>0</v>
      </c>
      <c r="CG7" s="196">
        <v>0</v>
      </c>
      <c r="CH7" s="196">
        <v>2</v>
      </c>
      <c r="CI7" s="196">
        <v>0</v>
      </c>
      <c r="CJ7" s="193">
        <v>2</v>
      </c>
      <c r="CK7" s="198">
        <v>2</v>
      </c>
      <c r="CL7" s="192">
        <v>0</v>
      </c>
      <c r="CM7" s="196">
        <v>0</v>
      </c>
      <c r="CN7" s="193">
        <v>0</v>
      </c>
      <c r="CO7" s="195">
        <v>0</v>
      </c>
      <c r="CP7" s="196">
        <v>1</v>
      </c>
      <c r="CQ7" s="196">
        <v>6</v>
      </c>
      <c r="CR7" s="196">
        <v>5</v>
      </c>
      <c r="CS7" s="196">
        <v>8</v>
      </c>
      <c r="CT7" s="196">
        <v>13</v>
      </c>
      <c r="CU7" s="193">
        <v>33</v>
      </c>
      <c r="CV7" s="198">
        <v>33</v>
      </c>
    </row>
    <row r="8" spans="1:100" ht="21" customHeight="1" x14ac:dyDescent="0.2">
      <c r="A8" s="177" t="s">
        <v>6</v>
      </c>
      <c r="B8" s="192">
        <v>0</v>
      </c>
      <c r="C8" s="193">
        <v>0</v>
      </c>
      <c r="D8" s="194">
        <v>0</v>
      </c>
      <c r="E8" s="195">
        <v>0</v>
      </c>
      <c r="F8" s="196">
        <v>9</v>
      </c>
      <c r="G8" s="196">
        <v>7</v>
      </c>
      <c r="H8" s="196">
        <v>3</v>
      </c>
      <c r="I8" s="196">
        <v>8</v>
      </c>
      <c r="J8" s="196">
        <v>6</v>
      </c>
      <c r="K8" s="197">
        <v>33</v>
      </c>
      <c r="L8" s="198">
        <v>33</v>
      </c>
      <c r="M8" s="192">
        <v>0</v>
      </c>
      <c r="N8" s="196">
        <v>0</v>
      </c>
      <c r="O8" s="193">
        <v>0</v>
      </c>
      <c r="P8" s="195">
        <v>0</v>
      </c>
      <c r="Q8" s="196">
        <v>2</v>
      </c>
      <c r="R8" s="196">
        <v>4</v>
      </c>
      <c r="S8" s="196">
        <v>7</v>
      </c>
      <c r="T8" s="196">
        <v>8</v>
      </c>
      <c r="U8" s="196">
        <v>9</v>
      </c>
      <c r="V8" s="193">
        <v>30</v>
      </c>
      <c r="W8" s="198">
        <v>30</v>
      </c>
      <c r="X8" s="192">
        <v>0</v>
      </c>
      <c r="Y8" s="196">
        <v>0</v>
      </c>
      <c r="Z8" s="193">
        <v>0</v>
      </c>
      <c r="AA8" s="195">
        <v>0</v>
      </c>
      <c r="AB8" s="196">
        <v>147</v>
      </c>
      <c r="AC8" s="196">
        <v>78</v>
      </c>
      <c r="AD8" s="196">
        <v>47</v>
      </c>
      <c r="AE8" s="196">
        <v>22</v>
      </c>
      <c r="AF8" s="196">
        <v>10</v>
      </c>
      <c r="AG8" s="193">
        <v>304</v>
      </c>
      <c r="AH8" s="198">
        <v>304</v>
      </c>
      <c r="AI8" s="192">
        <v>0</v>
      </c>
      <c r="AJ8" s="196">
        <v>0</v>
      </c>
      <c r="AK8" s="193">
        <v>0</v>
      </c>
      <c r="AL8" s="195">
        <v>0</v>
      </c>
      <c r="AM8" s="196">
        <v>11</v>
      </c>
      <c r="AN8" s="196">
        <v>14</v>
      </c>
      <c r="AO8" s="196">
        <v>17</v>
      </c>
      <c r="AP8" s="196">
        <v>4</v>
      </c>
      <c r="AQ8" s="196">
        <v>5</v>
      </c>
      <c r="AR8" s="193">
        <v>51</v>
      </c>
      <c r="AS8" s="198">
        <v>51</v>
      </c>
      <c r="AT8" s="192">
        <v>2</v>
      </c>
      <c r="AU8" s="196">
        <v>4</v>
      </c>
      <c r="AV8" s="193">
        <v>6</v>
      </c>
      <c r="AW8" s="195">
        <v>0</v>
      </c>
      <c r="AX8" s="196">
        <v>14</v>
      </c>
      <c r="AY8" s="196">
        <v>9</v>
      </c>
      <c r="AZ8" s="196">
        <v>10</v>
      </c>
      <c r="BA8" s="196">
        <v>5</v>
      </c>
      <c r="BB8" s="196">
        <v>1</v>
      </c>
      <c r="BC8" s="193">
        <v>39</v>
      </c>
      <c r="BD8" s="198">
        <v>45</v>
      </c>
      <c r="BE8" s="192">
        <v>0</v>
      </c>
      <c r="BF8" s="196">
        <v>0</v>
      </c>
      <c r="BG8" s="193">
        <v>0</v>
      </c>
      <c r="BH8" s="195">
        <v>0</v>
      </c>
      <c r="BI8" s="196">
        <v>17</v>
      </c>
      <c r="BJ8" s="196">
        <v>28</v>
      </c>
      <c r="BK8" s="196">
        <v>28</v>
      </c>
      <c r="BL8" s="196">
        <v>14</v>
      </c>
      <c r="BM8" s="196">
        <v>13</v>
      </c>
      <c r="BN8" s="197">
        <v>100</v>
      </c>
      <c r="BO8" s="198">
        <v>100</v>
      </c>
      <c r="BP8" s="192">
        <v>0</v>
      </c>
      <c r="BQ8" s="196">
        <v>0</v>
      </c>
      <c r="BR8" s="193">
        <v>0</v>
      </c>
      <c r="BS8" s="195">
        <v>0</v>
      </c>
      <c r="BT8" s="196">
        <v>0</v>
      </c>
      <c r="BU8" s="196">
        <v>0</v>
      </c>
      <c r="BV8" s="196">
        <v>0</v>
      </c>
      <c r="BW8" s="196">
        <v>0</v>
      </c>
      <c r="BX8" s="196">
        <v>0</v>
      </c>
      <c r="BY8" s="193">
        <v>0</v>
      </c>
      <c r="BZ8" s="198">
        <v>0</v>
      </c>
      <c r="CA8" s="192">
        <v>0</v>
      </c>
      <c r="CB8" s="196">
        <v>0</v>
      </c>
      <c r="CC8" s="193">
        <v>0</v>
      </c>
      <c r="CD8" s="195">
        <v>0</v>
      </c>
      <c r="CE8" s="196">
        <v>1</v>
      </c>
      <c r="CF8" s="196">
        <v>0</v>
      </c>
      <c r="CG8" s="196">
        <v>5</v>
      </c>
      <c r="CH8" s="196">
        <v>8</v>
      </c>
      <c r="CI8" s="196">
        <v>1</v>
      </c>
      <c r="CJ8" s="193">
        <v>15</v>
      </c>
      <c r="CK8" s="198">
        <v>15</v>
      </c>
      <c r="CL8" s="192">
        <v>0</v>
      </c>
      <c r="CM8" s="196">
        <v>0</v>
      </c>
      <c r="CN8" s="193">
        <v>0</v>
      </c>
      <c r="CO8" s="195">
        <v>0</v>
      </c>
      <c r="CP8" s="196">
        <v>3</v>
      </c>
      <c r="CQ8" s="196">
        <v>7</v>
      </c>
      <c r="CR8" s="196">
        <v>3</v>
      </c>
      <c r="CS8" s="196">
        <v>6</v>
      </c>
      <c r="CT8" s="196">
        <v>5</v>
      </c>
      <c r="CU8" s="193">
        <v>24</v>
      </c>
      <c r="CV8" s="198">
        <v>24</v>
      </c>
    </row>
    <row r="9" spans="1:100" ht="21" customHeight="1" x14ac:dyDescent="0.2">
      <c r="A9" s="177" t="s">
        <v>14</v>
      </c>
      <c r="B9" s="192">
        <v>0</v>
      </c>
      <c r="C9" s="193">
        <v>0</v>
      </c>
      <c r="D9" s="194">
        <v>0</v>
      </c>
      <c r="E9" s="195">
        <v>0</v>
      </c>
      <c r="F9" s="196">
        <v>0</v>
      </c>
      <c r="G9" s="196">
        <v>1</v>
      </c>
      <c r="H9" s="196">
        <v>1</v>
      </c>
      <c r="I9" s="196">
        <v>1</v>
      </c>
      <c r="J9" s="196">
        <v>3</v>
      </c>
      <c r="K9" s="197">
        <v>6</v>
      </c>
      <c r="L9" s="198">
        <v>6</v>
      </c>
      <c r="M9" s="192">
        <v>0</v>
      </c>
      <c r="N9" s="196">
        <v>0</v>
      </c>
      <c r="O9" s="193">
        <v>0</v>
      </c>
      <c r="P9" s="195">
        <v>0</v>
      </c>
      <c r="Q9" s="196">
        <v>0</v>
      </c>
      <c r="R9" s="196">
        <v>0</v>
      </c>
      <c r="S9" s="196">
        <v>0</v>
      </c>
      <c r="T9" s="196">
        <v>1</v>
      </c>
      <c r="U9" s="196">
        <v>0</v>
      </c>
      <c r="V9" s="193">
        <v>1</v>
      </c>
      <c r="W9" s="198">
        <v>1</v>
      </c>
      <c r="X9" s="192">
        <v>0</v>
      </c>
      <c r="Y9" s="196">
        <v>0</v>
      </c>
      <c r="Z9" s="193">
        <v>0</v>
      </c>
      <c r="AA9" s="195">
        <v>0</v>
      </c>
      <c r="AB9" s="196">
        <v>48</v>
      </c>
      <c r="AC9" s="196">
        <v>44</v>
      </c>
      <c r="AD9" s="196">
        <v>18</v>
      </c>
      <c r="AE9" s="196">
        <v>6</v>
      </c>
      <c r="AF9" s="196">
        <v>3</v>
      </c>
      <c r="AG9" s="193">
        <v>119</v>
      </c>
      <c r="AH9" s="198">
        <v>119</v>
      </c>
      <c r="AI9" s="192">
        <v>0</v>
      </c>
      <c r="AJ9" s="196">
        <v>0</v>
      </c>
      <c r="AK9" s="193">
        <v>0</v>
      </c>
      <c r="AL9" s="195">
        <v>0</v>
      </c>
      <c r="AM9" s="196">
        <v>1</v>
      </c>
      <c r="AN9" s="196">
        <v>1</v>
      </c>
      <c r="AO9" s="196">
        <v>1</v>
      </c>
      <c r="AP9" s="196">
        <v>1</v>
      </c>
      <c r="AQ9" s="196">
        <v>1</v>
      </c>
      <c r="AR9" s="193">
        <v>5</v>
      </c>
      <c r="AS9" s="198">
        <v>5</v>
      </c>
      <c r="AT9" s="192">
        <v>0</v>
      </c>
      <c r="AU9" s="196">
        <v>0</v>
      </c>
      <c r="AV9" s="193">
        <v>0</v>
      </c>
      <c r="AW9" s="195">
        <v>0</v>
      </c>
      <c r="AX9" s="196">
        <v>3</v>
      </c>
      <c r="AY9" s="196">
        <v>5</v>
      </c>
      <c r="AZ9" s="196">
        <v>5</v>
      </c>
      <c r="BA9" s="196">
        <v>1</v>
      </c>
      <c r="BB9" s="196">
        <v>1</v>
      </c>
      <c r="BC9" s="193">
        <v>15</v>
      </c>
      <c r="BD9" s="198">
        <v>15</v>
      </c>
      <c r="BE9" s="192">
        <v>0</v>
      </c>
      <c r="BF9" s="196">
        <v>0</v>
      </c>
      <c r="BG9" s="193">
        <v>0</v>
      </c>
      <c r="BH9" s="195">
        <v>0</v>
      </c>
      <c r="BI9" s="196">
        <v>9</v>
      </c>
      <c r="BJ9" s="196">
        <v>7</v>
      </c>
      <c r="BK9" s="196">
        <v>10</v>
      </c>
      <c r="BL9" s="196">
        <v>9</v>
      </c>
      <c r="BM9" s="196">
        <v>3</v>
      </c>
      <c r="BN9" s="197">
        <v>38</v>
      </c>
      <c r="BO9" s="198">
        <v>38</v>
      </c>
      <c r="BP9" s="192">
        <v>0</v>
      </c>
      <c r="BQ9" s="196">
        <v>0</v>
      </c>
      <c r="BR9" s="193">
        <v>0</v>
      </c>
      <c r="BS9" s="195">
        <v>0</v>
      </c>
      <c r="BT9" s="196">
        <v>0</v>
      </c>
      <c r="BU9" s="196">
        <v>0</v>
      </c>
      <c r="BV9" s="196">
        <v>0</v>
      </c>
      <c r="BW9" s="196">
        <v>0</v>
      </c>
      <c r="BX9" s="196">
        <v>0</v>
      </c>
      <c r="BY9" s="193">
        <v>0</v>
      </c>
      <c r="BZ9" s="198">
        <v>0</v>
      </c>
      <c r="CA9" s="192">
        <v>0</v>
      </c>
      <c r="CB9" s="196">
        <v>0</v>
      </c>
      <c r="CC9" s="193">
        <v>0</v>
      </c>
      <c r="CD9" s="195">
        <v>0</v>
      </c>
      <c r="CE9" s="196">
        <v>0</v>
      </c>
      <c r="CF9" s="196">
        <v>1</v>
      </c>
      <c r="CG9" s="196">
        <v>0</v>
      </c>
      <c r="CH9" s="196">
        <v>0</v>
      </c>
      <c r="CI9" s="196">
        <v>0</v>
      </c>
      <c r="CJ9" s="193">
        <v>1</v>
      </c>
      <c r="CK9" s="198">
        <v>1</v>
      </c>
      <c r="CL9" s="192">
        <v>0</v>
      </c>
      <c r="CM9" s="196">
        <v>0</v>
      </c>
      <c r="CN9" s="193">
        <v>0</v>
      </c>
      <c r="CO9" s="195">
        <v>0</v>
      </c>
      <c r="CP9" s="196">
        <v>1</v>
      </c>
      <c r="CQ9" s="196">
        <v>2</v>
      </c>
      <c r="CR9" s="196">
        <v>0</v>
      </c>
      <c r="CS9" s="196">
        <v>1</v>
      </c>
      <c r="CT9" s="196">
        <v>0</v>
      </c>
      <c r="CU9" s="193">
        <v>4</v>
      </c>
      <c r="CV9" s="198">
        <v>4</v>
      </c>
    </row>
    <row r="10" spans="1:100" ht="21" customHeight="1" x14ac:dyDescent="0.2">
      <c r="A10" s="177" t="s">
        <v>7</v>
      </c>
      <c r="B10" s="192">
        <v>0</v>
      </c>
      <c r="C10" s="193">
        <v>0</v>
      </c>
      <c r="D10" s="194">
        <v>0</v>
      </c>
      <c r="E10" s="195">
        <v>0</v>
      </c>
      <c r="F10" s="196">
        <v>0</v>
      </c>
      <c r="G10" s="196">
        <v>0</v>
      </c>
      <c r="H10" s="196">
        <v>1</v>
      </c>
      <c r="I10" s="196">
        <v>0</v>
      </c>
      <c r="J10" s="196">
        <v>0</v>
      </c>
      <c r="K10" s="197">
        <v>1</v>
      </c>
      <c r="L10" s="198">
        <v>1</v>
      </c>
      <c r="M10" s="192">
        <v>0</v>
      </c>
      <c r="N10" s="196">
        <v>0</v>
      </c>
      <c r="O10" s="193">
        <v>0</v>
      </c>
      <c r="P10" s="195">
        <v>0</v>
      </c>
      <c r="Q10" s="196">
        <v>0</v>
      </c>
      <c r="R10" s="196">
        <v>0</v>
      </c>
      <c r="S10" s="196">
        <v>0</v>
      </c>
      <c r="T10" s="196">
        <v>0</v>
      </c>
      <c r="U10" s="196">
        <v>0</v>
      </c>
      <c r="V10" s="193">
        <v>0</v>
      </c>
      <c r="W10" s="198">
        <v>0</v>
      </c>
      <c r="X10" s="192">
        <v>0</v>
      </c>
      <c r="Y10" s="196">
        <v>0</v>
      </c>
      <c r="Z10" s="193">
        <v>0</v>
      </c>
      <c r="AA10" s="195">
        <v>0</v>
      </c>
      <c r="AB10" s="196">
        <v>25</v>
      </c>
      <c r="AC10" s="196">
        <v>19</v>
      </c>
      <c r="AD10" s="196">
        <v>12</v>
      </c>
      <c r="AE10" s="196">
        <v>5</v>
      </c>
      <c r="AF10" s="196">
        <v>1</v>
      </c>
      <c r="AG10" s="193">
        <v>62</v>
      </c>
      <c r="AH10" s="198">
        <v>62</v>
      </c>
      <c r="AI10" s="192">
        <v>0</v>
      </c>
      <c r="AJ10" s="196">
        <v>0</v>
      </c>
      <c r="AK10" s="193">
        <v>0</v>
      </c>
      <c r="AL10" s="195">
        <v>0</v>
      </c>
      <c r="AM10" s="196">
        <v>3</v>
      </c>
      <c r="AN10" s="196">
        <v>2</v>
      </c>
      <c r="AO10" s="196">
        <v>3</v>
      </c>
      <c r="AP10" s="196">
        <v>3</v>
      </c>
      <c r="AQ10" s="196">
        <v>0</v>
      </c>
      <c r="AR10" s="193">
        <v>11</v>
      </c>
      <c r="AS10" s="198">
        <v>11</v>
      </c>
      <c r="AT10" s="192">
        <v>0</v>
      </c>
      <c r="AU10" s="196">
        <v>0</v>
      </c>
      <c r="AV10" s="193">
        <v>0</v>
      </c>
      <c r="AW10" s="195">
        <v>0</v>
      </c>
      <c r="AX10" s="196">
        <v>0</v>
      </c>
      <c r="AY10" s="196">
        <v>2</v>
      </c>
      <c r="AZ10" s="196">
        <v>1</v>
      </c>
      <c r="BA10" s="196">
        <v>1</v>
      </c>
      <c r="BB10" s="196">
        <v>0</v>
      </c>
      <c r="BC10" s="193">
        <v>4</v>
      </c>
      <c r="BD10" s="198">
        <v>4</v>
      </c>
      <c r="BE10" s="192">
        <v>0</v>
      </c>
      <c r="BF10" s="196">
        <v>0</v>
      </c>
      <c r="BG10" s="193">
        <v>0</v>
      </c>
      <c r="BH10" s="195">
        <v>0</v>
      </c>
      <c r="BI10" s="196">
        <v>3</v>
      </c>
      <c r="BJ10" s="196">
        <v>2</v>
      </c>
      <c r="BK10" s="196">
        <v>7</v>
      </c>
      <c r="BL10" s="196">
        <v>2</v>
      </c>
      <c r="BM10" s="196">
        <v>1</v>
      </c>
      <c r="BN10" s="197">
        <v>15</v>
      </c>
      <c r="BO10" s="198">
        <v>15</v>
      </c>
      <c r="BP10" s="192">
        <v>0</v>
      </c>
      <c r="BQ10" s="196">
        <v>0</v>
      </c>
      <c r="BR10" s="193">
        <v>0</v>
      </c>
      <c r="BS10" s="195">
        <v>0</v>
      </c>
      <c r="BT10" s="196">
        <v>0</v>
      </c>
      <c r="BU10" s="196">
        <v>0</v>
      </c>
      <c r="BV10" s="196">
        <v>0</v>
      </c>
      <c r="BW10" s="196">
        <v>0</v>
      </c>
      <c r="BX10" s="196">
        <v>0</v>
      </c>
      <c r="BY10" s="193">
        <v>0</v>
      </c>
      <c r="BZ10" s="198">
        <v>0</v>
      </c>
      <c r="CA10" s="192">
        <v>0</v>
      </c>
      <c r="CB10" s="196">
        <v>0</v>
      </c>
      <c r="CC10" s="193">
        <v>0</v>
      </c>
      <c r="CD10" s="195">
        <v>0</v>
      </c>
      <c r="CE10" s="196">
        <v>0</v>
      </c>
      <c r="CF10" s="196">
        <v>0</v>
      </c>
      <c r="CG10" s="196">
        <v>0</v>
      </c>
      <c r="CH10" s="196">
        <v>0</v>
      </c>
      <c r="CI10" s="196">
        <v>0</v>
      </c>
      <c r="CJ10" s="193">
        <v>0</v>
      </c>
      <c r="CK10" s="198">
        <v>0</v>
      </c>
      <c r="CL10" s="192">
        <v>0</v>
      </c>
      <c r="CM10" s="196">
        <v>0</v>
      </c>
      <c r="CN10" s="193">
        <v>0</v>
      </c>
      <c r="CO10" s="195">
        <v>0</v>
      </c>
      <c r="CP10" s="196">
        <v>0</v>
      </c>
      <c r="CQ10" s="196">
        <v>0</v>
      </c>
      <c r="CR10" s="196">
        <v>0</v>
      </c>
      <c r="CS10" s="196">
        <v>1</v>
      </c>
      <c r="CT10" s="196">
        <v>1</v>
      </c>
      <c r="CU10" s="193">
        <v>2</v>
      </c>
      <c r="CV10" s="198">
        <v>2</v>
      </c>
    </row>
    <row r="11" spans="1:100" ht="21" customHeight="1" x14ac:dyDescent="0.2">
      <c r="A11" s="177" t="s">
        <v>8</v>
      </c>
      <c r="B11" s="192">
        <v>0</v>
      </c>
      <c r="C11" s="193">
        <v>0</v>
      </c>
      <c r="D11" s="194">
        <v>0</v>
      </c>
      <c r="E11" s="195">
        <v>0</v>
      </c>
      <c r="F11" s="196">
        <v>0</v>
      </c>
      <c r="G11" s="196">
        <v>1</v>
      </c>
      <c r="H11" s="196">
        <v>0</v>
      </c>
      <c r="I11" s="196">
        <v>1</v>
      </c>
      <c r="J11" s="196">
        <v>0</v>
      </c>
      <c r="K11" s="197">
        <v>2</v>
      </c>
      <c r="L11" s="198">
        <v>2</v>
      </c>
      <c r="M11" s="192">
        <v>0</v>
      </c>
      <c r="N11" s="196">
        <v>0</v>
      </c>
      <c r="O11" s="193">
        <v>0</v>
      </c>
      <c r="P11" s="195">
        <v>0</v>
      </c>
      <c r="Q11" s="196">
        <v>0</v>
      </c>
      <c r="R11" s="196">
        <v>0</v>
      </c>
      <c r="S11" s="196">
        <v>0</v>
      </c>
      <c r="T11" s="196">
        <v>0</v>
      </c>
      <c r="U11" s="196">
        <v>0</v>
      </c>
      <c r="V11" s="193">
        <v>0</v>
      </c>
      <c r="W11" s="198">
        <v>0</v>
      </c>
      <c r="X11" s="192">
        <v>0</v>
      </c>
      <c r="Y11" s="196">
        <v>0</v>
      </c>
      <c r="Z11" s="193">
        <v>0</v>
      </c>
      <c r="AA11" s="195">
        <v>0</v>
      </c>
      <c r="AB11" s="196">
        <v>24</v>
      </c>
      <c r="AC11" s="196">
        <v>26</v>
      </c>
      <c r="AD11" s="196">
        <v>6</v>
      </c>
      <c r="AE11" s="196">
        <v>4</v>
      </c>
      <c r="AF11" s="196">
        <v>1</v>
      </c>
      <c r="AG11" s="193">
        <v>61</v>
      </c>
      <c r="AH11" s="198">
        <v>61</v>
      </c>
      <c r="AI11" s="192">
        <v>0</v>
      </c>
      <c r="AJ11" s="196">
        <v>0</v>
      </c>
      <c r="AK11" s="193">
        <v>0</v>
      </c>
      <c r="AL11" s="195">
        <v>0</v>
      </c>
      <c r="AM11" s="196">
        <v>0</v>
      </c>
      <c r="AN11" s="196">
        <v>1</v>
      </c>
      <c r="AO11" s="196">
        <v>0</v>
      </c>
      <c r="AP11" s="196">
        <v>0</v>
      </c>
      <c r="AQ11" s="196">
        <v>0</v>
      </c>
      <c r="AR11" s="193">
        <v>1</v>
      </c>
      <c r="AS11" s="198">
        <v>1</v>
      </c>
      <c r="AT11" s="192">
        <v>0</v>
      </c>
      <c r="AU11" s="196">
        <v>0</v>
      </c>
      <c r="AV11" s="193">
        <v>0</v>
      </c>
      <c r="AW11" s="195">
        <v>0</v>
      </c>
      <c r="AX11" s="196">
        <v>2</v>
      </c>
      <c r="AY11" s="196">
        <v>0</v>
      </c>
      <c r="AZ11" s="196">
        <v>1</v>
      </c>
      <c r="BA11" s="196">
        <v>1</v>
      </c>
      <c r="BB11" s="196">
        <v>0</v>
      </c>
      <c r="BC11" s="193">
        <v>4</v>
      </c>
      <c r="BD11" s="198">
        <v>4</v>
      </c>
      <c r="BE11" s="192">
        <v>0</v>
      </c>
      <c r="BF11" s="196">
        <v>0</v>
      </c>
      <c r="BG11" s="193">
        <v>0</v>
      </c>
      <c r="BH11" s="195">
        <v>0</v>
      </c>
      <c r="BI11" s="196">
        <v>0</v>
      </c>
      <c r="BJ11" s="196">
        <v>2</v>
      </c>
      <c r="BK11" s="196">
        <v>0</v>
      </c>
      <c r="BL11" s="196">
        <v>7</v>
      </c>
      <c r="BM11" s="196">
        <v>0</v>
      </c>
      <c r="BN11" s="197">
        <v>9</v>
      </c>
      <c r="BO11" s="198">
        <v>9</v>
      </c>
      <c r="BP11" s="192">
        <v>0</v>
      </c>
      <c r="BQ11" s="196">
        <v>0</v>
      </c>
      <c r="BR11" s="193">
        <v>0</v>
      </c>
      <c r="BS11" s="195">
        <v>0</v>
      </c>
      <c r="BT11" s="196">
        <v>0</v>
      </c>
      <c r="BU11" s="196">
        <v>0</v>
      </c>
      <c r="BV11" s="196">
        <v>0</v>
      </c>
      <c r="BW11" s="196">
        <v>1</v>
      </c>
      <c r="BX11" s="196">
        <v>1</v>
      </c>
      <c r="BY11" s="193">
        <v>2</v>
      </c>
      <c r="BZ11" s="198">
        <v>2</v>
      </c>
      <c r="CA11" s="192">
        <v>0</v>
      </c>
      <c r="CB11" s="196">
        <v>0</v>
      </c>
      <c r="CC11" s="193">
        <v>0</v>
      </c>
      <c r="CD11" s="195">
        <v>0</v>
      </c>
      <c r="CE11" s="196">
        <v>0</v>
      </c>
      <c r="CF11" s="196">
        <v>0</v>
      </c>
      <c r="CG11" s="196">
        <v>0</v>
      </c>
      <c r="CH11" s="196">
        <v>1</v>
      </c>
      <c r="CI11" s="196">
        <v>1</v>
      </c>
      <c r="CJ11" s="193">
        <v>2</v>
      </c>
      <c r="CK11" s="198">
        <v>2</v>
      </c>
      <c r="CL11" s="192">
        <v>0</v>
      </c>
      <c r="CM11" s="196">
        <v>0</v>
      </c>
      <c r="CN11" s="193">
        <v>0</v>
      </c>
      <c r="CO11" s="195">
        <v>0</v>
      </c>
      <c r="CP11" s="196">
        <v>0</v>
      </c>
      <c r="CQ11" s="196">
        <v>1</v>
      </c>
      <c r="CR11" s="196">
        <v>0</v>
      </c>
      <c r="CS11" s="196">
        <v>1</v>
      </c>
      <c r="CT11" s="196">
        <v>0</v>
      </c>
      <c r="CU11" s="193">
        <v>2</v>
      </c>
      <c r="CV11" s="198">
        <v>2</v>
      </c>
    </row>
    <row r="12" spans="1:100" ht="21" customHeight="1" x14ac:dyDescent="0.2">
      <c r="A12" s="177" t="s">
        <v>9</v>
      </c>
      <c r="B12" s="192">
        <v>0</v>
      </c>
      <c r="C12" s="193">
        <v>0</v>
      </c>
      <c r="D12" s="194">
        <v>0</v>
      </c>
      <c r="E12" s="195">
        <v>0</v>
      </c>
      <c r="F12" s="196">
        <v>0</v>
      </c>
      <c r="G12" s="196">
        <v>1</v>
      </c>
      <c r="H12" s="196">
        <v>0</v>
      </c>
      <c r="I12" s="196">
        <v>4</v>
      </c>
      <c r="J12" s="196">
        <v>3</v>
      </c>
      <c r="K12" s="197">
        <v>8</v>
      </c>
      <c r="L12" s="198">
        <v>8</v>
      </c>
      <c r="M12" s="192">
        <v>0</v>
      </c>
      <c r="N12" s="196">
        <v>0</v>
      </c>
      <c r="O12" s="193">
        <v>0</v>
      </c>
      <c r="P12" s="195">
        <v>0</v>
      </c>
      <c r="Q12" s="196">
        <v>0</v>
      </c>
      <c r="R12" s="196">
        <v>0</v>
      </c>
      <c r="S12" s="196">
        <v>0</v>
      </c>
      <c r="T12" s="196">
        <v>0</v>
      </c>
      <c r="U12" s="196">
        <v>0</v>
      </c>
      <c r="V12" s="193">
        <v>0</v>
      </c>
      <c r="W12" s="198">
        <v>0</v>
      </c>
      <c r="X12" s="192">
        <v>0</v>
      </c>
      <c r="Y12" s="196">
        <v>0</v>
      </c>
      <c r="Z12" s="193">
        <v>0</v>
      </c>
      <c r="AA12" s="195">
        <v>0</v>
      </c>
      <c r="AB12" s="196">
        <v>34</v>
      </c>
      <c r="AC12" s="196">
        <v>33</v>
      </c>
      <c r="AD12" s="196">
        <v>18</v>
      </c>
      <c r="AE12" s="196">
        <v>11</v>
      </c>
      <c r="AF12" s="196">
        <v>3</v>
      </c>
      <c r="AG12" s="193">
        <v>99</v>
      </c>
      <c r="AH12" s="198">
        <v>99</v>
      </c>
      <c r="AI12" s="192">
        <v>0</v>
      </c>
      <c r="AJ12" s="196">
        <v>0</v>
      </c>
      <c r="AK12" s="193">
        <v>0</v>
      </c>
      <c r="AL12" s="195">
        <v>0</v>
      </c>
      <c r="AM12" s="196">
        <v>1</v>
      </c>
      <c r="AN12" s="196">
        <v>0</v>
      </c>
      <c r="AO12" s="196">
        <v>2</v>
      </c>
      <c r="AP12" s="196">
        <v>0</v>
      </c>
      <c r="AQ12" s="196">
        <v>0</v>
      </c>
      <c r="AR12" s="193">
        <v>3</v>
      </c>
      <c r="AS12" s="198">
        <v>3</v>
      </c>
      <c r="AT12" s="192">
        <v>1</v>
      </c>
      <c r="AU12" s="196">
        <v>1</v>
      </c>
      <c r="AV12" s="193">
        <v>2</v>
      </c>
      <c r="AW12" s="195">
        <v>0</v>
      </c>
      <c r="AX12" s="196">
        <v>2</v>
      </c>
      <c r="AY12" s="196">
        <v>4</v>
      </c>
      <c r="AZ12" s="196">
        <v>3</v>
      </c>
      <c r="BA12" s="196">
        <v>4</v>
      </c>
      <c r="BB12" s="196">
        <v>1</v>
      </c>
      <c r="BC12" s="193">
        <v>14</v>
      </c>
      <c r="BD12" s="198">
        <v>16</v>
      </c>
      <c r="BE12" s="192">
        <v>0</v>
      </c>
      <c r="BF12" s="196">
        <v>0</v>
      </c>
      <c r="BG12" s="193">
        <v>0</v>
      </c>
      <c r="BH12" s="195">
        <v>0</v>
      </c>
      <c r="BI12" s="196">
        <v>0</v>
      </c>
      <c r="BJ12" s="196">
        <v>5</v>
      </c>
      <c r="BK12" s="196">
        <v>3</v>
      </c>
      <c r="BL12" s="196">
        <v>3</v>
      </c>
      <c r="BM12" s="196">
        <v>1</v>
      </c>
      <c r="BN12" s="197">
        <v>12</v>
      </c>
      <c r="BO12" s="198">
        <v>12</v>
      </c>
      <c r="BP12" s="192">
        <v>0</v>
      </c>
      <c r="BQ12" s="196">
        <v>0</v>
      </c>
      <c r="BR12" s="193">
        <v>0</v>
      </c>
      <c r="BS12" s="195">
        <v>0</v>
      </c>
      <c r="BT12" s="196">
        <v>0</v>
      </c>
      <c r="BU12" s="196">
        <v>2</v>
      </c>
      <c r="BV12" s="196">
        <v>0</v>
      </c>
      <c r="BW12" s="196">
        <v>1</v>
      </c>
      <c r="BX12" s="196">
        <v>0</v>
      </c>
      <c r="BY12" s="193">
        <v>3</v>
      </c>
      <c r="BZ12" s="198">
        <v>3</v>
      </c>
      <c r="CA12" s="192">
        <v>0</v>
      </c>
      <c r="CB12" s="196">
        <v>0</v>
      </c>
      <c r="CC12" s="193">
        <v>0</v>
      </c>
      <c r="CD12" s="195">
        <v>0</v>
      </c>
      <c r="CE12" s="196">
        <v>0</v>
      </c>
      <c r="CF12" s="196">
        <v>0</v>
      </c>
      <c r="CG12" s="196">
        <v>0</v>
      </c>
      <c r="CH12" s="196">
        <v>0</v>
      </c>
      <c r="CI12" s="196">
        <v>0</v>
      </c>
      <c r="CJ12" s="193">
        <v>0</v>
      </c>
      <c r="CK12" s="198">
        <v>0</v>
      </c>
      <c r="CL12" s="192">
        <v>0</v>
      </c>
      <c r="CM12" s="196">
        <v>0</v>
      </c>
      <c r="CN12" s="193">
        <v>0</v>
      </c>
      <c r="CO12" s="195">
        <v>0</v>
      </c>
      <c r="CP12" s="196">
        <v>0</v>
      </c>
      <c r="CQ12" s="196">
        <v>1</v>
      </c>
      <c r="CR12" s="196">
        <v>2</v>
      </c>
      <c r="CS12" s="196">
        <v>2</v>
      </c>
      <c r="CT12" s="196">
        <v>2</v>
      </c>
      <c r="CU12" s="193">
        <v>7</v>
      </c>
      <c r="CV12" s="198">
        <v>7</v>
      </c>
    </row>
    <row r="13" spans="1:100" ht="21" customHeight="1" x14ac:dyDescent="0.2">
      <c r="A13" s="177" t="s">
        <v>10</v>
      </c>
      <c r="B13" s="192">
        <v>0</v>
      </c>
      <c r="C13" s="193">
        <v>0</v>
      </c>
      <c r="D13" s="194">
        <v>0</v>
      </c>
      <c r="E13" s="195">
        <v>0</v>
      </c>
      <c r="F13" s="196">
        <v>1</v>
      </c>
      <c r="G13" s="196">
        <v>2</v>
      </c>
      <c r="H13" s="196">
        <v>0</v>
      </c>
      <c r="I13" s="196">
        <v>2</v>
      </c>
      <c r="J13" s="196">
        <v>1</v>
      </c>
      <c r="K13" s="197">
        <v>6</v>
      </c>
      <c r="L13" s="198">
        <v>6</v>
      </c>
      <c r="M13" s="192">
        <v>0</v>
      </c>
      <c r="N13" s="196">
        <v>0</v>
      </c>
      <c r="O13" s="193">
        <v>0</v>
      </c>
      <c r="P13" s="195">
        <v>0</v>
      </c>
      <c r="Q13" s="196">
        <v>0</v>
      </c>
      <c r="R13" s="196">
        <v>0</v>
      </c>
      <c r="S13" s="196">
        <v>1</v>
      </c>
      <c r="T13" s="196">
        <v>0</v>
      </c>
      <c r="U13" s="196">
        <v>2</v>
      </c>
      <c r="V13" s="193">
        <v>3</v>
      </c>
      <c r="W13" s="198">
        <v>3</v>
      </c>
      <c r="X13" s="192">
        <v>0</v>
      </c>
      <c r="Y13" s="196">
        <v>0</v>
      </c>
      <c r="Z13" s="193">
        <v>0</v>
      </c>
      <c r="AA13" s="195">
        <v>0</v>
      </c>
      <c r="AB13" s="196">
        <v>46</v>
      </c>
      <c r="AC13" s="196">
        <v>10</v>
      </c>
      <c r="AD13" s="196">
        <v>8</v>
      </c>
      <c r="AE13" s="196">
        <v>5</v>
      </c>
      <c r="AF13" s="196">
        <v>1</v>
      </c>
      <c r="AG13" s="193">
        <v>70</v>
      </c>
      <c r="AH13" s="198">
        <v>70</v>
      </c>
      <c r="AI13" s="192">
        <v>0</v>
      </c>
      <c r="AJ13" s="196">
        <v>0</v>
      </c>
      <c r="AK13" s="193">
        <v>0</v>
      </c>
      <c r="AL13" s="195">
        <v>0</v>
      </c>
      <c r="AM13" s="196">
        <v>2</v>
      </c>
      <c r="AN13" s="196">
        <v>2</v>
      </c>
      <c r="AO13" s="196">
        <v>1</v>
      </c>
      <c r="AP13" s="196">
        <v>1</v>
      </c>
      <c r="AQ13" s="196">
        <v>1</v>
      </c>
      <c r="AR13" s="193">
        <v>7</v>
      </c>
      <c r="AS13" s="198">
        <v>7</v>
      </c>
      <c r="AT13" s="192">
        <v>2</v>
      </c>
      <c r="AU13" s="196">
        <v>2</v>
      </c>
      <c r="AV13" s="193">
        <v>4</v>
      </c>
      <c r="AW13" s="195">
        <v>0</v>
      </c>
      <c r="AX13" s="196">
        <v>4</v>
      </c>
      <c r="AY13" s="196">
        <v>2</v>
      </c>
      <c r="AZ13" s="196">
        <v>5</v>
      </c>
      <c r="BA13" s="196">
        <v>3</v>
      </c>
      <c r="BB13" s="196">
        <v>2</v>
      </c>
      <c r="BC13" s="193">
        <v>16</v>
      </c>
      <c r="BD13" s="198">
        <v>20</v>
      </c>
      <c r="BE13" s="192">
        <v>0</v>
      </c>
      <c r="BF13" s="196">
        <v>0</v>
      </c>
      <c r="BG13" s="193">
        <v>0</v>
      </c>
      <c r="BH13" s="195">
        <v>0</v>
      </c>
      <c r="BI13" s="196">
        <v>4</v>
      </c>
      <c r="BJ13" s="196">
        <v>9</v>
      </c>
      <c r="BK13" s="196">
        <v>8</v>
      </c>
      <c r="BL13" s="196">
        <v>7</v>
      </c>
      <c r="BM13" s="196">
        <v>7</v>
      </c>
      <c r="BN13" s="197">
        <v>35</v>
      </c>
      <c r="BO13" s="198">
        <v>35</v>
      </c>
      <c r="BP13" s="192">
        <v>0</v>
      </c>
      <c r="BQ13" s="196">
        <v>0</v>
      </c>
      <c r="BR13" s="193">
        <v>0</v>
      </c>
      <c r="BS13" s="195">
        <v>0</v>
      </c>
      <c r="BT13" s="196">
        <v>1</v>
      </c>
      <c r="BU13" s="196">
        <v>4</v>
      </c>
      <c r="BV13" s="196">
        <v>7</v>
      </c>
      <c r="BW13" s="196">
        <v>3</v>
      </c>
      <c r="BX13" s="196">
        <v>6</v>
      </c>
      <c r="BY13" s="193">
        <v>21</v>
      </c>
      <c r="BZ13" s="198">
        <v>21</v>
      </c>
      <c r="CA13" s="192">
        <v>0</v>
      </c>
      <c r="CB13" s="196">
        <v>0</v>
      </c>
      <c r="CC13" s="193">
        <v>0</v>
      </c>
      <c r="CD13" s="195">
        <v>0</v>
      </c>
      <c r="CE13" s="196">
        <v>0</v>
      </c>
      <c r="CF13" s="196">
        <v>0</v>
      </c>
      <c r="CG13" s="196">
        <v>0</v>
      </c>
      <c r="CH13" s="196">
        <v>4</v>
      </c>
      <c r="CI13" s="196">
        <v>2</v>
      </c>
      <c r="CJ13" s="193">
        <v>6</v>
      </c>
      <c r="CK13" s="198">
        <v>6</v>
      </c>
      <c r="CL13" s="192">
        <v>0</v>
      </c>
      <c r="CM13" s="196">
        <v>0</v>
      </c>
      <c r="CN13" s="193">
        <v>0</v>
      </c>
      <c r="CO13" s="195">
        <v>0</v>
      </c>
      <c r="CP13" s="196">
        <v>0</v>
      </c>
      <c r="CQ13" s="196">
        <v>1</v>
      </c>
      <c r="CR13" s="196">
        <v>1</v>
      </c>
      <c r="CS13" s="196">
        <v>0</v>
      </c>
      <c r="CT13" s="196">
        <v>0</v>
      </c>
      <c r="CU13" s="193">
        <v>2</v>
      </c>
      <c r="CV13" s="198">
        <v>2</v>
      </c>
    </row>
    <row r="14" spans="1:100" ht="21" customHeight="1" x14ac:dyDescent="0.2">
      <c r="A14" s="177" t="s">
        <v>11</v>
      </c>
      <c r="B14" s="192">
        <v>0</v>
      </c>
      <c r="C14" s="193">
        <v>0</v>
      </c>
      <c r="D14" s="194">
        <v>0</v>
      </c>
      <c r="E14" s="195">
        <v>0</v>
      </c>
      <c r="F14" s="196">
        <v>0</v>
      </c>
      <c r="G14" s="196">
        <v>1</v>
      </c>
      <c r="H14" s="196">
        <v>1</v>
      </c>
      <c r="I14" s="196">
        <v>0</v>
      </c>
      <c r="J14" s="196">
        <v>1</v>
      </c>
      <c r="K14" s="197">
        <v>3</v>
      </c>
      <c r="L14" s="198">
        <v>3</v>
      </c>
      <c r="M14" s="192">
        <v>0</v>
      </c>
      <c r="N14" s="196">
        <v>0</v>
      </c>
      <c r="O14" s="193">
        <v>0</v>
      </c>
      <c r="P14" s="195">
        <v>0</v>
      </c>
      <c r="Q14" s="196">
        <v>1</v>
      </c>
      <c r="R14" s="196">
        <v>0</v>
      </c>
      <c r="S14" s="196">
        <v>0</v>
      </c>
      <c r="T14" s="196">
        <v>0</v>
      </c>
      <c r="U14" s="196">
        <v>0</v>
      </c>
      <c r="V14" s="193">
        <v>1</v>
      </c>
      <c r="W14" s="198">
        <v>1</v>
      </c>
      <c r="X14" s="192">
        <v>0</v>
      </c>
      <c r="Y14" s="196">
        <v>0</v>
      </c>
      <c r="Z14" s="193">
        <v>0</v>
      </c>
      <c r="AA14" s="195">
        <v>0</v>
      </c>
      <c r="AB14" s="196">
        <v>21</v>
      </c>
      <c r="AC14" s="196">
        <v>5</v>
      </c>
      <c r="AD14" s="196">
        <v>6</v>
      </c>
      <c r="AE14" s="196">
        <v>6</v>
      </c>
      <c r="AF14" s="196">
        <v>1</v>
      </c>
      <c r="AG14" s="193">
        <v>39</v>
      </c>
      <c r="AH14" s="198">
        <v>39</v>
      </c>
      <c r="AI14" s="192">
        <v>0</v>
      </c>
      <c r="AJ14" s="196">
        <v>0</v>
      </c>
      <c r="AK14" s="193">
        <v>0</v>
      </c>
      <c r="AL14" s="195">
        <v>0</v>
      </c>
      <c r="AM14" s="196">
        <v>0</v>
      </c>
      <c r="AN14" s="196">
        <v>0</v>
      </c>
      <c r="AO14" s="196">
        <v>0</v>
      </c>
      <c r="AP14" s="196">
        <v>0</v>
      </c>
      <c r="AQ14" s="196">
        <v>2</v>
      </c>
      <c r="AR14" s="193">
        <v>2</v>
      </c>
      <c r="AS14" s="198">
        <v>2</v>
      </c>
      <c r="AT14" s="192">
        <v>1</v>
      </c>
      <c r="AU14" s="196">
        <v>0</v>
      </c>
      <c r="AV14" s="193">
        <v>1</v>
      </c>
      <c r="AW14" s="195">
        <v>0</v>
      </c>
      <c r="AX14" s="196">
        <v>1</v>
      </c>
      <c r="AY14" s="196">
        <v>1</v>
      </c>
      <c r="AZ14" s="196">
        <v>1</v>
      </c>
      <c r="BA14" s="196">
        <v>0</v>
      </c>
      <c r="BB14" s="196">
        <v>0</v>
      </c>
      <c r="BC14" s="193">
        <v>3</v>
      </c>
      <c r="BD14" s="198">
        <v>4</v>
      </c>
      <c r="BE14" s="192">
        <v>0</v>
      </c>
      <c r="BF14" s="196">
        <v>0</v>
      </c>
      <c r="BG14" s="193">
        <v>0</v>
      </c>
      <c r="BH14" s="195">
        <v>0</v>
      </c>
      <c r="BI14" s="196">
        <v>0</v>
      </c>
      <c r="BJ14" s="196">
        <v>3</v>
      </c>
      <c r="BK14" s="196">
        <v>0</v>
      </c>
      <c r="BL14" s="196">
        <v>4</v>
      </c>
      <c r="BM14" s="196">
        <v>1</v>
      </c>
      <c r="BN14" s="197">
        <v>8</v>
      </c>
      <c r="BO14" s="198">
        <v>8</v>
      </c>
      <c r="BP14" s="192">
        <v>0</v>
      </c>
      <c r="BQ14" s="196">
        <v>0</v>
      </c>
      <c r="BR14" s="193">
        <v>0</v>
      </c>
      <c r="BS14" s="195">
        <v>0</v>
      </c>
      <c r="BT14" s="196">
        <v>0</v>
      </c>
      <c r="BU14" s="196">
        <v>0</v>
      </c>
      <c r="BV14" s="196">
        <v>0</v>
      </c>
      <c r="BW14" s="196">
        <v>0</v>
      </c>
      <c r="BX14" s="196">
        <v>0</v>
      </c>
      <c r="BY14" s="193">
        <v>0</v>
      </c>
      <c r="BZ14" s="198">
        <v>0</v>
      </c>
      <c r="CA14" s="192">
        <v>0</v>
      </c>
      <c r="CB14" s="196">
        <v>0</v>
      </c>
      <c r="CC14" s="193">
        <v>0</v>
      </c>
      <c r="CD14" s="195">
        <v>0</v>
      </c>
      <c r="CE14" s="196">
        <v>0</v>
      </c>
      <c r="CF14" s="196">
        <v>0</v>
      </c>
      <c r="CG14" s="196">
        <v>0</v>
      </c>
      <c r="CH14" s="196">
        <v>0</v>
      </c>
      <c r="CI14" s="196">
        <v>0</v>
      </c>
      <c r="CJ14" s="193">
        <v>0</v>
      </c>
      <c r="CK14" s="198">
        <v>0</v>
      </c>
      <c r="CL14" s="192">
        <v>0</v>
      </c>
      <c r="CM14" s="196">
        <v>0</v>
      </c>
      <c r="CN14" s="193">
        <v>0</v>
      </c>
      <c r="CO14" s="195">
        <v>0</v>
      </c>
      <c r="CP14" s="196">
        <v>0</v>
      </c>
      <c r="CQ14" s="196">
        <v>0</v>
      </c>
      <c r="CR14" s="196">
        <v>0</v>
      </c>
      <c r="CS14" s="196">
        <v>1</v>
      </c>
      <c r="CT14" s="196">
        <v>0</v>
      </c>
      <c r="CU14" s="193">
        <v>1</v>
      </c>
      <c r="CV14" s="198">
        <v>1</v>
      </c>
    </row>
    <row r="15" spans="1:100" ht="21" customHeight="1" x14ac:dyDescent="0.2">
      <c r="A15" s="177" t="s">
        <v>12</v>
      </c>
      <c r="B15" s="192">
        <v>0</v>
      </c>
      <c r="C15" s="193">
        <v>0</v>
      </c>
      <c r="D15" s="194">
        <v>0</v>
      </c>
      <c r="E15" s="195">
        <v>0</v>
      </c>
      <c r="F15" s="196">
        <v>0</v>
      </c>
      <c r="G15" s="196">
        <v>0</v>
      </c>
      <c r="H15" s="196">
        <v>0</v>
      </c>
      <c r="I15" s="196">
        <v>0</v>
      </c>
      <c r="J15" s="196">
        <v>0</v>
      </c>
      <c r="K15" s="197">
        <v>0</v>
      </c>
      <c r="L15" s="198">
        <v>0</v>
      </c>
      <c r="M15" s="192">
        <v>0</v>
      </c>
      <c r="N15" s="196">
        <v>0</v>
      </c>
      <c r="O15" s="193">
        <v>0</v>
      </c>
      <c r="P15" s="195">
        <v>0</v>
      </c>
      <c r="Q15" s="196">
        <v>0</v>
      </c>
      <c r="R15" s="196">
        <v>0</v>
      </c>
      <c r="S15" s="196">
        <v>0</v>
      </c>
      <c r="T15" s="196">
        <v>0</v>
      </c>
      <c r="U15" s="196">
        <v>0</v>
      </c>
      <c r="V15" s="193">
        <v>0</v>
      </c>
      <c r="W15" s="198">
        <v>0</v>
      </c>
      <c r="X15" s="192">
        <v>0</v>
      </c>
      <c r="Y15" s="196">
        <v>0</v>
      </c>
      <c r="Z15" s="193">
        <v>0</v>
      </c>
      <c r="AA15" s="195">
        <v>0</v>
      </c>
      <c r="AB15" s="196">
        <v>21</v>
      </c>
      <c r="AC15" s="196">
        <v>13</v>
      </c>
      <c r="AD15" s="196">
        <v>9</v>
      </c>
      <c r="AE15" s="196">
        <v>6</v>
      </c>
      <c r="AF15" s="196">
        <v>1</v>
      </c>
      <c r="AG15" s="193">
        <v>50</v>
      </c>
      <c r="AH15" s="198">
        <v>50</v>
      </c>
      <c r="AI15" s="192">
        <v>0</v>
      </c>
      <c r="AJ15" s="196">
        <v>0</v>
      </c>
      <c r="AK15" s="193">
        <v>0</v>
      </c>
      <c r="AL15" s="195">
        <v>0</v>
      </c>
      <c r="AM15" s="196">
        <v>1</v>
      </c>
      <c r="AN15" s="196">
        <v>0</v>
      </c>
      <c r="AO15" s="196">
        <v>0</v>
      </c>
      <c r="AP15" s="196">
        <v>0</v>
      </c>
      <c r="AQ15" s="196">
        <v>0</v>
      </c>
      <c r="AR15" s="193">
        <v>1</v>
      </c>
      <c r="AS15" s="198">
        <v>1</v>
      </c>
      <c r="AT15" s="192">
        <v>0</v>
      </c>
      <c r="AU15" s="196">
        <v>0</v>
      </c>
      <c r="AV15" s="193">
        <v>0</v>
      </c>
      <c r="AW15" s="195">
        <v>0</v>
      </c>
      <c r="AX15" s="196">
        <v>1</v>
      </c>
      <c r="AY15" s="196">
        <v>1</v>
      </c>
      <c r="AZ15" s="196">
        <v>2</v>
      </c>
      <c r="BA15" s="196">
        <v>2</v>
      </c>
      <c r="BB15" s="196">
        <v>0</v>
      </c>
      <c r="BC15" s="193">
        <v>6</v>
      </c>
      <c r="BD15" s="198">
        <v>6</v>
      </c>
      <c r="BE15" s="192">
        <v>0</v>
      </c>
      <c r="BF15" s="196">
        <v>0</v>
      </c>
      <c r="BG15" s="193">
        <v>0</v>
      </c>
      <c r="BH15" s="195">
        <v>0</v>
      </c>
      <c r="BI15" s="196">
        <v>5</v>
      </c>
      <c r="BJ15" s="196">
        <v>1</v>
      </c>
      <c r="BK15" s="196">
        <v>1</v>
      </c>
      <c r="BL15" s="196">
        <v>1</v>
      </c>
      <c r="BM15" s="196">
        <v>0</v>
      </c>
      <c r="BN15" s="197">
        <v>8</v>
      </c>
      <c r="BO15" s="198">
        <v>8</v>
      </c>
      <c r="BP15" s="192">
        <v>0</v>
      </c>
      <c r="BQ15" s="196">
        <v>0</v>
      </c>
      <c r="BR15" s="193">
        <v>0</v>
      </c>
      <c r="BS15" s="195">
        <v>0</v>
      </c>
      <c r="BT15" s="196">
        <v>1</v>
      </c>
      <c r="BU15" s="196">
        <v>2</v>
      </c>
      <c r="BV15" s="196">
        <v>0</v>
      </c>
      <c r="BW15" s="196">
        <v>1</v>
      </c>
      <c r="BX15" s="196">
        <v>1</v>
      </c>
      <c r="BY15" s="193">
        <v>5</v>
      </c>
      <c r="BZ15" s="198">
        <v>5</v>
      </c>
      <c r="CA15" s="192">
        <v>0</v>
      </c>
      <c r="CB15" s="196">
        <v>0</v>
      </c>
      <c r="CC15" s="193">
        <v>0</v>
      </c>
      <c r="CD15" s="195">
        <v>0</v>
      </c>
      <c r="CE15" s="196">
        <v>0</v>
      </c>
      <c r="CF15" s="196">
        <v>0</v>
      </c>
      <c r="CG15" s="196">
        <v>0</v>
      </c>
      <c r="CH15" s="196">
        <v>0</v>
      </c>
      <c r="CI15" s="196">
        <v>1</v>
      </c>
      <c r="CJ15" s="193">
        <v>1</v>
      </c>
      <c r="CK15" s="198">
        <v>1</v>
      </c>
      <c r="CL15" s="192">
        <v>0</v>
      </c>
      <c r="CM15" s="196">
        <v>0</v>
      </c>
      <c r="CN15" s="193">
        <v>0</v>
      </c>
      <c r="CO15" s="195">
        <v>0</v>
      </c>
      <c r="CP15" s="196">
        <v>0</v>
      </c>
      <c r="CQ15" s="196">
        <v>0</v>
      </c>
      <c r="CR15" s="196">
        <v>0</v>
      </c>
      <c r="CS15" s="196">
        <v>1</v>
      </c>
      <c r="CT15" s="196">
        <v>3</v>
      </c>
      <c r="CU15" s="193">
        <v>4</v>
      </c>
      <c r="CV15" s="198">
        <v>4</v>
      </c>
    </row>
    <row r="16" spans="1:100" ht="21" customHeight="1" x14ac:dyDescent="0.2">
      <c r="A16" s="177" t="s">
        <v>13</v>
      </c>
      <c r="B16" s="192">
        <v>0</v>
      </c>
      <c r="C16" s="193">
        <v>0</v>
      </c>
      <c r="D16" s="194">
        <v>0</v>
      </c>
      <c r="E16" s="195">
        <v>0</v>
      </c>
      <c r="F16" s="196">
        <v>0</v>
      </c>
      <c r="G16" s="196">
        <v>0</v>
      </c>
      <c r="H16" s="196">
        <v>0</v>
      </c>
      <c r="I16" s="196">
        <v>0</v>
      </c>
      <c r="J16" s="196">
        <v>0</v>
      </c>
      <c r="K16" s="197">
        <v>0</v>
      </c>
      <c r="L16" s="198">
        <v>0</v>
      </c>
      <c r="M16" s="192">
        <v>0</v>
      </c>
      <c r="N16" s="196">
        <v>0</v>
      </c>
      <c r="O16" s="193">
        <v>0</v>
      </c>
      <c r="P16" s="195">
        <v>0</v>
      </c>
      <c r="Q16" s="196">
        <v>0</v>
      </c>
      <c r="R16" s="196">
        <v>0</v>
      </c>
      <c r="S16" s="196">
        <v>0</v>
      </c>
      <c r="T16" s="196">
        <v>0</v>
      </c>
      <c r="U16" s="196">
        <v>0</v>
      </c>
      <c r="V16" s="193">
        <v>0</v>
      </c>
      <c r="W16" s="198">
        <v>0</v>
      </c>
      <c r="X16" s="192">
        <v>0</v>
      </c>
      <c r="Y16" s="196">
        <v>0</v>
      </c>
      <c r="Z16" s="193">
        <v>0</v>
      </c>
      <c r="AA16" s="195">
        <v>0</v>
      </c>
      <c r="AB16" s="196">
        <v>7</v>
      </c>
      <c r="AC16" s="196">
        <v>9</v>
      </c>
      <c r="AD16" s="196">
        <v>8</v>
      </c>
      <c r="AE16" s="196">
        <v>3</v>
      </c>
      <c r="AF16" s="196">
        <v>0</v>
      </c>
      <c r="AG16" s="193">
        <v>27</v>
      </c>
      <c r="AH16" s="198">
        <v>27</v>
      </c>
      <c r="AI16" s="192">
        <v>0</v>
      </c>
      <c r="AJ16" s="196">
        <v>0</v>
      </c>
      <c r="AK16" s="193">
        <v>0</v>
      </c>
      <c r="AL16" s="195">
        <v>0</v>
      </c>
      <c r="AM16" s="196">
        <v>0</v>
      </c>
      <c r="AN16" s="196">
        <v>0</v>
      </c>
      <c r="AO16" s="196">
        <v>0</v>
      </c>
      <c r="AP16" s="196">
        <v>0</v>
      </c>
      <c r="AQ16" s="196">
        <v>0</v>
      </c>
      <c r="AR16" s="193">
        <v>0</v>
      </c>
      <c r="AS16" s="198">
        <v>0</v>
      </c>
      <c r="AT16" s="192">
        <v>0</v>
      </c>
      <c r="AU16" s="196">
        <v>0</v>
      </c>
      <c r="AV16" s="193">
        <v>0</v>
      </c>
      <c r="AW16" s="195">
        <v>0</v>
      </c>
      <c r="AX16" s="196">
        <v>0</v>
      </c>
      <c r="AY16" s="196">
        <v>1</v>
      </c>
      <c r="AZ16" s="196">
        <v>0</v>
      </c>
      <c r="BA16" s="196">
        <v>0</v>
      </c>
      <c r="BB16" s="196">
        <v>0</v>
      </c>
      <c r="BC16" s="193">
        <v>1</v>
      </c>
      <c r="BD16" s="198">
        <v>1</v>
      </c>
      <c r="BE16" s="192">
        <v>0</v>
      </c>
      <c r="BF16" s="196">
        <v>0</v>
      </c>
      <c r="BG16" s="193">
        <v>0</v>
      </c>
      <c r="BH16" s="195">
        <v>0</v>
      </c>
      <c r="BI16" s="196">
        <v>0</v>
      </c>
      <c r="BJ16" s="196">
        <v>1</v>
      </c>
      <c r="BK16" s="196">
        <v>1</v>
      </c>
      <c r="BL16" s="196">
        <v>1</v>
      </c>
      <c r="BM16" s="196">
        <v>0</v>
      </c>
      <c r="BN16" s="197">
        <v>3</v>
      </c>
      <c r="BO16" s="198">
        <v>3</v>
      </c>
      <c r="BP16" s="192">
        <v>0</v>
      </c>
      <c r="BQ16" s="196">
        <v>0</v>
      </c>
      <c r="BR16" s="193">
        <v>0</v>
      </c>
      <c r="BS16" s="195">
        <v>0</v>
      </c>
      <c r="BT16" s="196">
        <v>0</v>
      </c>
      <c r="BU16" s="196">
        <v>0</v>
      </c>
      <c r="BV16" s="196">
        <v>2</v>
      </c>
      <c r="BW16" s="196">
        <v>1</v>
      </c>
      <c r="BX16" s="196">
        <v>0</v>
      </c>
      <c r="BY16" s="193">
        <v>3</v>
      </c>
      <c r="BZ16" s="198">
        <v>3</v>
      </c>
      <c r="CA16" s="192">
        <v>0</v>
      </c>
      <c r="CB16" s="196">
        <v>0</v>
      </c>
      <c r="CC16" s="193">
        <v>0</v>
      </c>
      <c r="CD16" s="195">
        <v>0</v>
      </c>
      <c r="CE16" s="196">
        <v>0</v>
      </c>
      <c r="CF16" s="196">
        <v>0</v>
      </c>
      <c r="CG16" s="196">
        <v>0</v>
      </c>
      <c r="CH16" s="196">
        <v>0</v>
      </c>
      <c r="CI16" s="196">
        <v>0</v>
      </c>
      <c r="CJ16" s="193">
        <v>0</v>
      </c>
      <c r="CK16" s="198">
        <v>0</v>
      </c>
      <c r="CL16" s="192">
        <v>0</v>
      </c>
      <c r="CM16" s="196">
        <v>0</v>
      </c>
      <c r="CN16" s="193">
        <v>0</v>
      </c>
      <c r="CO16" s="195">
        <v>0</v>
      </c>
      <c r="CP16" s="196">
        <v>0</v>
      </c>
      <c r="CQ16" s="196">
        <v>0</v>
      </c>
      <c r="CR16" s="196">
        <v>0</v>
      </c>
      <c r="CS16" s="196">
        <v>0</v>
      </c>
      <c r="CT16" s="196">
        <v>0</v>
      </c>
      <c r="CU16" s="193">
        <v>0</v>
      </c>
      <c r="CV16" s="198">
        <v>0</v>
      </c>
    </row>
    <row r="17" spans="1:100" ht="21" customHeight="1" x14ac:dyDescent="0.2">
      <c r="A17" s="177" t="s">
        <v>15</v>
      </c>
      <c r="B17" s="192">
        <v>0</v>
      </c>
      <c r="C17" s="193">
        <v>0</v>
      </c>
      <c r="D17" s="194">
        <v>0</v>
      </c>
      <c r="E17" s="195">
        <v>0</v>
      </c>
      <c r="F17" s="196">
        <v>0</v>
      </c>
      <c r="G17" s="196">
        <v>1</v>
      </c>
      <c r="H17" s="196">
        <v>0</v>
      </c>
      <c r="I17" s="196">
        <v>0</v>
      </c>
      <c r="J17" s="196">
        <v>0</v>
      </c>
      <c r="K17" s="197">
        <v>1</v>
      </c>
      <c r="L17" s="198">
        <v>1</v>
      </c>
      <c r="M17" s="192">
        <v>0</v>
      </c>
      <c r="N17" s="196">
        <v>0</v>
      </c>
      <c r="O17" s="193">
        <v>0</v>
      </c>
      <c r="P17" s="195">
        <v>0</v>
      </c>
      <c r="Q17" s="196">
        <v>0</v>
      </c>
      <c r="R17" s="196">
        <v>0</v>
      </c>
      <c r="S17" s="196">
        <v>0</v>
      </c>
      <c r="T17" s="196">
        <v>0</v>
      </c>
      <c r="U17" s="196">
        <v>0</v>
      </c>
      <c r="V17" s="193">
        <v>0</v>
      </c>
      <c r="W17" s="198">
        <v>0</v>
      </c>
      <c r="X17" s="192">
        <v>0</v>
      </c>
      <c r="Y17" s="196">
        <v>0</v>
      </c>
      <c r="Z17" s="193">
        <v>0</v>
      </c>
      <c r="AA17" s="195">
        <v>0</v>
      </c>
      <c r="AB17" s="196">
        <v>10</v>
      </c>
      <c r="AC17" s="196">
        <v>7</v>
      </c>
      <c r="AD17" s="196">
        <v>2</v>
      </c>
      <c r="AE17" s="196">
        <v>7</v>
      </c>
      <c r="AF17" s="196">
        <v>1</v>
      </c>
      <c r="AG17" s="193">
        <v>27</v>
      </c>
      <c r="AH17" s="198">
        <v>27</v>
      </c>
      <c r="AI17" s="192">
        <v>0</v>
      </c>
      <c r="AJ17" s="196">
        <v>0</v>
      </c>
      <c r="AK17" s="193">
        <v>0</v>
      </c>
      <c r="AL17" s="195">
        <v>0</v>
      </c>
      <c r="AM17" s="196">
        <v>0</v>
      </c>
      <c r="AN17" s="196">
        <v>0</v>
      </c>
      <c r="AO17" s="196">
        <v>1</v>
      </c>
      <c r="AP17" s="196">
        <v>0</v>
      </c>
      <c r="AQ17" s="196">
        <v>0</v>
      </c>
      <c r="AR17" s="193">
        <v>1</v>
      </c>
      <c r="AS17" s="198">
        <v>1</v>
      </c>
      <c r="AT17" s="192">
        <v>0</v>
      </c>
      <c r="AU17" s="196">
        <v>0</v>
      </c>
      <c r="AV17" s="193">
        <v>0</v>
      </c>
      <c r="AW17" s="195">
        <v>0</v>
      </c>
      <c r="AX17" s="196">
        <v>0</v>
      </c>
      <c r="AY17" s="196">
        <v>0</v>
      </c>
      <c r="AZ17" s="196">
        <v>0</v>
      </c>
      <c r="BA17" s="196">
        <v>0</v>
      </c>
      <c r="BB17" s="196">
        <v>0</v>
      </c>
      <c r="BC17" s="193">
        <v>0</v>
      </c>
      <c r="BD17" s="198">
        <v>0</v>
      </c>
      <c r="BE17" s="192">
        <v>0</v>
      </c>
      <c r="BF17" s="196">
        <v>0</v>
      </c>
      <c r="BG17" s="193">
        <v>0</v>
      </c>
      <c r="BH17" s="195">
        <v>0</v>
      </c>
      <c r="BI17" s="196">
        <v>1</v>
      </c>
      <c r="BJ17" s="196">
        <v>1</v>
      </c>
      <c r="BK17" s="196">
        <v>2</v>
      </c>
      <c r="BL17" s="196">
        <v>1</v>
      </c>
      <c r="BM17" s="196">
        <v>0</v>
      </c>
      <c r="BN17" s="197">
        <v>5</v>
      </c>
      <c r="BO17" s="198">
        <v>5</v>
      </c>
      <c r="BP17" s="192">
        <v>0</v>
      </c>
      <c r="BQ17" s="196">
        <v>0</v>
      </c>
      <c r="BR17" s="193">
        <v>0</v>
      </c>
      <c r="BS17" s="195">
        <v>0</v>
      </c>
      <c r="BT17" s="196">
        <v>0</v>
      </c>
      <c r="BU17" s="196">
        <v>0</v>
      </c>
      <c r="BV17" s="196">
        <v>0</v>
      </c>
      <c r="BW17" s="196">
        <v>0</v>
      </c>
      <c r="BX17" s="196">
        <v>0</v>
      </c>
      <c r="BY17" s="193">
        <v>0</v>
      </c>
      <c r="BZ17" s="198">
        <v>0</v>
      </c>
      <c r="CA17" s="192">
        <v>0</v>
      </c>
      <c r="CB17" s="196">
        <v>0</v>
      </c>
      <c r="CC17" s="193">
        <v>0</v>
      </c>
      <c r="CD17" s="195">
        <v>0</v>
      </c>
      <c r="CE17" s="196">
        <v>0</v>
      </c>
      <c r="CF17" s="196">
        <v>0</v>
      </c>
      <c r="CG17" s="196">
        <v>0</v>
      </c>
      <c r="CH17" s="196">
        <v>0</v>
      </c>
      <c r="CI17" s="196">
        <v>0</v>
      </c>
      <c r="CJ17" s="193">
        <v>0</v>
      </c>
      <c r="CK17" s="198">
        <v>0</v>
      </c>
      <c r="CL17" s="192">
        <v>0</v>
      </c>
      <c r="CM17" s="196">
        <v>0</v>
      </c>
      <c r="CN17" s="193">
        <v>0</v>
      </c>
      <c r="CO17" s="195">
        <v>0</v>
      </c>
      <c r="CP17" s="196">
        <v>0</v>
      </c>
      <c r="CQ17" s="196">
        <v>0</v>
      </c>
      <c r="CR17" s="196">
        <v>0</v>
      </c>
      <c r="CS17" s="196">
        <v>0</v>
      </c>
      <c r="CT17" s="196">
        <v>0</v>
      </c>
      <c r="CU17" s="193">
        <v>0</v>
      </c>
      <c r="CV17" s="198">
        <v>0</v>
      </c>
    </row>
    <row r="18" spans="1:100" ht="21" customHeight="1" x14ac:dyDescent="0.2">
      <c r="A18" s="177" t="s">
        <v>16</v>
      </c>
      <c r="B18" s="192">
        <v>0</v>
      </c>
      <c r="C18" s="193">
        <v>0</v>
      </c>
      <c r="D18" s="194">
        <v>0</v>
      </c>
      <c r="E18" s="195">
        <v>0</v>
      </c>
      <c r="F18" s="196">
        <v>0</v>
      </c>
      <c r="G18" s="196">
        <v>0</v>
      </c>
      <c r="H18" s="196">
        <v>0</v>
      </c>
      <c r="I18" s="196">
        <v>1</v>
      </c>
      <c r="J18" s="196">
        <v>0</v>
      </c>
      <c r="K18" s="197">
        <v>1</v>
      </c>
      <c r="L18" s="198">
        <v>1</v>
      </c>
      <c r="M18" s="192">
        <v>0</v>
      </c>
      <c r="N18" s="196">
        <v>0</v>
      </c>
      <c r="O18" s="193">
        <v>0</v>
      </c>
      <c r="P18" s="195">
        <v>0</v>
      </c>
      <c r="Q18" s="196">
        <v>0</v>
      </c>
      <c r="R18" s="196">
        <v>0</v>
      </c>
      <c r="S18" s="196">
        <v>1</v>
      </c>
      <c r="T18" s="196">
        <v>0</v>
      </c>
      <c r="U18" s="196">
        <v>0</v>
      </c>
      <c r="V18" s="193">
        <v>1</v>
      </c>
      <c r="W18" s="198">
        <v>1</v>
      </c>
      <c r="X18" s="192">
        <v>0</v>
      </c>
      <c r="Y18" s="196">
        <v>0</v>
      </c>
      <c r="Z18" s="193">
        <v>0</v>
      </c>
      <c r="AA18" s="195">
        <v>0</v>
      </c>
      <c r="AB18" s="196">
        <v>8</v>
      </c>
      <c r="AC18" s="196">
        <v>6</v>
      </c>
      <c r="AD18" s="196">
        <v>3</v>
      </c>
      <c r="AE18" s="196">
        <v>1</v>
      </c>
      <c r="AF18" s="196">
        <v>2</v>
      </c>
      <c r="AG18" s="193">
        <v>20</v>
      </c>
      <c r="AH18" s="198">
        <v>20</v>
      </c>
      <c r="AI18" s="192">
        <v>0</v>
      </c>
      <c r="AJ18" s="196">
        <v>0</v>
      </c>
      <c r="AK18" s="193">
        <v>0</v>
      </c>
      <c r="AL18" s="195">
        <v>0</v>
      </c>
      <c r="AM18" s="196">
        <v>0</v>
      </c>
      <c r="AN18" s="196">
        <v>1</v>
      </c>
      <c r="AO18" s="196">
        <v>1</v>
      </c>
      <c r="AP18" s="196">
        <v>0</v>
      </c>
      <c r="AQ18" s="196">
        <v>0</v>
      </c>
      <c r="AR18" s="193">
        <v>2</v>
      </c>
      <c r="AS18" s="198">
        <v>2</v>
      </c>
      <c r="AT18" s="192">
        <v>0</v>
      </c>
      <c r="AU18" s="196">
        <v>0</v>
      </c>
      <c r="AV18" s="193">
        <v>0</v>
      </c>
      <c r="AW18" s="195">
        <v>0</v>
      </c>
      <c r="AX18" s="196">
        <v>0</v>
      </c>
      <c r="AY18" s="196">
        <v>0</v>
      </c>
      <c r="AZ18" s="196">
        <v>0</v>
      </c>
      <c r="BA18" s="196">
        <v>0</v>
      </c>
      <c r="BB18" s="196">
        <v>1</v>
      </c>
      <c r="BC18" s="193">
        <v>1</v>
      </c>
      <c r="BD18" s="198">
        <v>1</v>
      </c>
      <c r="BE18" s="192">
        <v>0</v>
      </c>
      <c r="BF18" s="196">
        <v>0</v>
      </c>
      <c r="BG18" s="193">
        <v>0</v>
      </c>
      <c r="BH18" s="195">
        <v>0</v>
      </c>
      <c r="BI18" s="196">
        <v>0</v>
      </c>
      <c r="BJ18" s="196">
        <v>2</v>
      </c>
      <c r="BK18" s="196">
        <v>1</v>
      </c>
      <c r="BL18" s="196">
        <v>1</v>
      </c>
      <c r="BM18" s="196">
        <v>2</v>
      </c>
      <c r="BN18" s="197">
        <v>6</v>
      </c>
      <c r="BO18" s="198">
        <v>6</v>
      </c>
      <c r="BP18" s="192">
        <v>0</v>
      </c>
      <c r="BQ18" s="196">
        <v>0</v>
      </c>
      <c r="BR18" s="193">
        <v>0</v>
      </c>
      <c r="BS18" s="195">
        <v>0</v>
      </c>
      <c r="BT18" s="196">
        <v>0</v>
      </c>
      <c r="BU18" s="196">
        <v>0</v>
      </c>
      <c r="BV18" s="196">
        <v>0</v>
      </c>
      <c r="BW18" s="196">
        <v>0</v>
      </c>
      <c r="BX18" s="196">
        <v>0</v>
      </c>
      <c r="BY18" s="193">
        <v>0</v>
      </c>
      <c r="BZ18" s="198">
        <v>0</v>
      </c>
      <c r="CA18" s="192">
        <v>0</v>
      </c>
      <c r="CB18" s="196">
        <v>0</v>
      </c>
      <c r="CC18" s="193">
        <v>0</v>
      </c>
      <c r="CD18" s="195">
        <v>0</v>
      </c>
      <c r="CE18" s="196">
        <v>0</v>
      </c>
      <c r="CF18" s="196">
        <v>0</v>
      </c>
      <c r="CG18" s="196">
        <v>0</v>
      </c>
      <c r="CH18" s="196">
        <v>0</v>
      </c>
      <c r="CI18" s="196">
        <v>0</v>
      </c>
      <c r="CJ18" s="193">
        <v>0</v>
      </c>
      <c r="CK18" s="198">
        <v>0</v>
      </c>
      <c r="CL18" s="192">
        <v>0</v>
      </c>
      <c r="CM18" s="196">
        <v>0</v>
      </c>
      <c r="CN18" s="193">
        <v>0</v>
      </c>
      <c r="CO18" s="195">
        <v>0</v>
      </c>
      <c r="CP18" s="196">
        <v>0</v>
      </c>
      <c r="CQ18" s="196">
        <v>0</v>
      </c>
      <c r="CR18" s="196">
        <v>0</v>
      </c>
      <c r="CS18" s="196">
        <v>1</v>
      </c>
      <c r="CT18" s="196">
        <v>0</v>
      </c>
      <c r="CU18" s="193">
        <v>1</v>
      </c>
      <c r="CV18" s="198">
        <v>1</v>
      </c>
    </row>
    <row r="19" spans="1:100" ht="21" customHeight="1" x14ac:dyDescent="0.2">
      <c r="A19" s="177" t="s">
        <v>17</v>
      </c>
      <c r="B19" s="192">
        <v>0</v>
      </c>
      <c r="C19" s="193">
        <v>0</v>
      </c>
      <c r="D19" s="194">
        <v>0</v>
      </c>
      <c r="E19" s="195">
        <v>0</v>
      </c>
      <c r="F19" s="196">
        <v>0</v>
      </c>
      <c r="G19" s="196">
        <v>0</v>
      </c>
      <c r="H19" s="196">
        <v>0</v>
      </c>
      <c r="I19" s="196">
        <v>0</v>
      </c>
      <c r="J19" s="196">
        <v>0</v>
      </c>
      <c r="K19" s="197">
        <v>0</v>
      </c>
      <c r="L19" s="198">
        <v>0</v>
      </c>
      <c r="M19" s="192">
        <v>0</v>
      </c>
      <c r="N19" s="196">
        <v>0</v>
      </c>
      <c r="O19" s="193">
        <v>0</v>
      </c>
      <c r="P19" s="195">
        <v>0</v>
      </c>
      <c r="Q19" s="196">
        <v>0</v>
      </c>
      <c r="R19" s="196">
        <v>0</v>
      </c>
      <c r="S19" s="196">
        <v>0</v>
      </c>
      <c r="T19" s="196">
        <v>0</v>
      </c>
      <c r="U19" s="196">
        <v>0</v>
      </c>
      <c r="V19" s="193">
        <v>0</v>
      </c>
      <c r="W19" s="198">
        <v>0</v>
      </c>
      <c r="X19" s="192">
        <v>0</v>
      </c>
      <c r="Y19" s="196">
        <v>0</v>
      </c>
      <c r="Z19" s="193">
        <v>0</v>
      </c>
      <c r="AA19" s="195">
        <v>0</v>
      </c>
      <c r="AB19" s="196">
        <v>15</v>
      </c>
      <c r="AC19" s="196">
        <v>14</v>
      </c>
      <c r="AD19" s="196">
        <v>8</v>
      </c>
      <c r="AE19" s="196">
        <v>4</v>
      </c>
      <c r="AF19" s="196">
        <v>1</v>
      </c>
      <c r="AG19" s="193">
        <v>42</v>
      </c>
      <c r="AH19" s="198">
        <v>42</v>
      </c>
      <c r="AI19" s="192">
        <v>0</v>
      </c>
      <c r="AJ19" s="196">
        <v>0</v>
      </c>
      <c r="AK19" s="193">
        <v>0</v>
      </c>
      <c r="AL19" s="195">
        <v>0</v>
      </c>
      <c r="AM19" s="196">
        <v>1</v>
      </c>
      <c r="AN19" s="196">
        <v>0</v>
      </c>
      <c r="AO19" s="196">
        <v>0</v>
      </c>
      <c r="AP19" s="196">
        <v>0</v>
      </c>
      <c r="AQ19" s="196">
        <v>0</v>
      </c>
      <c r="AR19" s="193">
        <v>1</v>
      </c>
      <c r="AS19" s="198">
        <v>1</v>
      </c>
      <c r="AT19" s="192">
        <v>0</v>
      </c>
      <c r="AU19" s="196">
        <v>0</v>
      </c>
      <c r="AV19" s="193">
        <v>0</v>
      </c>
      <c r="AW19" s="195">
        <v>0</v>
      </c>
      <c r="AX19" s="196">
        <v>0</v>
      </c>
      <c r="AY19" s="196">
        <v>3</v>
      </c>
      <c r="AZ19" s="196">
        <v>0</v>
      </c>
      <c r="BA19" s="196">
        <v>3</v>
      </c>
      <c r="BB19" s="196">
        <v>0</v>
      </c>
      <c r="BC19" s="193">
        <v>6</v>
      </c>
      <c r="BD19" s="198">
        <v>6</v>
      </c>
      <c r="BE19" s="192">
        <v>0</v>
      </c>
      <c r="BF19" s="196">
        <v>0</v>
      </c>
      <c r="BG19" s="193">
        <v>0</v>
      </c>
      <c r="BH19" s="195">
        <v>0</v>
      </c>
      <c r="BI19" s="196">
        <v>2</v>
      </c>
      <c r="BJ19" s="196">
        <v>5</v>
      </c>
      <c r="BK19" s="196">
        <v>3</v>
      </c>
      <c r="BL19" s="196">
        <v>4</v>
      </c>
      <c r="BM19" s="196">
        <v>2</v>
      </c>
      <c r="BN19" s="197">
        <v>16</v>
      </c>
      <c r="BO19" s="198">
        <v>16</v>
      </c>
      <c r="BP19" s="192">
        <v>0</v>
      </c>
      <c r="BQ19" s="196">
        <v>0</v>
      </c>
      <c r="BR19" s="193">
        <v>0</v>
      </c>
      <c r="BS19" s="195">
        <v>0</v>
      </c>
      <c r="BT19" s="196">
        <v>0</v>
      </c>
      <c r="BU19" s="196">
        <v>0</v>
      </c>
      <c r="BV19" s="196">
        <v>0</v>
      </c>
      <c r="BW19" s="196">
        <v>0</v>
      </c>
      <c r="BX19" s="196">
        <v>0</v>
      </c>
      <c r="BY19" s="193">
        <v>0</v>
      </c>
      <c r="BZ19" s="198">
        <v>0</v>
      </c>
      <c r="CA19" s="192">
        <v>0</v>
      </c>
      <c r="CB19" s="196">
        <v>0</v>
      </c>
      <c r="CC19" s="193">
        <v>0</v>
      </c>
      <c r="CD19" s="195">
        <v>0</v>
      </c>
      <c r="CE19" s="196">
        <v>0</v>
      </c>
      <c r="CF19" s="196">
        <v>0</v>
      </c>
      <c r="CG19" s="196">
        <v>3</v>
      </c>
      <c r="CH19" s="196">
        <v>1</v>
      </c>
      <c r="CI19" s="196">
        <v>2</v>
      </c>
      <c r="CJ19" s="193">
        <v>6</v>
      </c>
      <c r="CK19" s="198">
        <v>6</v>
      </c>
      <c r="CL19" s="192">
        <v>0</v>
      </c>
      <c r="CM19" s="196">
        <v>0</v>
      </c>
      <c r="CN19" s="193">
        <v>0</v>
      </c>
      <c r="CO19" s="195">
        <v>0</v>
      </c>
      <c r="CP19" s="196">
        <v>0</v>
      </c>
      <c r="CQ19" s="196">
        <v>0</v>
      </c>
      <c r="CR19" s="196">
        <v>0</v>
      </c>
      <c r="CS19" s="196">
        <v>0</v>
      </c>
      <c r="CT19" s="196">
        <v>0</v>
      </c>
      <c r="CU19" s="193">
        <v>0</v>
      </c>
      <c r="CV19" s="198">
        <v>0</v>
      </c>
    </row>
    <row r="20" spans="1:100" ht="21" customHeight="1" x14ac:dyDescent="0.2">
      <c r="A20" s="177" t="s">
        <v>18</v>
      </c>
      <c r="B20" s="192">
        <v>0</v>
      </c>
      <c r="C20" s="193">
        <v>0</v>
      </c>
      <c r="D20" s="194">
        <v>0</v>
      </c>
      <c r="E20" s="195">
        <v>0</v>
      </c>
      <c r="F20" s="196">
        <v>0</v>
      </c>
      <c r="G20" s="196">
        <v>0</v>
      </c>
      <c r="H20" s="196">
        <v>0</v>
      </c>
      <c r="I20" s="196">
        <v>0</v>
      </c>
      <c r="J20" s="196">
        <v>1</v>
      </c>
      <c r="K20" s="197">
        <v>1</v>
      </c>
      <c r="L20" s="198">
        <v>1</v>
      </c>
      <c r="M20" s="192">
        <v>0</v>
      </c>
      <c r="N20" s="196">
        <v>0</v>
      </c>
      <c r="O20" s="193">
        <v>0</v>
      </c>
      <c r="P20" s="195">
        <v>0</v>
      </c>
      <c r="Q20" s="196">
        <v>0</v>
      </c>
      <c r="R20" s="196">
        <v>0</v>
      </c>
      <c r="S20" s="196">
        <v>0</v>
      </c>
      <c r="T20" s="196">
        <v>0</v>
      </c>
      <c r="U20" s="196">
        <v>0</v>
      </c>
      <c r="V20" s="193">
        <v>0</v>
      </c>
      <c r="W20" s="198">
        <v>0</v>
      </c>
      <c r="X20" s="192">
        <v>0</v>
      </c>
      <c r="Y20" s="196">
        <v>0</v>
      </c>
      <c r="Z20" s="193">
        <v>0</v>
      </c>
      <c r="AA20" s="195">
        <v>0</v>
      </c>
      <c r="AB20" s="196">
        <v>28</v>
      </c>
      <c r="AC20" s="196">
        <v>18</v>
      </c>
      <c r="AD20" s="196">
        <v>5</v>
      </c>
      <c r="AE20" s="196">
        <v>2</v>
      </c>
      <c r="AF20" s="196">
        <v>0</v>
      </c>
      <c r="AG20" s="193">
        <v>53</v>
      </c>
      <c r="AH20" s="198">
        <v>53</v>
      </c>
      <c r="AI20" s="192">
        <v>0</v>
      </c>
      <c r="AJ20" s="196">
        <v>0</v>
      </c>
      <c r="AK20" s="193">
        <v>0</v>
      </c>
      <c r="AL20" s="195">
        <v>0</v>
      </c>
      <c r="AM20" s="196">
        <v>0</v>
      </c>
      <c r="AN20" s="196">
        <v>0</v>
      </c>
      <c r="AO20" s="196">
        <v>3</v>
      </c>
      <c r="AP20" s="196">
        <v>0</v>
      </c>
      <c r="AQ20" s="196">
        <v>0</v>
      </c>
      <c r="AR20" s="193">
        <v>3</v>
      </c>
      <c r="AS20" s="198">
        <v>3</v>
      </c>
      <c r="AT20" s="192">
        <v>0</v>
      </c>
      <c r="AU20" s="196">
        <v>0</v>
      </c>
      <c r="AV20" s="193">
        <v>0</v>
      </c>
      <c r="AW20" s="195">
        <v>0</v>
      </c>
      <c r="AX20" s="196">
        <v>2</v>
      </c>
      <c r="AY20" s="196">
        <v>3</v>
      </c>
      <c r="AZ20" s="196">
        <v>0</v>
      </c>
      <c r="BA20" s="196">
        <v>0</v>
      </c>
      <c r="BB20" s="196">
        <v>0</v>
      </c>
      <c r="BC20" s="193">
        <v>5</v>
      </c>
      <c r="BD20" s="198">
        <v>5</v>
      </c>
      <c r="BE20" s="192">
        <v>0</v>
      </c>
      <c r="BF20" s="196">
        <v>0</v>
      </c>
      <c r="BG20" s="193">
        <v>0</v>
      </c>
      <c r="BH20" s="195">
        <v>0</v>
      </c>
      <c r="BI20" s="196">
        <v>0</v>
      </c>
      <c r="BJ20" s="196">
        <v>1</v>
      </c>
      <c r="BK20" s="196">
        <v>1</v>
      </c>
      <c r="BL20" s="196">
        <v>1</v>
      </c>
      <c r="BM20" s="196">
        <v>1</v>
      </c>
      <c r="BN20" s="197">
        <v>4</v>
      </c>
      <c r="BO20" s="198">
        <v>4</v>
      </c>
      <c r="BP20" s="192">
        <v>0</v>
      </c>
      <c r="BQ20" s="196">
        <v>0</v>
      </c>
      <c r="BR20" s="193">
        <v>0</v>
      </c>
      <c r="BS20" s="195">
        <v>0</v>
      </c>
      <c r="BT20" s="196">
        <v>0</v>
      </c>
      <c r="BU20" s="196">
        <v>0</v>
      </c>
      <c r="BV20" s="196">
        <v>0</v>
      </c>
      <c r="BW20" s="196">
        <v>0</v>
      </c>
      <c r="BX20" s="196">
        <v>0</v>
      </c>
      <c r="BY20" s="193">
        <v>0</v>
      </c>
      <c r="BZ20" s="198">
        <v>0</v>
      </c>
      <c r="CA20" s="192">
        <v>0</v>
      </c>
      <c r="CB20" s="196">
        <v>0</v>
      </c>
      <c r="CC20" s="193">
        <v>0</v>
      </c>
      <c r="CD20" s="195">
        <v>0</v>
      </c>
      <c r="CE20" s="196">
        <v>0</v>
      </c>
      <c r="CF20" s="196">
        <v>0</v>
      </c>
      <c r="CG20" s="196">
        <v>0</v>
      </c>
      <c r="CH20" s="196">
        <v>0</v>
      </c>
      <c r="CI20" s="196">
        <v>0</v>
      </c>
      <c r="CJ20" s="193">
        <v>0</v>
      </c>
      <c r="CK20" s="198">
        <v>0</v>
      </c>
      <c r="CL20" s="192">
        <v>0</v>
      </c>
      <c r="CM20" s="196">
        <v>0</v>
      </c>
      <c r="CN20" s="193">
        <v>0</v>
      </c>
      <c r="CO20" s="195">
        <v>0</v>
      </c>
      <c r="CP20" s="196">
        <v>0</v>
      </c>
      <c r="CQ20" s="196">
        <v>0</v>
      </c>
      <c r="CR20" s="196">
        <v>0</v>
      </c>
      <c r="CS20" s="196">
        <v>2</v>
      </c>
      <c r="CT20" s="196">
        <v>2</v>
      </c>
      <c r="CU20" s="193">
        <v>4</v>
      </c>
      <c r="CV20" s="198">
        <v>4</v>
      </c>
    </row>
    <row r="21" spans="1:100" ht="21" customHeight="1" x14ac:dyDescent="0.2">
      <c r="A21" s="177" t="s">
        <v>19</v>
      </c>
      <c r="B21" s="192">
        <v>0</v>
      </c>
      <c r="C21" s="193">
        <v>0</v>
      </c>
      <c r="D21" s="194">
        <v>0</v>
      </c>
      <c r="E21" s="195">
        <v>0</v>
      </c>
      <c r="F21" s="196">
        <v>0</v>
      </c>
      <c r="G21" s="196">
        <v>0</v>
      </c>
      <c r="H21" s="196">
        <v>0</v>
      </c>
      <c r="I21" s="196">
        <v>2</v>
      </c>
      <c r="J21" s="196">
        <v>0</v>
      </c>
      <c r="K21" s="197">
        <v>2</v>
      </c>
      <c r="L21" s="198">
        <v>2</v>
      </c>
      <c r="M21" s="192">
        <v>0</v>
      </c>
      <c r="N21" s="196">
        <v>0</v>
      </c>
      <c r="O21" s="193">
        <v>0</v>
      </c>
      <c r="P21" s="195">
        <v>0</v>
      </c>
      <c r="Q21" s="196">
        <v>0</v>
      </c>
      <c r="R21" s="196">
        <v>0</v>
      </c>
      <c r="S21" s="196">
        <v>0</v>
      </c>
      <c r="T21" s="196">
        <v>1</v>
      </c>
      <c r="U21" s="196">
        <v>0</v>
      </c>
      <c r="V21" s="193">
        <v>1</v>
      </c>
      <c r="W21" s="198">
        <v>1</v>
      </c>
      <c r="X21" s="192">
        <v>0</v>
      </c>
      <c r="Y21" s="196">
        <v>0</v>
      </c>
      <c r="Z21" s="193">
        <v>0</v>
      </c>
      <c r="AA21" s="195">
        <v>0</v>
      </c>
      <c r="AB21" s="196">
        <v>10</v>
      </c>
      <c r="AC21" s="196">
        <v>4</v>
      </c>
      <c r="AD21" s="196">
        <v>3</v>
      </c>
      <c r="AE21" s="196">
        <v>1</v>
      </c>
      <c r="AF21" s="196">
        <v>0</v>
      </c>
      <c r="AG21" s="193">
        <v>18</v>
      </c>
      <c r="AH21" s="198">
        <v>18</v>
      </c>
      <c r="AI21" s="192">
        <v>0</v>
      </c>
      <c r="AJ21" s="196">
        <v>0</v>
      </c>
      <c r="AK21" s="193">
        <v>0</v>
      </c>
      <c r="AL21" s="195">
        <v>0</v>
      </c>
      <c r="AM21" s="196">
        <v>1</v>
      </c>
      <c r="AN21" s="196">
        <v>2</v>
      </c>
      <c r="AO21" s="196">
        <v>1</v>
      </c>
      <c r="AP21" s="196">
        <v>0</v>
      </c>
      <c r="AQ21" s="196">
        <v>0</v>
      </c>
      <c r="AR21" s="193">
        <v>4</v>
      </c>
      <c r="AS21" s="198">
        <v>4</v>
      </c>
      <c r="AT21" s="192">
        <v>0</v>
      </c>
      <c r="AU21" s="196">
        <v>0</v>
      </c>
      <c r="AV21" s="193">
        <v>0</v>
      </c>
      <c r="AW21" s="195">
        <v>0</v>
      </c>
      <c r="AX21" s="196">
        <v>2</v>
      </c>
      <c r="AY21" s="196">
        <v>1</v>
      </c>
      <c r="AZ21" s="196">
        <v>1</v>
      </c>
      <c r="BA21" s="196">
        <v>3</v>
      </c>
      <c r="BB21" s="196">
        <v>1</v>
      </c>
      <c r="BC21" s="193">
        <v>8</v>
      </c>
      <c r="BD21" s="198">
        <v>8</v>
      </c>
      <c r="BE21" s="192">
        <v>0</v>
      </c>
      <c r="BF21" s="196">
        <v>0</v>
      </c>
      <c r="BG21" s="193">
        <v>0</v>
      </c>
      <c r="BH21" s="195">
        <v>0</v>
      </c>
      <c r="BI21" s="196">
        <v>1</v>
      </c>
      <c r="BJ21" s="196">
        <v>1</v>
      </c>
      <c r="BK21" s="196">
        <v>0</v>
      </c>
      <c r="BL21" s="196">
        <v>0</v>
      </c>
      <c r="BM21" s="196">
        <v>0</v>
      </c>
      <c r="BN21" s="197">
        <v>2</v>
      </c>
      <c r="BO21" s="198">
        <v>2</v>
      </c>
      <c r="BP21" s="192">
        <v>0</v>
      </c>
      <c r="BQ21" s="196">
        <v>0</v>
      </c>
      <c r="BR21" s="193">
        <v>0</v>
      </c>
      <c r="BS21" s="195">
        <v>0</v>
      </c>
      <c r="BT21" s="196">
        <v>0</v>
      </c>
      <c r="BU21" s="196">
        <v>0</v>
      </c>
      <c r="BV21" s="196">
        <v>0</v>
      </c>
      <c r="BW21" s="196">
        <v>0</v>
      </c>
      <c r="BX21" s="196">
        <v>0</v>
      </c>
      <c r="BY21" s="193">
        <v>0</v>
      </c>
      <c r="BZ21" s="198">
        <v>0</v>
      </c>
      <c r="CA21" s="192">
        <v>0</v>
      </c>
      <c r="CB21" s="196">
        <v>0</v>
      </c>
      <c r="CC21" s="193">
        <v>0</v>
      </c>
      <c r="CD21" s="195">
        <v>0</v>
      </c>
      <c r="CE21" s="196">
        <v>0</v>
      </c>
      <c r="CF21" s="196">
        <v>0</v>
      </c>
      <c r="CG21" s="196">
        <v>0</v>
      </c>
      <c r="CH21" s="196">
        <v>0</v>
      </c>
      <c r="CI21" s="196">
        <v>0</v>
      </c>
      <c r="CJ21" s="193">
        <v>0</v>
      </c>
      <c r="CK21" s="198">
        <v>0</v>
      </c>
      <c r="CL21" s="192">
        <v>0</v>
      </c>
      <c r="CM21" s="196">
        <v>0</v>
      </c>
      <c r="CN21" s="193">
        <v>0</v>
      </c>
      <c r="CO21" s="195">
        <v>0</v>
      </c>
      <c r="CP21" s="196">
        <v>0</v>
      </c>
      <c r="CQ21" s="196">
        <v>0</v>
      </c>
      <c r="CR21" s="196">
        <v>0</v>
      </c>
      <c r="CS21" s="196">
        <v>0</v>
      </c>
      <c r="CT21" s="196">
        <v>0</v>
      </c>
      <c r="CU21" s="193">
        <v>0</v>
      </c>
      <c r="CV21" s="198">
        <v>0</v>
      </c>
    </row>
    <row r="22" spans="1:100" ht="21" customHeight="1" x14ac:dyDescent="0.2">
      <c r="A22" s="177" t="s">
        <v>20</v>
      </c>
      <c r="B22" s="192">
        <v>0</v>
      </c>
      <c r="C22" s="193">
        <v>0</v>
      </c>
      <c r="D22" s="194">
        <v>0</v>
      </c>
      <c r="E22" s="195">
        <v>0</v>
      </c>
      <c r="F22" s="196">
        <v>0</v>
      </c>
      <c r="G22" s="196">
        <v>0</v>
      </c>
      <c r="H22" s="196">
        <v>0</v>
      </c>
      <c r="I22" s="196">
        <v>0</v>
      </c>
      <c r="J22" s="196">
        <v>0</v>
      </c>
      <c r="K22" s="197">
        <v>0</v>
      </c>
      <c r="L22" s="198">
        <v>0</v>
      </c>
      <c r="M22" s="192">
        <v>0</v>
      </c>
      <c r="N22" s="196">
        <v>0</v>
      </c>
      <c r="O22" s="193">
        <v>0</v>
      </c>
      <c r="P22" s="195">
        <v>0</v>
      </c>
      <c r="Q22" s="196">
        <v>0</v>
      </c>
      <c r="R22" s="196">
        <v>0</v>
      </c>
      <c r="S22" s="196">
        <v>0</v>
      </c>
      <c r="T22" s="196">
        <v>0</v>
      </c>
      <c r="U22" s="196">
        <v>0</v>
      </c>
      <c r="V22" s="193">
        <v>0</v>
      </c>
      <c r="W22" s="198">
        <v>0</v>
      </c>
      <c r="X22" s="192">
        <v>0</v>
      </c>
      <c r="Y22" s="196">
        <v>0</v>
      </c>
      <c r="Z22" s="193">
        <v>0</v>
      </c>
      <c r="AA22" s="195">
        <v>0</v>
      </c>
      <c r="AB22" s="196">
        <v>12</v>
      </c>
      <c r="AC22" s="196">
        <v>6</v>
      </c>
      <c r="AD22" s="196">
        <v>0</v>
      </c>
      <c r="AE22" s="196">
        <v>1</v>
      </c>
      <c r="AF22" s="196">
        <v>0</v>
      </c>
      <c r="AG22" s="193">
        <v>19</v>
      </c>
      <c r="AH22" s="198">
        <v>19</v>
      </c>
      <c r="AI22" s="192">
        <v>0</v>
      </c>
      <c r="AJ22" s="196">
        <v>0</v>
      </c>
      <c r="AK22" s="193">
        <v>0</v>
      </c>
      <c r="AL22" s="195">
        <v>0</v>
      </c>
      <c r="AM22" s="196">
        <v>0</v>
      </c>
      <c r="AN22" s="196">
        <v>0</v>
      </c>
      <c r="AO22" s="196">
        <v>0</v>
      </c>
      <c r="AP22" s="196">
        <v>1</v>
      </c>
      <c r="AQ22" s="196">
        <v>0</v>
      </c>
      <c r="AR22" s="193">
        <v>1</v>
      </c>
      <c r="AS22" s="198">
        <v>1</v>
      </c>
      <c r="AT22" s="192">
        <v>0</v>
      </c>
      <c r="AU22" s="196">
        <v>0</v>
      </c>
      <c r="AV22" s="193">
        <v>0</v>
      </c>
      <c r="AW22" s="195">
        <v>0</v>
      </c>
      <c r="AX22" s="196">
        <v>1</v>
      </c>
      <c r="AY22" s="196">
        <v>1</v>
      </c>
      <c r="AZ22" s="196">
        <v>0</v>
      </c>
      <c r="BA22" s="196">
        <v>0</v>
      </c>
      <c r="BB22" s="196">
        <v>0</v>
      </c>
      <c r="BC22" s="193">
        <v>2</v>
      </c>
      <c r="BD22" s="198">
        <v>2</v>
      </c>
      <c r="BE22" s="192">
        <v>0</v>
      </c>
      <c r="BF22" s="196">
        <v>0</v>
      </c>
      <c r="BG22" s="193">
        <v>0</v>
      </c>
      <c r="BH22" s="195">
        <v>0</v>
      </c>
      <c r="BI22" s="196">
        <v>2</v>
      </c>
      <c r="BJ22" s="196">
        <v>1</v>
      </c>
      <c r="BK22" s="196">
        <v>1</v>
      </c>
      <c r="BL22" s="196">
        <v>1</v>
      </c>
      <c r="BM22" s="196">
        <v>0</v>
      </c>
      <c r="BN22" s="197">
        <v>5</v>
      </c>
      <c r="BO22" s="198">
        <v>5</v>
      </c>
      <c r="BP22" s="192">
        <v>0</v>
      </c>
      <c r="BQ22" s="196">
        <v>0</v>
      </c>
      <c r="BR22" s="193">
        <v>0</v>
      </c>
      <c r="BS22" s="195">
        <v>0</v>
      </c>
      <c r="BT22" s="196">
        <v>0</v>
      </c>
      <c r="BU22" s="196">
        <v>0</v>
      </c>
      <c r="BV22" s="196">
        <v>0</v>
      </c>
      <c r="BW22" s="196">
        <v>0</v>
      </c>
      <c r="BX22" s="196">
        <v>0</v>
      </c>
      <c r="BY22" s="193">
        <v>0</v>
      </c>
      <c r="BZ22" s="198">
        <v>0</v>
      </c>
      <c r="CA22" s="192">
        <v>0</v>
      </c>
      <c r="CB22" s="196">
        <v>0</v>
      </c>
      <c r="CC22" s="193">
        <v>0</v>
      </c>
      <c r="CD22" s="195">
        <v>0</v>
      </c>
      <c r="CE22" s="196">
        <v>0</v>
      </c>
      <c r="CF22" s="196">
        <v>0</v>
      </c>
      <c r="CG22" s="196">
        <v>0</v>
      </c>
      <c r="CH22" s="196">
        <v>0</v>
      </c>
      <c r="CI22" s="196">
        <v>0</v>
      </c>
      <c r="CJ22" s="193">
        <v>0</v>
      </c>
      <c r="CK22" s="198">
        <v>0</v>
      </c>
      <c r="CL22" s="192">
        <v>0</v>
      </c>
      <c r="CM22" s="196">
        <v>0</v>
      </c>
      <c r="CN22" s="193">
        <v>0</v>
      </c>
      <c r="CO22" s="195">
        <v>0</v>
      </c>
      <c r="CP22" s="196">
        <v>0</v>
      </c>
      <c r="CQ22" s="196">
        <v>0</v>
      </c>
      <c r="CR22" s="196">
        <v>0</v>
      </c>
      <c r="CS22" s="196">
        <v>0</v>
      </c>
      <c r="CT22" s="196">
        <v>0</v>
      </c>
      <c r="CU22" s="193">
        <v>0</v>
      </c>
      <c r="CV22" s="198">
        <v>0</v>
      </c>
    </row>
    <row r="23" spans="1:100" ht="21" customHeight="1" x14ac:dyDescent="0.2">
      <c r="A23" s="177" t="s">
        <v>21</v>
      </c>
      <c r="B23" s="192">
        <v>0</v>
      </c>
      <c r="C23" s="193">
        <v>0</v>
      </c>
      <c r="D23" s="194">
        <v>0</v>
      </c>
      <c r="E23" s="195">
        <v>0</v>
      </c>
      <c r="F23" s="196">
        <v>0</v>
      </c>
      <c r="G23" s="196">
        <v>0</v>
      </c>
      <c r="H23" s="196">
        <v>0</v>
      </c>
      <c r="I23" s="196">
        <v>0</v>
      </c>
      <c r="J23" s="196">
        <v>0</v>
      </c>
      <c r="K23" s="197">
        <v>0</v>
      </c>
      <c r="L23" s="198">
        <v>0</v>
      </c>
      <c r="M23" s="192">
        <v>0</v>
      </c>
      <c r="N23" s="196">
        <v>0</v>
      </c>
      <c r="O23" s="193">
        <v>0</v>
      </c>
      <c r="P23" s="195">
        <v>0</v>
      </c>
      <c r="Q23" s="196">
        <v>0</v>
      </c>
      <c r="R23" s="196">
        <v>0</v>
      </c>
      <c r="S23" s="196">
        <v>0</v>
      </c>
      <c r="T23" s="196">
        <v>0</v>
      </c>
      <c r="U23" s="196">
        <v>0</v>
      </c>
      <c r="V23" s="193">
        <v>0</v>
      </c>
      <c r="W23" s="198">
        <v>0</v>
      </c>
      <c r="X23" s="192">
        <v>0</v>
      </c>
      <c r="Y23" s="196">
        <v>0</v>
      </c>
      <c r="Z23" s="193">
        <v>0</v>
      </c>
      <c r="AA23" s="195">
        <v>0</v>
      </c>
      <c r="AB23" s="196">
        <v>11</v>
      </c>
      <c r="AC23" s="196">
        <v>5</v>
      </c>
      <c r="AD23" s="196">
        <v>3</v>
      </c>
      <c r="AE23" s="196">
        <v>1</v>
      </c>
      <c r="AF23" s="196">
        <v>0</v>
      </c>
      <c r="AG23" s="193">
        <v>20</v>
      </c>
      <c r="AH23" s="198">
        <v>20</v>
      </c>
      <c r="AI23" s="192">
        <v>0</v>
      </c>
      <c r="AJ23" s="196">
        <v>0</v>
      </c>
      <c r="AK23" s="193">
        <v>0</v>
      </c>
      <c r="AL23" s="195">
        <v>0</v>
      </c>
      <c r="AM23" s="196">
        <v>0</v>
      </c>
      <c r="AN23" s="196">
        <v>0</v>
      </c>
      <c r="AO23" s="196">
        <v>0</v>
      </c>
      <c r="AP23" s="196">
        <v>0</v>
      </c>
      <c r="AQ23" s="196">
        <v>0</v>
      </c>
      <c r="AR23" s="193">
        <v>0</v>
      </c>
      <c r="AS23" s="198">
        <v>0</v>
      </c>
      <c r="AT23" s="192">
        <v>0</v>
      </c>
      <c r="AU23" s="196">
        <v>0</v>
      </c>
      <c r="AV23" s="193">
        <v>0</v>
      </c>
      <c r="AW23" s="195">
        <v>0</v>
      </c>
      <c r="AX23" s="196">
        <v>0</v>
      </c>
      <c r="AY23" s="196">
        <v>0</v>
      </c>
      <c r="AZ23" s="196">
        <v>2</v>
      </c>
      <c r="BA23" s="196">
        <v>0</v>
      </c>
      <c r="BB23" s="196">
        <v>0</v>
      </c>
      <c r="BC23" s="193">
        <v>2</v>
      </c>
      <c r="BD23" s="198">
        <v>2</v>
      </c>
      <c r="BE23" s="192">
        <v>0</v>
      </c>
      <c r="BF23" s="196">
        <v>0</v>
      </c>
      <c r="BG23" s="193">
        <v>0</v>
      </c>
      <c r="BH23" s="195">
        <v>0</v>
      </c>
      <c r="BI23" s="196">
        <v>1</v>
      </c>
      <c r="BJ23" s="196">
        <v>1</v>
      </c>
      <c r="BK23" s="196">
        <v>0</v>
      </c>
      <c r="BL23" s="196">
        <v>1</v>
      </c>
      <c r="BM23" s="196">
        <v>0</v>
      </c>
      <c r="BN23" s="197">
        <v>3</v>
      </c>
      <c r="BO23" s="198">
        <v>3</v>
      </c>
      <c r="BP23" s="192">
        <v>0</v>
      </c>
      <c r="BQ23" s="196">
        <v>0</v>
      </c>
      <c r="BR23" s="193">
        <v>0</v>
      </c>
      <c r="BS23" s="195">
        <v>0</v>
      </c>
      <c r="BT23" s="196">
        <v>0</v>
      </c>
      <c r="BU23" s="196">
        <v>0</v>
      </c>
      <c r="BV23" s="196">
        <v>0</v>
      </c>
      <c r="BW23" s="196">
        <v>0</v>
      </c>
      <c r="BX23" s="196">
        <v>0</v>
      </c>
      <c r="BY23" s="193">
        <v>0</v>
      </c>
      <c r="BZ23" s="198">
        <v>0</v>
      </c>
      <c r="CA23" s="192">
        <v>0</v>
      </c>
      <c r="CB23" s="196">
        <v>0</v>
      </c>
      <c r="CC23" s="193">
        <v>0</v>
      </c>
      <c r="CD23" s="195">
        <v>0</v>
      </c>
      <c r="CE23" s="196">
        <v>0</v>
      </c>
      <c r="CF23" s="196">
        <v>0</v>
      </c>
      <c r="CG23" s="196">
        <v>0</v>
      </c>
      <c r="CH23" s="196">
        <v>0</v>
      </c>
      <c r="CI23" s="196">
        <v>0</v>
      </c>
      <c r="CJ23" s="193">
        <v>0</v>
      </c>
      <c r="CK23" s="198">
        <v>0</v>
      </c>
      <c r="CL23" s="192">
        <v>0</v>
      </c>
      <c r="CM23" s="196">
        <v>0</v>
      </c>
      <c r="CN23" s="193">
        <v>0</v>
      </c>
      <c r="CO23" s="195">
        <v>0</v>
      </c>
      <c r="CP23" s="196">
        <v>0</v>
      </c>
      <c r="CQ23" s="196">
        <v>0</v>
      </c>
      <c r="CR23" s="196">
        <v>0</v>
      </c>
      <c r="CS23" s="196">
        <v>0</v>
      </c>
      <c r="CT23" s="196">
        <v>0</v>
      </c>
      <c r="CU23" s="193">
        <v>0</v>
      </c>
      <c r="CV23" s="198">
        <v>0</v>
      </c>
    </row>
    <row r="24" spans="1:100" ht="21" customHeight="1" x14ac:dyDescent="0.2">
      <c r="A24" s="177" t="s">
        <v>22</v>
      </c>
      <c r="B24" s="192">
        <v>0</v>
      </c>
      <c r="C24" s="193">
        <v>0</v>
      </c>
      <c r="D24" s="194">
        <v>0</v>
      </c>
      <c r="E24" s="195">
        <v>0</v>
      </c>
      <c r="F24" s="196">
        <v>3</v>
      </c>
      <c r="G24" s="196">
        <v>2</v>
      </c>
      <c r="H24" s="196">
        <v>0</v>
      </c>
      <c r="I24" s="196">
        <v>0</v>
      </c>
      <c r="J24" s="196">
        <v>0</v>
      </c>
      <c r="K24" s="197">
        <v>5</v>
      </c>
      <c r="L24" s="198">
        <v>5</v>
      </c>
      <c r="M24" s="192">
        <v>0</v>
      </c>
      <c r="N24" s="196">
        <v>0</v>
      </c>
      <c r="O24" s="193">
        <v>0</v>
      </c>
      <c r="P24" s="195">
        <v>0</v>
      </c>
      <c r="Q24" s="196">
        <v>0</v>
      </c>
      <c r="R24" s="196">
        <v>0</v>
      </c>
      <c r="S24" s="196">
        <v>0</v>
      </c>
      <c r="T24" s="196">
        <v>0</v>
      </c>
      <c r="U24" s="196">
        <v>0</v>
      </c>
      <c r="V24" s="193">
        <v>0</v>
      </c>
      <c r="W24" s="198">
        <v>0</v>
      </c>
      <c r="X24" s="192">
        <v>0</v>
      </c>
      <c r="Y24" s="196">
        <v>0</v>
      </c>
      <c r="Z24" s="193">
        <v>0</v>
      </c>
      <c r="AA24" s="195">
        <v>0</v>
      </c>
      <c r="AB24" s="196">
        <v>8</v>
      </c>
      <c r="AC24" s="196">
        <v>3</v>
      </c>
      <c r="AD24" s="196">
        <v>0</v>
      </c>
      <c r="AE24" s="196">
        <v>0</v>
      </c>
      <c r="AF24" s="196">
        <v>0</v>
      </c>
      <c r="AG24" s="193">
        <v>11</v>
      </c>
      <c r="AH24" s="198">
        <v>11</v>
      </c>
      <c r="AI24" s="192">
        <v>0</v>
      </c>
      <c r="AJ24" s="196">
        <v>0</v>
      </c>
      <c r="AK24" s="193">
        <v>0</v>
      </c>
      <c r="AL24" s="195">
        <v>0</v>
      </c>
      <c r="AM24" s="196">
        <v>0</v>
      </c>
      <c r="AN24" s="196">
        <v>0</v>
      </c>
      <c r="AO24" s="196">
        <v>1</v>
      </c>
      <c r="AP24" s="196">
        <v>0</v>
      </c>
      <c r="AQ24" s="196">
        <v>0</v>
      </c>
      <c r="AR24" s="193">
        <v>1</v>
      </c>
      <c r="AS24" s="198">
        <v>1</v>
      </c>
      <c r="AT24" s="192">
        <v>1</v>
      </c>
      <c r="AU24" s="196">
        <v>0</v>
      </c>
      <c r="AV24" s="193">
        <v>1</v>
      </c>
      <c r="AW24" s="195">
        <v>0</v>
      </c>
      <c r="AX24" s="196">
        <v>0</v>
      </c>
      <c r="AY24" s="196">
        <v>1</v>
      </c>
      <c r="AZ24" s="196">
        <v>0</v>
      </c>
      <c r="BA24" s="196">
        <v>0</v>
      </c>
      <c r="BB24" s="196">
        <v>0</v>
      </c>
      <c r="BC24" s="193">
        <v>1</v>
      </c>
      <c r="BD24" s="198">
        <v>2</v>
      </c>
      <c r="BE24" s="192">
        <v>0</v>
      </c>
      <c r="BF24" s="196">
        <v>0</v>
      </c>
      <c r="BG24" s="193">
        <v>0</v>
      </c>
      <c r="BH24" s="195">
        <v>0</v>
      </c>
      <c r="BI24" s="196">
        <v>0</v>
      </c>
      <c r="BJ24" s="196">
        <v>0</v>
      </c>
      <c r="BK24" s="196">
        <v>1</v>
      </c>
      <c r="BL24" s="196">
        <v>1</v>
      </c>
      <c r="BM24" s="196">
        <v>1</v>
      </c>
      <c r="BN24" s="197">
        <v>3</v>
      </c>
      <c r="BO24" s="198">
        <v>3</v>
      </c>
      <c r="BP24" s="192">
        <v>0</v>
      </c>
      <c r="BQ24" s="196">
        <v>0</v>
      </c>
      <c r="BR24" s="193">
        <v>0</v>
      </c>
      <c r="BS24" s="195">
        <v>0</v>
      </c>
      <c r="BT24" s="196">
        <v>0</v>
      </c>
      <c r="BU24" s="196">
        <v>0</v>
      </c>
      <c r="BV24" s="196">
        <v>0</v>
      </c>
      <c r="BW24" s="196">
        <v>0</v>
      </c>
      <c r="BX24" s="196">
        <v>0</v>
      </c>
      <c r="BY24" s="193">
        <v>0</v>
      </c>
      <c r="BZ24" s="198">
        <v>0</v>
      </c>
      <c r="CA24" s="192">
        <v>0</v>
      </c>
      <c r="CB24" s="196">
        <v>0</v>
      </c>
      <c r="CC24" s="193">
        <v>0</v>
      </c>
      <c r="CD24" s="195">
        <v>0</v>
      </c>
      <c r="CE24" s="196">
        <v>0</v>
      </c>
      <c r="CF24" s="196">
        <v>0</v>
      </c>
      <c r="CG24" s="196">
        <v>0</v>
      </c>
      <c r="CH24" s="196">
        <v>1</v>
      </c>
      <c r="CI24" s="196">
        <v>0</v>
      </c>
      <c r="CJ24" s="193">
        <v>1</v>
      </c>
      <c r="CK24" s="198">
        <v>1</v>
      </c>
      <c r="CL24" s="192">
        <v>0</v>
      </c>
      <c r="CM24" s="196">
        <v>0</v>
      </c>
      <c r="CN24" s="193">
        <v>0</v>
      </c>
      <c r="CO24" s="195">
        <v>0</v>
      </c>
      <c r="CP24" s="196">
        <v>0</v>
      </c>
      <c r="CQ24" s="196">
        <v>0</v>
      </c>
      <c r="CR24" s="196">
        <v>0</v>
      </c>
      <c r="CS24" s="196">
        <v>0</v>
      </c>
      <c r="CT24" s="196">
        <v>0</v>
      </c>
      <c r="CU24" s="193">
        <v>0</v>
      </c>
      <c r="CV24" s="198">
        <v>0</v>
      </c>
    </row>
    <row r="25" spans="1:100" ht="21" customHeight="1" x14ac:dyDescent="0.2">
      <c r="A25" s="177" t="s">
        <v>23</v>
      </c>
      <c r="B25" s="192">
        <v>0</v>
      </c>
      <c r="C25" s="193">
        <v>0</v>
      </c>
      <c r="D25" s="194">
        <v>0</v>
      </c>
      <c r="E25" s="195">
        <v>0</v>
      </c>
      <c r="F25" s="196">
        <v>0</v>
      </c>
      <c r="G25" s="196">
        <v>0</v>
      </c>
      <c r="H25" s="196">
        <v>0</v>
      </c>
      <c r="I25" s="196">
        <v>0</v>
      </c>
      <c r="J25" s="196">
        <v>0</v>
      </c>
      <c r="K25" s="197">
        <v>0</v>
      </c>
      <c r="L25" s="198">
        <v>0</v>
      </c>
      <c r="M25" s="192">
        <v>0</v>
      </c>
      <c r="N25" s="196">
        <v>0</v>
      </c>
      <c r="O25" s="193">
        <v>0</v>
      </c>
      <c r="P25" s="195">
        <v>0</v>
      </c>
      <c r="Q25" s="196">
        <v>0</v>
      </c>
      <c r="R25" s="196">
        <v>0</v>
      </c>
      <c r="S25" s="196">
        <v>0</v>
      </c>
      <c r="T25" s="196">
        <v>0</v>
      </c>
      <c r="U25" s="196">
        <v>0</v>
      </c>
      <c r="V25" s="193">
        <v>0</v>
      </c>
      <c r="W25" s="198">
        <v>0</v>
      </c>
      <c r="X25" s="192">
        <v>0</v>
      </c>
      <c r="Y25" s="196">
        <v>0</v>
      </c>
      <c r="Z25" s="193">
        <v>0</v>
      </c>
      <c r="AA25" s="195">
        <v>0</v>
      </c>
      <c r="AB25" s="196">
        <v>3</v>
      </c>
      <c r="AC25" s="196">
        <v>2</v>
      </c>
      <c r="AD25" s="196">
        <v>0</v>
      </c>
      <c r="AE25" s="196">
        <v>0</v>
      </c>
      <c r="AF25" s="196">
        <v>1</v>
      </c>
      <c r="AG25" s="193">
        <v>6</v>
      </c>
      <c r="AH25" s="198">
        <v>6</v>
      </c>
      <c r="AI25" s="192">
        <v>0</v>
      </c>
      <c r="AJ25" s="196">
        <v>0</v>
      </c>
      <c r="AK25" s="193">
        <v>0</v>
      </c>
      <c r="AL25" s="195">
        <v>0</v>
      </c>
      <c r="AM25" s="196">
        <v>0</v>
      </c>
      <c r="AN25" s="196">
        <v>0</v>
      </c>
      <c r="AO25" s="196">
        <v>0</v>
      </c>
      <c r="AP25" s="196">
        <v>0</v>
      </c>
      <c r="AQ25" s="196">
        <v>0</v>
      </c>
      <c r="AR25" s="193">
        <v>0</v>
      </c>
      <c r="AS25" s="198">
        <v>0</v>
      </c>
      <c r="AT25" s="192">
        <v>0</v>
      </c>
      <c r="AU25" s="196">
        <v>0</v>
      </c>
      <c r="AV25" s="193">
        <v>0</v>
      </c>
      <c r="AW25" s="195">
        <v>0</v>
      </c>
      <c r="AX25" s="196">
        <v>0</v>
      </c>
      <c r="AY25" s="196">
        <v>0</v>
      </c>
      <c r="AZ25" s="196">
        <v>0</v>
      </c>
      <c r="BA25" s="196">
        <v>0</v>
      </c>
      <c r="BB25" s="196">
        <v>0</v>
      </c>
      <c r="BC25" s="193">
        <v>0</v>
      </c>
      <c r="BD25" s="198">
        <v>0</v>
      </c>
      <c r="BE25" s="192">
        <v>0</v>
      </c>
      <c r="BF25" s="196">
        <v>0</v>
      </c>
      <c r="BG25" s="193">
        <v>0</v>
      </c>
      <c r="BH25" s="195">
        <v>0</v>
      </c>
      <c r="BI25" s="196">
        <v>0</v>
      </c>
      <c r="BJ25" s="196">
        <v>0</v>
      </c>
      <c r="BK25" s="196">
        <v>1</v>
      </c>
      <c r="BL25" s="196">
        <v>0</v>
      </c>
      <c r="BM25" s="196">
        <v>0</v>
      </c>
      <c r="BN25" s="197">
        <v>1</v>
      </c>
      <c r="BO25" s="198">
        <v>1</v>
      </c>
      <c r="BP25" s="192">
        <v>0</v>
      </c>
      <c r="BQ25" s="196">
        <v>0</v>
      </c>
      <c r="BR25" s="193">
        <v>0</v>
      </c>
      <c r="BS25" s="195">
        <v>0</v>
      </c>
      <c r="BT25" s="196">
        <v>0</v>
      </c>
      <c r="BU25" s="196">
        <v>0</v>
      </c>
      <c r="BV25" s="196">
        <v>0</v>
      </c>
      <c r="BW25" s="196">
        <v>0</v>
      </c>
      <c r="BX25" s="196">
        <v>0</v>
      </c>
      <c r="BY25" s="193">
        <v>0</v>
      </c>
      <c r="BZ25" s="198">
        <v>0</v>
      </c>
      <c r="CA25" s="192">
        <v>0</v>
      </c>
      <c r="CB25" s="196">
        <v>0</v>
      </c>
      <c r="CC25" s="193">
        <v>0</v>
      </c>
      <c r="CD25" s="195">
        <v>0</v>
      </c>
      <c r="CE25" s="196">
        <v>0</v>
      </c>
      <c r="CF25" s="196">
        <v>0</v>
      </c>
      <c r="CG25" s="196">
        <v>0</v>
      </c>
      <c r="CH25" s="196">
        <v>0</v>
      </c>
      <c r="CI25" s="196">
        <v>0</v>
      </c>
      <c r="CJ25" s="193">
        <v>0</v>
      </c>
      <c r="CK25" s="198">
        <v>0</v>
      </c>
      <c r="CL25" s="192">
        <v>0</v>
      </c>
      <c r="CM25" s="196">
        <v>0</v>
      </c>
      <c r="CN25" s="193">
        <v>0</v>
      </c>
      <c r="CO25" s="195">
        <v>0</v>
      </c>
      <c r="CP25" s="196">
        <v>0</v>
      </c>
      <c r="CQ25" s="196">
        <v>0</v>
      </c>
      <c r="CR25" s="196">
        <v>0</v>
      </c>
      <c r="CS25" s="196">
        <v>0</v>
      </c>
      <c r="CT25" s="196">
        <v>0</v>
      </c>
      <c r="CU25" s="193">
        <v>0</v>
      </c>
      <c r="CV25" s="198">
        <v>0</v>
      </c>
    </row>
    <row r="26" spans="1:100" ht="21" customHeight="1" x14ac:dyDescent="0.2">
      <c r="A26" s="177" t="s">
        <v>24</v>
      </c>
      <c r="B26" s="192">
        <v>0</v>
      </c>
      <c r="C26" s="193">
        <v>0</v>
      </c>
      <c r="D26" s="194">
        <v>0</v>
      </c>
      <c r="E26" s="195">
        <v>0</v>
      </c>
      <c r="F26" s="196">
        <v>0</v>
      </c>
      <c r="G26" s="196">
        <v>0</v>
      </c>
      <c r="H26" s="196">
        <v>0</v>
      </c>
      <c r="I26" s="196">
        <v>0</v>
      </c>
      <c r="J26" s="196">
        <v>0</v>
      </c>
      <c r="K26" s="197">
        <v>0</v>
      </c>
      <c r="L26" s="198">
        <v>0</v>
      </c>
      <c r="M26" s="192">
        <v>0</v>
      </c>
      <c r="N26" s="196">
        <v>0</v>
      </c>
      <c r="O26" s="193">
        <v>0</v>
      </c>
      <c r="P26" s="195">
        <v>0</v>
      </c>
      <c r="Q26" s="196">
        <v>0</v>
      </c>
      <c r="R26" s="196">
        <v>0</v>
      </c>
      <c r="S26" s="196">
        <v>0</v>
      </c>
      <c r="T26" s="196">
        <v>0</v>
      </c>
      <c r="U26" s="196">
        <v>0</v>
      </c>
      <c r="V26" s="193">
        <v>0</v>
      </c>
      <c r="W26" s="198">
        <v>0</v>
      </c>
      <c r="X26" s="192">
        <v>0</v>
      </c>
      <c r="Y26" s="196">
        <v>0</v>
      </c>
      <c r="Z26" s="193">
        <v>0</v>
      </c>
      <c r="AA26" s="195">
        <v>0</v>
      </c>
      <c r="AB26" s="196">
        <v>1</v>
      </c>
      <c r="AC26" s="196">
        <v>2</v>
      </c>
      <c r="AD26" s="196">
        <v>2</v>
      </c>
      <c r="AE26" s="196">
        <v>0</v>
      </c>
      <c r="AF26" s="196">
        <v>0</v>
      </c>
      <c r="AG26" s="193">
        <v>5</v>
      </c>
      <c r="AH26" s="198">
        <v>5</v>
      </c>
      <c r="AI26" s="192">
        <v>0</v>
      </c>
      <c r="AJ26" s="196">
        <v>0</v>
      </c>
      <c r="AK26" s="193">
        <v>0</v>
      </c>
      <c r="AL26" s="195">
        <v>0</v>
      </c>
      <c r="AM26" s="196">
        <v>0</v>
      </c>
      <c r="AN26" s="196">
        <v>1</v>
      </c>
      <c r="AO26" s="196">
        <v>0</v>
      </c>
      <c r="AP26" s="196">
        <v>0</v>
      </c>
      <c r="AQ26" s="196">
        <v>1</v>
      </c>
      <c r="AR26" s="193">
        <v>2</v>
      </c>
      <c r="AS26" s="198">
        <v>2</v>
      </c>
      <c r="AT26" s="192">
        <v>1</v>
      </c>
      <c r="AU26" s="196">
        <v>1</v>
      </c>
      <c r="AV26" s="193">
        <v>2</v>
      </c>
      <c r="AW26" s="195">
        <v>0</v>
      </c>
      <c r="AX26" s="196">
        <v>4</v>
      </c>
      <c r="AY26" s="196">
        <v>1</v>
      </c>
      <c r="AZ26" s="196">
        <v>0</v>
      </c>
      <c r="BA26" s="196">
        <v>0</v>
      </c>
      <c r="BB26" s="196">
        <v>0</v>
      </c>
      <c r="BC26" s="193">
        <v>5</v>
      </c>
      <c r="BD26" s="198">
        <v>7</v>
      </c>
      <c r="BE26" s="192">
        <v>0</v>
      </c>
      <c r="BF26" s="196">
        <v>0</v>
      </c>
      <c r="BG26" s="193">
        <v>0</v>
      </c>
      <c r="BH26" s="195">
        <v>0</v>
      </c>
      <c r="BI26" s="196">
        <v>0</v>
      </c>
      <c r="BJ26" s="196">
        <v>0</v>
      </c>
      <c r="BK26" s="196">
        <v>1</v>
      </c>
      <c r="BL26" s="196">
        <v>1</v>
      </c>
      <c r="BM26" s="196">
        <v>1</v>
      </c>
      <c r="BN26" s="197">
        <v>3</v>
      </c>
      <c r="BO26" s="198">
        <v>3</v>
      </c>
      <c r="BP26" s="192">
        <v>0</v>
      </c>
      <c r="BQ26" s="196">
        <v>0</v>
      </c>
      <c r="BR26" s="193">
        <v>0</v>
      </c>
      <c r="BS26" s="195">
        <v>0</v>
      </c>
      <c r="BT26" s="196">
        <v>0</v>
      </c>
      <c r="BU26" s="196">
        <v>0</v>
      </c>
      <c r="BV26" s="196">
        <v>0</v>
      </c>
      <c r="BW26" s="196">
        <v>0</v>
      </c>
      <c r="BX26" s="196">
        <v>0</v>
      </c>
      <c r="BY26" s="193">
        <v>0</v>
      </c>
      <c r="BZ26" s="198">
        <v>0</v>
      </c>
      <c r="CA26" s="192">
        <v>0</v>
      </c>
      <c r="CB26" s="196">
        <v>0</v>
      </c>
      <c r="CC26" s="193">
        <v>0</v>
      </c>
      <c r="CD26" s="195">
        <v>0</v>
      </c>
      <c r="CE26" s="196">
        <v>0</v>
      </c>
      <c r="CF26" s="196">
        <v>0</v>
      </c>
      <c r="CG26" s="196">
        <v>0</v>
      </c>
      <c r="CH26" s="196">
        <v>0</v>
      </c>
      <c r="CI26" s="196">
        <v>0</v>
      </c>
      <c r="CJ26" s="193">
        <v>0</v>
      </c>
      <c r="CK26" s="198">
        <v>0</v>
      </c>
      <c r="CL26" s="192">
        <v>0</v>
      </c>
      <c r="CM26" s="196">
        <v>0</v>
      </c>
      <c r="CN26" s="193">
        <v>0</v>
      </c>
      <c r="CO26" s="195">
        <v>0</v>
      </c>
      <c r="CP26" s="196">
        <v>0</v>
      </c>
      <c r="CQ26" s="196">
        <v>0</v>
      </c>
      <c r="CR26" s="196">
        <v>0</v>
      </c>
      <c r="CS26" s="196">
        <v>0</v>
      </c>
      <c r="CT26" s="196">
        <v>0</v>
      </c>
      <c r="CU26" s="193">
        <v>0</v>
      </c>
      <c r="CV26" s="198">
        <v>0</v>
      </c>
    </row>
    <row r="27" spans="1:100" ht="21" customHeight="1" x14ac:dyDescent="0.2">
      <c r="A27" s="177" t="s">
        <v>25</v>
      </c>
      <c r="B27" s="192">
        <v>0</v>
      </c>
      <c r="C27" s="193">
        <v>0</v>
      </c>
      <c r="D27" s="194">
        <v>0</v>
      </c>
      <c r="E27" s="195">
        <v>0</v>
      </c>
      <c r="F27" s="196">
        <v>0</v>
      </c>
      <c r="G27" s="196">
        <v>0</v>
      </c>
      <c r="H27" s="196">
        <v>0</v>
      </c>
      <c r="I27" s="196">
        <v>0</v>
      </c>
      <c r="J27" s="196">
        <v>0</v>
      </c>
      <c r="K27" s="197">
        <v>0</v>
      </c>
      <c r="L27" s="198">
        <v>0</v>
      </c>
      <c r="M27" s="192">
        <v>0</v>
      </c>
      <c r="N27" s="196">
        <v>0</v>
      </c>
      <c r="O27" s="193">
        <v>0</v>
      </c>
      <c r="P27" s="195">
        <v>0</v>
      </c>
      <c r="Q27" s="196">
        <v>0</v>
      </c>
      <c r="R27" s="196">
        <v>0</v>
      </c>
      <c r="S27" s="196">
        <v>0</v>
      </c>
      <c r="T27" s="196">
        <v>0</v>
      </c>
      <c r="U27" s="196">
        <v>0</v>
      </c>
      <c r="V27" s="193">
        <v>0</v>
      </c>
      <c r="W27" s="198">
        <v>0</v>
      </c>
      <c r="X27" s="192">
        <v>0</v>
      </c>
      <c r="Y27" s="196">
        <v>0</v>
      </c>
      <c r="Z27" s="193">
        <v>0</v>
      </c>
      <c r="AA27" s="195">
        <v>0</v>
      </c>
      <c r="AB27" s="196">
        <v>3</v>
      </c>
      <c r="AC27" s="196">
        <v>0</v>
      </c>
      <c r="AD27" s="196">
        <v>0</v>
      </c>
      <c r="AE27" s="196">
        <v>0</v>
      </c>
      <c r="AF27" s="196">
        <v>0</v>
      </c>
      <c r="AG27" s="193">
        <v>3</v>
      </c>
      <c r="AH27" s="198">
        <v>3</v>
      </c>
      <c r="AI27" s="192">
        <v>0</v>
      </c>
      <c r="AJ27" s="196">
        <v>0</v>
      </c>
      <c r="AK27" s="193">
        <v>0</v>
      </c>
      <c r="AL27" s="195">
        <v>0</v>
      </c>
      <c r="AM27" s="196">
        <v>0</v>
      </c>
      <c r="AN27" s="196">
        <v>0</v>
      </c>
      <c r="AO27" s="196">
        <v>0</v>
      </c>
      <c r="AP27" s="196">
        <v>0</v>
      </c>
      <c r="AQ27" s="196">
        <v>0</v>
      </c>
      <c r="AR27" s="193">
        <v>0</v>
      </c>
      <c r="AS27" s="198">
        <v>0</v>
      </c>
      <c r="AT27" s="192">
        <v>0</v>
      </c>
      <c r="AU27" s="196">
        <v>0</v>
      </c>
      <c r="AV27" s="193">
        <v>0</v>
      </c>
      <c r="AW27" s="195">
        <v>0</v>
      </c>
      <c r="AX27" s="196">
        <v>0</v>
      </c>
      <c r="AY27" s="196">
        <v>0</v>
      </c>
      <c r="AZ27" s="196">
        <v>0</v>
      </c>
      <c r="BA27" s="196">
        <v>0</v>
      </c>
      <c r="BB27" s="196">
        <v>1</v>
      </c>
      <c r="BC27" s="193">
        <v>1</v>
      </c>
      <c r="BD27" s="198">
        <v>1</v>
      </c>
      <c r="BE27" s="192">
        <v>0</v>
      </c>
      <c r="BF27" s="196">
        <v>0</v>
      </c>
      <c r="BG27" s="193">
        <v>0</v>
      </c>
      <c r="BH27" s="195">
        <v>0</v>
      </c>
      <c r="BI27" s="196">
        <v>2</v>
      </c>
      <c r="BJ27" s="196">
        <v>2</v>
      </c>
      <c r="BK27" s="196">
        <v>0</v>
      </c>
      <c r="BL27" s="196">
        <v>0</v>
      </c>
      <c r="BM27" s="196">
        <v>0</v>
      </c>
      <c r="BN27" s="197">
        <v>4</v>
      </c>
      <c r="BO27" s="198">
        <v>4</v>
      </c>
      <c r="BP27" s="192">
        <v>0</v>
      </c>
      <c r="BQ27" s="196">
        <v>0</v>
      </c>
      <c r="BR27" s="193">
        <v>0</v>
      </c>
      <c r="BS27" s="195">
        <v>0</v>
      </c>
      <c r="BT27" s="196">
        <v>0</v>
      </c>
      <c r="BU27" s="196">
        <v>0</v>
      </c>
      <c r="BV27" s="196">
        <v>0</v>
      </c>
      <c r="BW27" s="196">
        <v>0</v>
      </c>
      <c r="BX27" s="196">
        <v>0</v>
      </c>
      <c r="BY27" s="193">
        <v>0</v>
      </c>
      <c r="BZ27" s="198">
        <v>0</v>
      </c>
      <c r="CA27" s="192">
        <v>0</v>
      </c>
      <c r="CB27" s="196">
        <v>0</v>
      </c>
      <c r="CC27" s="193">
        <v>0</v>
      </c>
      <c r="CD27" s="195">
        <v>0</v>
      </c>
      <c r="CE27" s="196">
        <v>0</v>
      </c>
      <c r="CF27" s="196">
        <v>0</v>
      </c>
      <c r="CG27" s="196">
        <v>0</v>
      </c>
      <c r="CH27" s="196">
        <v>0</v>
      </c>
      <c r="CI27" s="196">
        <v>0</v>
      </c>
      <c r="CJ27" s="193">
        <v>0</v>
      </c>
      <c r="CK27" s="198">
        <v>0</v>
      </c>
      <c r="CL27" s="192">
        <v>0</v>
      </c>
      <c r="CM27" s="196">
        <v>0</v>
      </c>
      <c r="CN27" s="193">
        <v>0</v>
      </c>
      <c r="CO27" s="195">
        <v>0</v>
      </c>
      <c r="CP27" s="196">
        <v>0</v>
      </c>
      <c r="CQ27" s="196">
        <v>0</v>
      </c>
      <c r="CR27" s="196">
        <v>0</v>
      </c>
      <c r="CS27" s="196">
        <v>0</v>
      </c>
      <c r="CT27" s="196">
        <v>0</v>
      </c>
      <c r="CU27" s="193">
        <v>0</v>
      </c>
      <c r="CV27" s="198">
        <v>0</v>
      </c>
    </row>
    <row r="28" spans="1:100" ht="21" customHeight="1" x14ac:dyDescent="0.2">
      <c r="A28" s="177" t="s">
        <v>26</v>
      </c>
      <c r="B28" s="192">
        <v>0</v>
      </c>
      <c r="C28" s="193">
        <v>0</v>
      </c>
      <c r="D28" s="194">
        <v>0</v>
      </c>
      <c r="E28" s="195">
        <v>0</v>
      </c>
      <c r="F28" s="196">
        <v>0</v>
      </c>
      <c r="G28" s="196">
        <v>0</v>
      </c>
      <c r="H28" s="196">
        <v>0</v>
      </c>
      <c r="I28" s="196">
        <v>0</v>
      </c>
      <c r="J28" s="196">
        <v>0</v>
      </c>
      <c r="K28" s="197">
        <v>0</v>
      </c>
      <c r="L28" s="198">
        <v>0</v>
      </c>
      <c r="M28" s="192">
        <v>0</v>
      </c>
      <c r="N28" s="196">
        <v>0</v>
      </c>
      <c r="O28" s="193">
        <v>0</v>
      </c>
      <c r="P28" s="195">
        <v>0</v>
      </c>
      <c r="Q28" s="196">
        <v>0</v>
      </c>
      <c r="R28" s="196">
        <v>0</v>
      </c>
      <c r="S28" s="196">
        <v>0</v>
      </c>
      <c r="T28" s="196">
        <v>0</v>
      </c>
      <c r="U28" s="196">
        <v>0</v>
      </c>
      <c r="V28" s="193">
        <v>0</v>
      </c>
      <c r="W28" s="198">
        <v>0</v>
      </c>
      <c r="X28" s="192">
        <v>0</v>
      </c>
      <c r="Y28" s="196">
        <v>0</v>
      </c>
      <c r="Z28" s="193">
        <v>0</v>
      </c>
      <c r="AA28" s="195">
        <v>0</v>
      </c>
      <c r="AB28" s="196">
        <v>2</v>
      </c>
      <c r="AC28" s="196">
        <v>2</v>
      </c>
      <c r="AD28" s="196">
        <v>0</v>
      </c>
      <c r="AE28" s="196">
        <v>0</v>
      </c>
      <c r="AF28" s="196">
        <v>1</v>
      </c>
      <c r="AG28" s="193">
        <v>5</v>
      </c>
      <c r="AH28" s="198">
        <v>5</v>
      </c>
      <c r="AI28" s="192">
        <v>0</v>
      </c>
      <c r="AJ28" s="196">
        <v>0</v>
      </c>
      <c r="AK28" s="193">
        <v>0</v>
      </c>
      <c r="AL28" s="195">
        <v>0</v>
      </c>
      <c r="AM28" s="196">
        <v>0</v>
      </c>
      <c r="AN28" s="196">
        <v>0</v>
      </c>
      <c r="AO28" s="196">
        <v>0</v>
      </c>
      <c r="AP28" s="196">
        <v>0</v>
      </c>
      <c r="AQ28" s="196">
        <v>0</v>
      </c>
      <c r="AR28" s="193">
        <v>0</v>
      </c>
      <c r="AS28" s="198">
        <v>0</v>
      </c>
      <c r="AT28" s="192">
        <v>0</v>
      </c>
      <c r="AU28" s="196">
        <v>0</v>
      </c>
      <c r="AV28" s="193">
        <v>0</v>
      </c>
      <c r="AW28" s="195">
        <v>0</v>
      </c>
      <c r="AX28" s="196">
        <v>1</v>
      </c>
      <c r="AY28" s="196">
        <v>0</v>
      </c>
      <c r="AZ28" s="196">
        <v>0</v>
      </c>
      <c r="BA28" s="196">
        <v>0</v>
      </c>
      <c r="BB28" s="196">
        <v>0</v>
      </c>
      <c r="BC28" s="193">
        <v>1</v>
      </c>
      <c r="BD28" s="198">
        <v>1</v>
      </c>
      <c r="BE28" s="192">
        <v>0</v>
      </c>
      <c r="BF28" s="196">
        <v>0</v>
      </c>
      <c r="BG28" s="193">
        <v>0</v>
      </c>
      <c r="BH28" s="195">
        <v>0</v>
      </c>
      <c r="BI28" s="196">
        <v>0</v>
      </c>
      <c r="BJ28" s="196">
        <v>0</v>
      </c>
      <c r="BK28" s="196">
        <v>0</v>
      </c>
      <c r="BL28" s="196">
        <v>1</v>
      </c>
      <c r="BM28" s="196">
        <v>2</v>
      </c>
      <c r="BN28" s="197">
        <v>3</v>
      </c>
      <c r="BO28" s="198">
        <v>3</v>
      </c>
      <c r="BP28" s="192">
        <v>0</v>
      </c>
      <c r="BQ28" s="196">
        <v>0</v>
      </c>
      <c r="BR28" s="193">
        <v>0</v>
      </c>
      <c r="BS28" s="195">
        <v>0</v>
      </c>
      <c r="BT28" s="196">
        <v>0</v>
      </c>
      <c r="BU28" s="196">
        <v>0</v>
      </c>
      <c r="BV28" s="196">
        <v>0</v>
      </c>
      <c r="BW28" s="196">
        <v>0</v>
      </c>
      <c r="BX28" s="196">
        <v>0</v>
      </c>
      <c r="BY28" s="193">
        <v>0</v>
      </c>
      <c r="BZ28" s="198">
        <v>0</v>
      </c>
      <c r="CA28" s="192">
        <v>0</v>
      </c>
      <c r="CB28" s="196">
        <v>0</v>
      </c>
      <c r="CC28" s="193">
        <v>0</v>
      </c>
      <c r="CD28" s="195">
        <v>0</v>
      </c>
      <c r="CE28" s="196">
        <v>0</v>
      </c>
      <c r="CF28" s="196">
        <v>0</v>
      </c>
      <c r="CG28" s="196">
        <v>0</v>
      </c>
      <c r="CH28" s="196">
        <v>0</v>
      </c>
      <c r="CI28" s="196">
        <v>0</v>
      </c>
      <c r="CJ28" s="193">
        <v>0</v>
      </c>
      <c r="CK28" s="198">
        <v>0</v>
      </c>
      <c r="CL28" s="192">
        <v>0</v>
      </c>
      <c r="CM28" s="196">
        <v>0</v>
      </c>
      <c r="CN28" s="193">
        <v>0</v>
      </c>
      <c r="CO28" s="195">
        <v>0</v>
      </c>
      <c r="CP28" s="196">
        <v>0</v>
      </c>
      <c r="CQ28" s="196">
        <v>0</v>
      </c>
      <c r="CR28" s="196">
        <v>0</v>
      </c>
      <c r="CS28" s="196">
        <v>0</v>
      </c>
      <c r="CT28" s="196">
        <v>0</v>
      </c>
      <c r="CU28" s="193">
        <v>0</v>
      </c>
      <c r="CV28" s="198">
        <v>0</v>
      </c>
    </row>
    <row r="29" spans="1:100" ht="21" customHeight="1" x14ac:dyDescent="0.2">
      <c r="A29" s="177" t="s">
        <v>27</v>
      </c>
      <c r="B29" s="192">
        <v>0</v>
      </c>
      <c r="C29" s="193">
        <v>0</v>
      </c>
      <c r="D29" s="194">
        <v>0</v>
      </c>
      <c r="E29" s="195">
        <v>0</v>
      </c>
      <c r="F29" s="196">
        <v>0</v>
      </c>
      <c r="G29" s="196">
        <v>0</v>
      </c>
      <c r="H29" s="196">
        <v>0</v>
      </c>
      <c r="I29" s="196">
        <v>0</v>
      </c>
      <c r="J29" s="196">
        <v>0</v>
      </c>
      <c r="K29" s="197">
        <v>0</v>
      </c>
      <c r="L29" s="198">
        <v>0</v>
      </c>
      <c r="M29" s="192">
        <v>0</v>
      </c>
      <c r="N29" s="196">
        <v>0</v>
      </c>
      <c r="O29" s="193">
        <v>0</v>
      </c>
      <c r="P29" s="195">
        <v>0</v>
      </c>
      <c r="Q29" s="196">
        <v>0</v>
      </c>
      <c r="R29" s="196">
        <v>0</v>
      </c>
      <c r="S29" s="196">
        <v>0</v>
      </c>
      <c r="T29" s="196">
        <v>0</v>
      </c>
      <c r="U29" s="196">
        <v>0</v>
      </c>
      <c r="V29" s="193">
        <v>0</v>
      </c>
      <c r="W29" s="198">
        <v>0</v>
      </c>
      <c r="X29" s="192">
        <v>0</v>
      </c>
      <c r="Y29" s="196">
        <v>0</v>
      </c>
      <c r="Z29" s="193">
        <v>0</v>
      </c>
      <c r="AA29" s="195">
        <v>0</v>
      </c>
      <c r="AB29" s="196">
        <v>0</v>
      </c>
      <c r="AC29" s="196">
        <v>0</v>
      </c>
      <c r="AD29" s="196">
        <v>1</v>
      </c>
      <c r="AE29" s="196">
        <v>0</v>
      </c>
      <c r="AF29" s="196">
        <v>0</v>
      </c>
      <c r="AG29" s="193">
        <v>1</v>
      </c>
      <c r="AH29" s="198">
        <v>1</v>
      </c>
      <c r="AI29" s="192">
        <v>0</v>
      </c>
      <c r="AJ29" s="196">
        <v>0</v>
      </c>
      <c r="AK29" s="193">
        <v>0</v>
      </c>
      <c r="AL29" s="195">
        <v>0</v>
      </c>
      <c r="AM29" s="196">
        <v>1</v>
      </c>
      <c r="AN29" s="196">
        <v>0</v>
      </c>
      <c r="AO29" s="196">
        <v>0</v>
      </c>
      <c r="AP29" s="196">
        <v>0</v>
      </c>
      <c r="AQ29" s="196">
        <v>0</v>
      </c>
      <c r="AR29" s="193">
        <v>1</v>
      </c>
      <c r="AS29" s="198">
        <v>1</v>
      </c>
      <c r="AT29" s="192">
        <v>0</v>
      </c>
      <c r="AU29" s="196">
        <v>0</v>
      </c>
      <c r="AV29" s="193">
        <v>0</v>
      </c>
      <c r="AW29" s="195">
        <v>0</v>
      </c>
      <c r="AX29" s="196">
        <v>0</v>
      </c>
      <c r="AY29" s="196">
        <v>0</v>
      </c>
      <c r="AZ29" s="196">
        <v>0</v>
      </c>
      <c r="BA29" s="196">
        <v>0</v>
      </c>
      <c r="BB29" s="196">
        <v>0</v>
      </c>
      <c r="BC29" s="193">
        <v>0</v>
      </c>
      <c r="BD29" s="198">
        <v>0</v>
      </c>
      <c r="BE29" s="192">
        <v>0</v>
      </c>
      <c r="BF29" s="196">
        <v>0</v>
      </c>
      <c r="BG29" s="193">
        <v>0</v>
      </c>
      <c r="BH29" s="195">
        <v>0</v>
      </c>
      <c r="BI29" s="196">
        <v>0</v>
      </c>
      <c r="BJ29" s="196">
        <v>0</v>
      </c>
      <c r="BK29" s="196">
        <v>0</v>
      </c>
      <c r="BL29" s="196">
        <v>0</v>
      </c>
      <c r="BM29" s="196">
        <v>0</v>
      </c>
      <c r="BN29" s="197">
        <v>0</v>
      </c>
      <c r="BO29" s="198">
        <v>0</v>
      </c>
      <c r="BP29" s="192">
        <v>0</v>
      </c>
      <c r="BQ29" s="196">
        <v>0</v>
      </c>
      <c r="BR29" s="193">
        <v>0</v>
      </c>
      <c r="BS29" s="195">
        <v>0</v>
      </c>
      <c r="BT29" s="196">
        <v>0</v>
      </c>
      <c r="BU29" s="196">
        <v>0</v>
      </c>
      <c r="BV29" s="196">
        <v>0</v>
      </c>
      <c r="BW29" s="196">
        <v>0</v>
      </c>
      <c r="BX29" s="196">
        <v>0</v>
      </c>
      <c r="BY29" s="193">
        <v>0</v>
      </c>
      <c r="BZ29" s="198">
        <v>0</v>
      </c>
      <c r="CA29" s="192">
        <v>0</v>
      </c>
      <c r="CB29" s="196">
        <v>0</v>
      </c>
      <c r="CC29" s="193">
        <v>0</v>
      </c>
      <c r="CD29" s="195">
        <v>0</v>
      </c>
      <c r="CE29" s="196">
        <v>0</v>
      </c>
      <c r="CF29" s="196">
        <v>0</v>
      </c>
      <c r="CG29" s="196">
        <v>0</v>
      </c>
      <c r="CH29" s="196">
        <v>0</v>
      </c>
      <c r="CI29" s="196">
        <v>0</v>
      </c>
      <c r="CJ29" s="193">
        <v>0</v>
      </c>
      <c r="CK29" s="198">
        <v>0</v>
      </c>
      <c r="CL29" s="192">
        <v>0</v>
      </c>
      <c r="CM29" s="196">
        <v>0</v>
      </c>
      <c r="CN29" s="193">
        <v>0</v>
      </c>
      <c r="CO29" s="195">
        <v>0</v>
      </c>
      <c r="CP29" s="196">
        <v>0</v>
      </c>
      <c r="CQ29" s="196">
        <v>0</v>
      </c>
      <c r="CR29" s="196">
        <v>0</v>
      </c>
      <c r="CS29" s="196">
        <v>0</v>
      </c>
      <c r="CT29" s="196">
        <v>0</v>
      </c>
      <c r="CU29" s="193">
        <v>0</v>
      </c>
      <c r="CV29" s="198">
        <v>0</v>
      </c>
    </row>
    <row r="30" spans="1:100" ht="21" customHeight="1" x14ac:dyDescent="0.2">
      <c r="A30" s="177" t="s">
        <v>28</v>
      </c>
      <c r="B30" s="192">
        <v>0</v>
      </c>
      <c r="C30" s="193">
        <v>0</v>
      </c>
      <c r="D30" s="194">
        <v>0</v>
      </c>
      <c r="E30" s="195">
        <v>0</v>
      </c>
      <c r="F30" s="196">
        <v>0</v>
      </c>
      <c r="G30" s="196">
        <v>0</v>
      </c>
      <c r="H30" s="196">
        <v>0</v>
      </c>
      <c r="I30" s="196">
        <v>0</v>
      </c>
      <c r="J30" s="196">
        <v>0</v>
      </c>
      <c r="K30" s="197">
        <v>0</v>
      </c>
      <c r="L30" s="198">
        <v>0</v>
      </c>
      <c r="M30" s="192">
        <v>0</v>
      </c>
      <c r="N30" s="196">
        <v>0</v>
      </c>
      <c r="O30" s="193">
        <v>0</v>
      </c>
      <c r="P30" s="195">
        <v>0</v>
      </c>
      <c r="Q30" s="196">
        <v>0</v>
      </c>
      <c r="R30" s="196">
        <v>0</v>
      </c>
      <c r="S30" s="196">
        <v>0</v>
      </c>
      <c r="T30" s="196">
        <v>0</v>
      </c>
      <c r="U30" s="196">
        <v>0</v>
      </c>
      <c r="V30" s="193">
        <v>0</v>
      </c>
      <c r="W30" s="198">
        <v>0</v>
      </c>
      <c r="X30" s="192">
        <v>0</v>
      </c>
      <c r="Y30" s="196">
        <v>0</v>
      </c>
      <c r="Z30" s="193">
        <v>0</v>
      </c>
      <c r="AA30" s="195">
        <v>0</v>
      </c>
      <c r="AB30" s="196">
        <v>2</v>
      </c>
      <c r="AC30" s="196">
        <v>2</v>
      </c>
      <c r="AD30" s="196">
        <v>0</v>
      </c>
      <c r="AE30" s="196">
        <v>0</v>
      </c>
      <c r="AF30" s="196">
        <v>0</v>
      </c>
      <c r="AG30" s="193">
        <v>4</v>
      </c>
      <c r="AH30" s="198">
        <v>4</v>
      </c>
      <c r="AI30" s="192">
        <v>0</v>
      </c>
      <c r="AJ30" s="196">
        <v>0</v>
      </c>
      <c r="AK30" s="193">
        <v>0</v>
      </c>
      <c r="AL30" s="195">
        <v>0</v>
      </c>
      <c r="AM30" s="196">
        <v>0</v>
      </c>
      <c r="AN30" s="196">
        <v>0</v>
      </c>
      <c r="AO30" s="196">
        <v>1</v>
      </c>
      <c r="AP30" s="196">
        <v>0</v>
      </c>
      <c r="AQ30" s="196">
        <v>0</v>
      </c>
      <c r="AR30" s="193">
        <v>1</v>
      </c>
      <c r="AS30" s="198">
        <v>1</v>
      </c>
      <c r="AT30" s="192">
        <v>0</v>
      </c>
      <c r="AU30" s="196">
        <v>0</v>
      </c>
      <c r="AV30" s="193">
        <v>0</v>
      </c>
      <c r="AW30" s="195">
        <v>0</v>
      </c>
      <c r="AX30" s="196">
        <v>0</v>
      </c>
      <c r="AY30" s="196">
        <v>0</v>
      </c>
      <c r="AZ30" s="196">
        <v>0</v>
      </c>
      <c r="BA30" s="196">
        <v>0</v>
      </c>
      <c r="BB30" s="196">
        <v>0</v>
      </c>
      <c r="BC30" s="193">
        <v>0</v>
      </c>
      <c r="BD30" s="198">
        <v>0</v>
      </c>
      <c r="BE30" s="192">
        <v>0</v>
      </c>
      <c r="BF30" s="196">
        <v>0</v>
      </c>
      <c r="BG30" s="193">
        <v>0</v>
      </c>
      <c r="BH30" s="195">
        <v>0</v>
      </c>
      <c r="BI30" s="196">
        <v>0</v>
      </c>
      <c r="BJ30" s="196">
        <v>0</v>
      </c>
      <c r="BK30" s="196">
        <v>0</v>
      </c>
      <c r="BL30" s="196">
        <v>0</v>
      </c>
      <c r="BM30" s="196">
        <v>0</v>
      </c>
      <c r="BN30" s="197">
        <v>0</v>
      </c>
      <c r="BO30" s="198">
        <v>0</v>
      </c>
      <c r="BP30" s="192">
        <v>0</v>
      </c>
      <c r="BQ30" s="196">
        <v>0</v>
      </c>
      <c r="BR30" s="193">
        <v>0</v>
      </c>
      <c r="BS30" s="195">
        <v>0</v>
      </c>
      <c r="BT30" s="196">
        <v>0</v>
      </c>
      <c r="BU30" s="196">
        <v>0</v>
      </c>
      <c r="BV30" s="196">
        <v>0</v>
      </c>
      <c r="BW30" s="196">
        <v>0</v>
      </c>
      <c r="BX30" s="196">
        <v>0</v>
      </c>
      <c r="BY30" s="193">
        <v>0</v>
      </c>
      <c r="BZ30" s="198">
        <v>0</v>
      </c>
      <c r="CA30" s="192">
        <v>0</v>
      </c>
      <c r="CB30" s="196">
        <v>0</v>
      </c>
      <c r="CC30" s="193">
        <v>0</v>
      </c>
      <c r="CD30" s="195">
        <v>0</v>
      </c>
      <c r="CE30" s="196">
        <v>0</v>
      </c>
      <c r="CF30" s="196">
        <v>0</v>
      </c>
      <c r="CG30" s="196">
        <v>0</v>
      </c>
      <c r="CH30" s="196">
        <v>0</v>
      </c>
      <c r="CI30" s="196">
        <v>0</v>
      </c>
      <c r="CJ30" s="193">
        <v>0</v>
      </c>
      <c r="CK30" s="198">
        <v>0</v>
      </c>
      <c r="CL30" s="192">
        <v>0</v>
      </c>
      <c r="CM30" s="196">
        <v>0</v>
      </c>
      <c r="CN30" s="193">
        <v>0</v>
      </c>
      <c r="CO30" s="195">
        <v>0</v>
      </c>
      <c r="CP30" s="196">
        <v>0</v>
      </c>
      <c r="CQ30" s="196">
        <v>0</v>
      </c>
      <c r="CR30" s="196">
        <v>0</v>
      </c>
      <c r="CS30" s="196">
        <v>0</v>
      </c>
      <c r="CT30" s="196">
        <v>0</v>
      </c>
      <c r="CU30" s="193">
        <v>0</v>
      </c>
      <c r="CV30" s="198">
        <v>0</v>
      </c>
    </row>
    <row r="31" spans="1:100" ht="21" customHeight="1" x14ac:dyDescent="0.2">
      <c r="A31" s="177" t="s">
        <v>29</v>
      </c>
      <c r="B31" s="192">
        <v>0</v>
      </c>
      <c r="C31" s="193">
        <v>0</v>
      </c>
      <c r="D31" s="194">
        <v>0</v>
      </c>
      <c r="E31" s="195">
        <v>0</v>
      </c>
      <c r="F31" s="196">
        <v>0</v>
      </c>
      <c r="G31" s="196">
        <v>0</v>
      </c>
      <c r="H31" s="196">
        <v>0</v>
      </c>
      <c r="I31" s="196">
        <v>0</v>
      </c>
      <c r="J31" s="196">
        <v>0</v>
      </c>
      <c r="K31" s="197">
        <v>0</v>
      </c>
      <c r="L31" s="198">
        <v>0</v>
      </c>
      <c r="M31" s="192">
        <v>0</v>
      </c>
      <c r="N31" s="196">
        <v>0</v>
      </c>
      <c r="O31" s="193">
        <v>0</v>
      </c>
      <c r="P31" s="195">
        <v>0</v>
      </c>
      <c r="Q31" s="196">
        <v>0</v>
      </c>
      <c r="R31" s="196">
        <v>0</v>
      </c>
      <c r="S31" s="196">
        <v>0</v>
      </c>
      <c r="T31" s="196">
        <v>0</v>
      </c>
      <c r="U31" s="196">
        <v>0</v>
      </c>
      <c r="V31" s="193">
        <v>0</v>
      </c>
      <c r="W31" s="198">
        <v>0</v>
      </c>
      <c r="X31" s="192">
        <v>0</v>
      </c>
      <c r="Y31" s="196">
        <v>0</v>
      </c>
      <c r="Z31" s="193">
        <v>0</v>
      </c>
      <c r="AA31" s="195">
        <v>0</v>
      </c>
      <c r="AB31" s="196">
        <v>0</v>
      </c>
      <c r="AC31" s="196">
        <v>1</v>
      </c>
      <c r="AD31" s="196">
        <v>0</v>
      </c>
      <c r="AE31" s="196">
        <v>0</v>
      </c>
      <c r="AF31" s="196">
        <v>0</v>
      </c>
      <c r="AG31" s="193">
        <v>1</v>
      </c>
      <c r="AH31" s="198">
        <v>1</v>
      </c>
      <c r="AI31" s="192">
        <v>0</v>
      </c>
      <c r="AJ31" s="196">
        <v>0</v>
      </c>
      <c r="AK31" s="193">
        <v>0</v>
      </c>
      <c r="AL31" s="195">
        <v>0</v>
      </c>
      <c r="AM31" s="196">
        <v>0</v>
      </c>
      <c r="AN31" s="196">
        <v>0</v>
      </c>
      <c r="AO31" s="196">
        <v>1</v>
      </c>
      <c r="AP31" s="196">
        <v>0</v>
      </c>
      <c r="AQ31" s="196">
        <v>0</v>
      </c>
      <c r="AR31" s="193">
        <v>1</v>
      </c>
      <c r="AS31" s="198">
        <v>1</v>
      </c>
      <c r="AT31" s="192">
        <v>0</v>
      </c>
      <c r="AU31" s="196">
        <v>0</v>
      </c>
      <c r="AV31" s="193">
        <v>0</v>
      </c>
      <c r="AW31" s="195">
        <v>0</v>
      </c>
      <c r="AX31" s="196">
        <v>1</v>
      </c>
      <c r="AY31" s="196">
        <v>0</v>
      </c>
      <c r="AZ31" s="196">
        <v>0</v>
      </c>
      <c r="BA31" s="196">
        <v>0</v>
      </c>
      <c r="BB31" s="196">
        <v>0</v>
      </c>
      <c r="BC31" s="193">
        <v>1</v>
      </c>
      <c r="BD31" s="198">
        <v>1</v>
      </c>
      <c r="BE31" s="192">
        <v>0</v>
      </c>
      <c r="BF31" s="196">
        <v>0</v>
      </c>
      <c r="BG31" s="193">
        <v>0</v>
      </c>
      <c r="BH31" s="195">
        <v>0</v>
      </c>
      <c r="BI31" s="196">
        <v>0</v>
      </c>
      <c r="BJ31" s="196">
        <v>0</v>
      </c>
      <c r="BK31" s="196">
        <v>0</v>
      </c>
      <c r="BL31" s="196">
        <v>0</v>
      </c>
      <c r="BM31" s="196">
        <v>0</v>
      </c>
      <c r="BN31" s="197">
        <v>0</v>
      </c>
      <c r="BO31" s="198">
        <v>0</v>
      </c>
      <c r="BP31" s="192">
        <v>0</v>
      </c>
      <c r="BQ31" s="196">
        <v>0</v>
      </c>
      <c r="BR31" s="193">
        <v>0</v>
      </c>
      <c r="BS31" s="195">
        <v>0</v>
      </c>
      <c r="BT31" s="196">
        <v>0</v>
      </c>
      <c r="BU31" s="196">
        <v>0</v>
      </c>
      <c r="BV31" s="196">
        <v>0</v>
      </c>
      <c r="BW31" s="196">
        <v>0</v>
      </c>
      <c r="BX31" s="196">
        <v>0</v>
      </c>
      <c r="BY31" s="193">
        <v>0</v>
      </c>
      <c r="BZ31" s="198">
        <v>0</v>
      </c>
      <c r="CA31" s="192">
        <v>0</v>
      </c>
      <c r="CB31" s="196">
        <v>0</v>
      </c>
      <c r="CC31" s="193">
        <v>0</v>
      </c>
      <c r="CD31" s="195">
        <v>0</v>
      </c>
      <c r="CE31" s="196">
        <v>0</v>
      </c>
      <c r="CF31" s="196">
        <v>0</v>
      </c>
      <c r="CG31" s="196">
        <v>0</v>
      </c>
      <c r="CH31" s="196">
        <v>0</v>
      </c>
      <c r="CI31" s="196">
        <v>0</v>
      </c>
      <c r="CJ31" s="193">
        <v>0</v>
      </c>
      <c r="CK31" s="198">
        <v>0</v>
      </c>
      <c r="CL31" s="192">
        <v>0</v>
      </c>
      <c r="CM31" s="196">
        <v>0</v>
      </c>
      <c r="CN31" s="193">
        <v>0</v>
      </c>
      <c r="CO31" s="195">
        <v>0</v>
      </c>
      <c r="CP31" s="196">
        <v>0</v>
      </c>
      <c r="CQ31" s="196">
        <v>0</v>
      </c>
      <c r="CR31" s="196">
        <v>0</v>
      </c>
      <c r="CS31" s="196">
        <v>0</v>
      </c>
      <c r="CT31" s="196">
        <v>0</v>
      </c>
      <c r="CU31" s="193">
        <v>0</v>
      </c>
      <c r="CV31" s="198">
        <v>0</v>
      </c>
    </row>
    <row r="32" spans="1:100" ht="21" customHeight="1" x14ac:dyDescent="0.2">
      <c r="A32" s="177" t="s">
        <v>30</v>
      </c>
      <c r="B32" s="192">
        <v>0</v>
      </c>
      <c r="C32" s="193">
        <v>0</v>
      </c>
      <c r="D32" s="194">
        <v>0</v>
      </c>
      <c r="E32" s="195">
        <v>0</v>
      </c>
      <c r="F32" s="196">
        <v>0</v>
      </c>
      <c r="G32" s="196">
        <v>0</v>
      </c>
      <c r="H32" s="196">
        <v>0</v>
      </c>
      <c r="I32" s="196">
        <v>0</v>
      </c>
      <c r="J32" s="196">
        <v>0</v>
      </c>
      <c r="K32" s="197">
        <v>0</v>
      </c>
      <c r="L32" s="198">
        <v>0</v>
      </c>
      <c r="M32" s="192">
        <v>0</v>
      </c>
      <c r="N32" s="196">
        <v>0</v>
      </c>
      <c r="O32" s="193">
        <v>0</v>
      </c>
      <c r="P32" s="195">
        <v>0</v>
      </c>
      <c r="Q32" s="196">
        <v>0</v>
      </c>
      <c r="R32" s="196">
        <v>0</v>
      </c>
      <c r="S32" s="196">
        <v>0</v>
      </c>
      <c r="T32" s="196">
        <v>0</v>
      </c>
      <c r="U32" s="196">
        <v>0</v>
      </c>
      <c r="V32" s="193">
        <v>0</v>
      </c>
      <c r="W32" s="198">
        <v>0</v>
      </c>
      <c r="X32" s="192">
        <v>0</v>
      </c>
      <c r="Y32" s="196">
        <v>0</v>
      </c>
      <c r="Z32" s="193">
        <v>0</v>
      </c>
      <c r="AA32" s="195">
        <v>0</v>
      </c>
      <c r="AB32" s="196">
        <v>3</v>
      </c>
      <c r="AC32" s="196">
        <v>0</v>
      </c>
      <c r="AD32" s="196">
        <v>0</v>
      </c>
      <c r="AE32" s="196">
        <v>0</v>
      </c>
      <c r="AF32" s="196">
        <v>0</v>
      </c>
      <c r="AG32" s="193">
        <v>3</v>
      </c>
      <c r="AH32" s="198">
        <v>3</v>
      </c>
      <c r="AI32" s="192">
        <v>0</v>
      </c>
      <c r="AJ32" s="196">
        <v>0</v>
      </c>
      <c r="AK32" s="193">
        <v>0</v>
      </c>
      <c r="AL32" s="195">
        <v>0</v>
      </c>
      <c r="AM32" s="196">
        <v>0</v>
      </c>
      <c r="AN32" s="196">
        <v>1</v>
      </c>
      <c r="AO32" s="196">
        <v>0</v>
      </c>
      <c r="AP32" s="196">
        <v>0</v>
      </c>
      <c r="AQ32" s="196">
        <v>0</v>
      </c>
      <c r="AR32" s="193">
        <v>1</v>
      </c>
      <c r="AS32" s="198">
        <v>1</v>
      </c>
      <c r="AT32" s="192">
        <v>0</v>
      </c>
      <c r="AU32" s="196">
        <v>0</v>
      </c>
      <c r="AV32" s="193">
        <v>0</v>
      </c>
      <c r="AW32" s="195">
        <v>0</v>
      </c>
      <c r="AX32" s="196">
        <v>0</v>
      </c>
      <c r="AY32" s="196">
        <v>0</v>
      </c>
      <c r="AZ32" s="196">
        <v>0</v>
      </c>
      <c r="BA32" s="196">
        <v>0</v>
      </c>
      <c r="BB32" s="196">
        <v>0</v>
      </c>
      <c r="BC32" s="193">
        <v>0</v>
      </c>
      <c r="BD32" s="198">
        <v>0</v>
      </c>
      <c r="BE32" s="192">
        <v>0</v>
      </c>
      <c r="BF32" s="196">
        <v>0</v>
      </c>
      <c r="BG32" s="193">
        <v>0</v>
      </c>
      <c r="BH32" s="195">
        <v>0</v>
      </c>
      <c r="BI32" s="196">
        <v>1</v>
      </c>
      <c r="BJ32" s="196">
        <v>0</v>
      </c>
      <c r="BK32" s="196">
        <v>0</v>
      </c>
      <c r="BL32" s="196">
        <v>0</v>
      </c>
      <c r="BM32" s="196">
        <v>0</v>
      </c>
      <c r="BN32" s="197">
        <v>1</v>
      </c>
      <c r="BO32" s="198">
        <v>1</v>
      </c>
      <c r="BP32" s="192">
        <v>0</v>
      </c>
      <c r="BQ32" s="196">
        <v>0</v>
      </c>
      <c r="BR32" s="193">
        <v>0</v>
      </c>
      <c r="BS32" s="195">
        <v>0</v>
      </c>
      <c r="BT32" s="196">
        <v>0</v>
      </c>
      <c r="BU32" s="196">
        <v>0</v>
      </c>
      <c r="BV32" s="196">
        <v>0</v>
      </c>
      <c r="BW32" s="196">
        <v>0</v>
      </c>
      <c r="BX32" s="196">
        <v>0</v>
      </c>
      <c r="BY32" s="193">
        <v>0</v>
      </c>
      <c r="BZ32" s="198">
        <v>0</v>
      </c>
      <c r="CA32" s="192">
        <v>0</v>
      </c>
      <c r="CB32" s="196">
        <v>0</v>
      </c>
      <c r="CC32" s="193">
        <v>0</v>
      </c>
      <c r="CD32" s="195">
        <v>0</v>
      </c>
      <c r="CE32" s="196">
        <v>0</v>
      </c>
      <c r="CF32" s="196">
        <v>0</v>
      </c>
      <c r="CG32" s="196">
        <v>0</v>
      </c>
      <c r="CH32" s="196">
        <v>0</v>
      </c>
      <c r="CI32" s="196">
        <v>0</v>
      </c>
      <c r="CJ32" s="193">
        <v>0</v>
      </c>
      <c r="CK32" s="198">
        <v>0</v>
      </c>
      <c r="CL32" s="192">
        <v>0</v>
      </c>
      <c r="CM32" s="196">
        <v>0</v>
      </c>
      <c r="CN32" s="193">
        <v>0</v>
      </c>
      <c r="CO32" s="195">
        <v>0</v>
      </c>
      <c r="CP32" s="196">
        <v>0</v>
      </c>
      <c r="CQ32" s="196">
        <v>0</v>
      </c>
      <c r="CR32" s="196">
        <v>0</v>
      </c>
      <c r="CS32" s="196">
        <v>0</v>
      </c>
      <c r="CT32" s="196">
        <v>0</v>
      </c>
      <c r="CU32" s="193">
        <v>0</v>
      </c>
      <c r="CV32" s="198">
        <v>0</v>
      </c>
    </row>
    <row r="33" spans="1:100" ht="21" customHeight="1" x14ac:dyDescent="0.2">
      <c r="A33" s="177" t="s">
        <v>31</v>
      </c>
      <c r="B33" s="192">
        <v>0</v>
      </c>
      <c r="C33" s="193">
        <v>0</v>
      </c>
      <c r="D33" s="194">
        <v>0</v>
      </c>
      <c r="E33" s="195">
        <v>0</v>
      </c>
      <c r="F33" s="196">
        <v>0</v>
      </c>
      <c r="G33" s="196">
        <v>1</v>
      </c>
      <c r="H33" s="196">
        <v>0</v>
      </c>
      <c r="I33" s="196">
        <v>0</v>
      </c>
      <c r="J33" s="196">
        <v>0</v>
      </c>
      <c r="K33" s="197">
        <v>1</v>
      </c>
      <c r="L33" s="198">
        <v>1</v>
      </c>
      <c r="M33" s="192">
        <v>0</v>
      </c>
      <c r="N33" s="196">
        <v>0</v>
      </c>
      <c r="O33" s="193">
        <v>0</v>
      </c>
      <c r="P33" s="195">
        <v>0</v>
      </c>
      <c r="Q33" s="196">
        <v>0</v>
      </c>
      <c r="R33" s="196">
        <v>0</v>
      </c>
      <c r="S33" s="196">
        <v>0</v>
      </c>
      <c r="T33" s="196">
        <v>0</v>
      </c>
      <c r="U33" s="196">
        <v>0</v>
      </c>
      <c r="V33" s="193">
        <v>0</v>
      </c>
      <c r="W33" s="198">
        <v>0</v>
      </c>
      <c r="X33" s="192">
        <v>0</v>
      </c>
      <c r="Y33" s="196">
        <v>0</v>
      </c>
      <c r="Z33" s="193">
        <v>0</v>
      </c>
      <c r="AA33" s="195">
        <v>0</v>
      </c>
      <c r="AB33" s="196">
        <v>1</v>
      </c>
      <c r="AC33" s="196">
        <v>3</v>
      </c>
      <c r="AD33" s="196">
        <v>1</v>
      </c>
      <c r="AE33" s="196">
        <v>0</v>
      </c>
      <c r="AF33" s="196">
        <v>0</v>
      </c>
      <c r="AG33" s="193">
        <v>5</v>
      </c>
      <c r="AH33" s="198">
        <v>5</v>
      </c>
      <c r="AI33" s="192">
        <v>0</v>
      </c>
      <c r="AJ33" s="196">
        <v>0</v>
      </c>
      <c r="AK33" s="193">
        <v>0</v>
      </c>
      <c r="AL33" s="195">
        <v>0</v>
      </c>
      <c r="AM33" s="196">
        <v>0</v>
      </c>
      <c r="AN33" s="196">
        <v>0</v>
      </c>
      <c r="AO33" s="196">
        <v>0</v>
      </c>
      <c r="AP33" s="196">
        <v>0</v>
      </c>
      <c r="AQ33" s="196">
        <v>0</v>
      </c>
      <c r="AR33" s="193">
        <v>0</v>
      </c>
      <c r="AS33" s="198">
        <v>0</v>
      </c>
      <c r="AT33" s="192">
        <v>0</v>
      </c>
      <c r="AU33" s="196">
        <v>0</v>
      </c>
      <c r="AV33" s="193">
        <v>0</v>
      </c>
      <c r="AW33" s="195">
        <v>0</v>
      </c>
      <c r="AX33" s="196">
        <v>1</v>
      </c>
      <c r="AY33" s="196">
        <v>0</v>
      </c>
      <c r="AZ33" s="196">
        <v>0</v>
      </c>
      <c r="BA33" s="196">
        <v>0</v>
      </c>
      <c r="BB33" s="196">
        <v>0</v>
      </c>
      <c r="BC33" s="193">
        <v>1</v>
      </c>
      <c r="BD33" s="198">
        <v>1</v>
      </c>
      <c r="BE33" s="192">
        <v>0</v>
      </c>
      <c r="BF33" s="196">
        <v>0</v>
      </c>
      <c r="BG33" s="193">
        <v>0</v>
      </c>
      <c r="BH33" s="195">
        <v>0</v>
      </c>
      <c r="BI33" s="196">
        <v>0</v>
      </c>
      <c r="BJ33" s="196">
        <v>0</v>
      </c>
      <c r="BK33" s="196">
        <v>0</v>
      </c>
      <c r="BL33" s="196">
        <v>0</v>
      </c>
      <c r="BM33" s="196">
        <v>1</v>
      </c>
      <c r="BN33" s="197">
        <v>1</v>
      </c>
      <c r="BO33" s="198">
        <v>1</v>
      </c>
      <c r="BP33" s="192">
        <v>0</v>
      </c>
      <c r="BQ33" s="196">
        <v>0</v>
      </c>
      <c r="BR33" s="193">
        <v>0</v>
      </c>
      <c r="BS33" s="195">
        <v>0</v>
      </c>
      <c r="BT33" s="196">
        <v>0</v>
      </c>
      <c r="BU33" s="196">
        <v>0</v>
      </c>
      <c r="BV33" s="196">
        <v>0</v>
      </c>
      <c r="BW33" s="196">
        <v>0</v>
      </c>
      <c r="BX33" s="196">
        <v>0</v>
      </c>
      <c r="BY33" s="193">
        <v>0</v>
      </c>
      <c r="BZ33" s="198">
        <v>0</v>
      </c>
      <c r="CA33" s="192">
        <v>0</v>
      </c>
      <c r="CB33" s="196">
        <v>0</v>
      </c>
      <c r="CC33" s="193">
        <v>0</v>
      </c>
      <c r="CD33" s="195">
        <v>0</v>
      </c>
      <c r="CE33" s="196">
        <v>0</v>
      </c>
      <c r="CF33" s="196">
        <v>0</v>
      </c>
      <c r="CG33" s="196">
        <v>0</v>
      </c>
      <c r="CH33" s="196">
        <v>0</v>
      </c>
      <c r="CI33" s="196">
        <v>0</v>
      </c>
      <c r="CJ33" s="193">
        <v>0</v>
      </c>
      <c r="CK33" s="198">
        <v>0</v>
      </c>
      <c r="CL33" s="192">
        <v>0</v>
      </c>
      <c r="CM33" s="196">
        <v>0</v>
      </c>
      <c r="CN33" s="193">
        <v>0</v>
      </c>
      <c r="CO33" s="195">
        <v>0</v>
      </c>
      <c r="CP33" s="196">
        <v>0</v>
      </c>
      <c r="CQ33" s="196">
        <v>0</v>
      </c>
      <c r="CR33" s="196">
        <v>0</v>
      </c>
      <c r="CS33" s="196">
        <v>0</v>
      </c>
      <c r="CT33" s="196">
        <v>0</v>
      </c>
      <c r="CU33" s="193">
        <v>0</v>
      </c>
      <c r="CV33" s="198">
        <v>0</v>
      </c>
    </row>
    <row r="34" spans="1:100" ht="21" customHeight="1" x14ac:dyDescent="0.2">
      <c r="A34" s="177" t="s">
        <v>32</v>
      </c>
      <c r="B34" s="192">
        <v>0</v>
      </c>
      <c r="C34" s="193">
        <v>0</v>
      </c>
      <c r="D34" s="194">
        <v>0</v>
      </c>
      <c r="E34" s="195">
        <v>0</v>
      </c>
      <c r="F34" s="196">
        <v>1</v>
      </c>
      <c r="G34" s="196">
        <v>0</v>
      </c>
      <c r="H34" s="196">
        <v>0</v>
      </c>
      <c r="I34" s="196">
        <v>0</v>
      </c>
      <c r="J34" s="196">
        <v>0</v>
      </c>
      <c r="K34" s="197">
        <v>1</v>
      </c>
      <c r="L34" s="198">
        <v>1</v>
      </c>
      <c r="M34" s="192">
        <v>0</v>
      </c>
      <c r="N34" s="196">
        <v>0</v>
      </c>
      <c r="O34" s="193">
        <v>0</v>
      </c>
      <c r="P34" s="195">
        <v>0</v>
      </c>
      <c r="Q34" s="196">
        <v>0</v>
      </c>
      <c r="R34" s="196">
        <v>0</v>
      </c>
      <c r="S34" s="196">
        <v>0</v>
      </c>
      <c r="T34" s="196">
        <v>0</v>
      </c>
      <c r="U34" s="196">
        <v>0</v>
      </c>
      <c r="V34" s="193">
        <v>0</v>
      </c>
      <c r="W34" s="198">
        <v>0</v>
      </c>
      <c r="X34" s="192">
        <v>0</v>
      </c>
      <c r="Y34" s="196">
        <v>0</v>
      </c>
      <c r="Z34" s="193">
        <v>0</v>
      </c>
      <c r="AA34" s="195">
        <v>0</v>
      </c>
      <c r="AB34" s="196">
        <v>2</v>
      </c>
      <c r="AC34" s="196">
        <v>2</v>
      </c>
      <c r="AD34" s="196">
        <v>1</v>
      </c>
      <c r="AE34" s="196">
        <v>0</v>
      </c>
      <c r="AF34" s="196">
        <v>0</v>
      </c>
      <c r="AG34" s="193">
        <v>5</v>
      </c>
      <c r="AH34" s="198">
        <v>5</v>
      </c>
      <c r="AI34" s="192">
        <v>0</v>
      </c>
      <c r="AJ34" s="196">
        <v>0</v>
      </c>
      <c r="AK34" s="193">
        <v>0</v>
      </c>
      <c r="AL34" s="195">
        <v>0</v>
      </c>
      <c r="AM34" s="196">
        <v>0</v>
      </c>
      <c r="AN34" s="196">
        <v>0</v>
      </c>
      <c r="AO34" s="196">
        <v>0</v>
      </c>
      <c r="AP34" s="196">
        <v>0</v>
      </c>
      <c r="AQ34" s="196">
        <v>0</v>
      </c>
      <c r="AR34" s="193">
        <v>0</v>
      </c>
      <c r="AS34" s="198">
        <v>0</v>
      </c>
      <c r="AT34" s="192">
        <v>0</v>
      </c>
      <c r="AU34" s="196">
        <v>0</v>
      </c>
      <c r="AV34" s="193">
        <v>0</v>
      </c>
      <c r="AW34" s="195">
        <v>0</v>
      </c>
      <c r="AX34" s="196">
        <v>0</v>
      </c>
      <c r="AY34" s="196">
        <v>0</v>
      </c>
      <c r="AZ34" s="196">
        <v>0</v>
      </c>
      <c r="BA34" s="196">
        <v>0</v>
      </c>
      <c r="BB34" s="196">
        <v>0</v>
      </c>
      <c r="BC34" s="193">
        <v>0</v>
      </c>
      <c r="BD34" s="198">
        <v>0</v>
      </c>
      <c r="BE34" s="192">
        <v>0</v>
      </c>
      <c r="BF34" s="196">
        <v>0</v>
      </c>
      <c r="BG34" s="193">
        <v>0</v>
      </c>
      <c r="BH34" s="195">
        <v>0</v>
      </c>
      <c r="BI34" s="196">
        <v>0</v>
      </c>
      <c r="BJ34" s="196">
        <v>0</v>
      </c>
      <c r="BK34" s="196">
        <v>1</v>
      </c>
      <c r="BL34" s="196">
        <v>0</v>
      </c>
      <c r="BM34" s="196">
        <v>1</v>
      </c>
      <c r="BN34" s="197">
        <v>2</v>
      </c>
      <c r="BO34" s="198">
        <v>2</v>
      </c>
      <c r="BP34" s="192">
        <v>0</v>
      </c>
      <c r="BQ34" s="196">
        <v>0</v>
      </c>
      <c r="BR34" s="193">
        <v>0</v>
      </c>
      <c r="BS34" s="195">
        <v>0</v>
      </c>
      <c r="BT34" s="196">
        <v>0</v>
      </c>
      <c r="BU34" s="196">
        <v>0</v>
      </c>
      <c r="BV34" s="196">
        <v>0</v>
      </c>
      <c r="BW34" s="196">
        <v>0</v>
      </c>
      <c r="BX34" s="196">
        <v>0</v>
      </c>
      <c r="BY34" s="193">
        <v>0</v>
      </c>
      <c r="BZ34" s="198">
        <v>0</v>
      </c>
      <c r="CA34" s="192">
        <v>0</v>
      </c>
      <c r="CB34" s="196">
        <v>0</v>
      </c>
      <c r="CC34" s="193">
        <v>0</v>
      </c>
      <c r="CD34" s="195">
        <v>0</v>
      </c>
      <c r="CE34" s="196">
        <v>0</v>
      </c>
      <c r="CF34" s="196">
        <v>1</v>
      </c>
      <c r="CG34" s="196">
        <v>0</v>
      </c>
      <c r="CH34" s="196">
        <v>0</v>
      </c>
      <c r="CI34" s="196">
        <v>0</v>
      </c>
      <c r="CJ34" s="193">
        <v>1</v>
      </c>
      <c r="CK34" s="198">
        <v>1</v>
      </c>
      <c r="CL34" s="192">
        <v>0</v>
      </c>
      <c r="CM34" s="196">
        <v>0</v>
      </c>
      <c r="CN34" s="193">
        <v>0</v>
      </c>
      <c r="CO34" s="195">
        <v>0</v>
      </c>
      <c r="CP34" s="196">
        <v>0</v>
      </c>
      <c r="CQ34" s="196">
        <v>0</v>
      </c>
      <c r="CR34" s="196">
        <v>0</v>
      </c>
      <c r="CS34" s="196">
        <v>0</v>
      </c>
      <c r="CT34" s="196">
        <v>0</v>
      </c>
      <c r="CU34" s="193">
        <v>0</v>
      </c>
      <c r="CV34" s="198">
        <v>0</v>
      </c>
    </row>
    <row r="35" spans="1:100" ht="21" customHeight="1" x14ac:dyDescent="0.2">
      <c r="A35" s="177" t="s">
        <v>33</v>
      </c>
      <c r="B35" s="192">
        <v>0</v>
      </c>
      <c r="C35" s="193">
        <v>0</v>
      </c>
      <c r="D35" s="194">
        <v>0</v>
      </c>
      <c r="E35" s="195">
        <v>0</v>
      </c>
      <c r="F35" s="196">
        <v>0</v>
      </c>
      <c r="G35" s="196">
        <v>0</v>
      </c>
      <c r="H35" s="196">
        <v>0</v>
      </c>
      <c r="I35" s="196">
        <v>0</v>
      </c>
      <c r="J35" s="196">
        <v>0</v>
      </c>
      <c r="K35" s="197">
        <v>0</v>
      </c>
      <c r="L35" s="198">
        <v>0</v>
      </c>
      <c r="M35" s="192">
        <v>0</v>
      </c>
      <c r="N35" s="196">
        <v>0</v>
      </c>
      <c r="O35" s="193">
        <v>0</v>
      </c>
      <c r="P35" s="195">
        <v>0</v>
      </c>
      <c r="Q35" s="196">
        <v>0</v>
      </c>
      <c r="R35" s="196">
        <v>0</v>
      </c>
      <c r="S35" s="196">
        <v>0</v>
      </c>
      <c r="T35" s="196">
        <v>0</v>
      </c>
      <c r="U35" s="196">
        <v>0</v>
      </c>
      <c r="V35" s="193">
        <v>0</v>
      </c>
      <c r="W35" s="198">
        <v>0</v>
      </c>
      <c r="X35" s="192">
        <v>0</v>
      </c>
      <c r="Y35" s="196">
        <v>0</v>
      </c>
      <c r="Z35" s="193">
        <v>0</v>
      </c>
      <c r="AA35" s="195">
        <v>0</v>
      </c>
      <c r="AB35" s="196">
        <v>3</v>
      </c>
      <c r="AC35" s="196">
        <v>0</v>
      </c>
      <c r="AD35" s="196">
        <v>2</v>
      </c>
      <c r="AE35" s="196">
        <v>0</v>
      </c>
      <c r="AF35" s="196">
        <v>0</v>
      </c>
      <c r="AG35" s="193">
        <v>5</v>
      </c>
      <c r="AH35" s="198">
        <v>5</v>
      </c>
      <c r="AI35" s="192">
        <v>0</v>
      </c>
      <c r="AJ35" s="196">
        <v>0</v>
      </c>
      <c r="AK35" s="193">
        <v>0</v>
      </c>
      <c r="AL35" s="195">
        <v>0</v>
      </c>
      <c r="AM35" s="196">
        <v>0</v>
      </c>
      <c r="AN35" s="196">
        <v>0</v>
      </c>
      <c r="AO35" s="196">
        <v>0</v>
      </c>
      <c r="AP35" s="196">
        <v>0</v>
      </c>
      <c r="AQ35" s="196">
        <v>0</v>
      </c>
      <c r="AR35" s="193">
        <v>0</v>
      </c>
      <c r="AS35" s="198">
        <v>0</v>
      </c>
      <c r="AT35" s="192">
        <v>0</v>
      </c>
      <c r="AU35" s="196">
        <v>0</v>
      </c>
      <c r="AV35" s="193">
        <v>0</v>
      </c>
      <c r="AW35" s="195">
        <v>0</v>
      </c>
      <c r="AX35" s="196">
        <v>0</v>
      </c>
      <c r="AY35" s="196">
        <v>0</v>
      </c>
      <c r="AZ35" s="196">
        <v>0</v>
      </c>
      <c r="BA35" s="196">
        <v>0</v>
      </c>
      <c r="BB35" s="196">
        <v>0</v>
      </c>
      <c r="BC35" s="193">
        <v>0</v>
      </c>
      <c r="BD35" s="198">
        <v>0</v>
      </c>
      <c r="BE35" s="192">
        <v>0</v>
      </c>
      <c r="BF35" s="196">
        <v>0</v>
      </c>
      <c r="BG35" s="193">
        <v>0</v>
      </c>
      <c r="BH35" s="195">
        <v>0</v>
      </c>
      <c r="BI35" s="196">
        <v>0</v>
      </c>
      <c r="BJ35" s="196">
        <v>0</v>
      </c>
      <c r="BK35" s="196">
        <v>0</v>
      </c>
      <c r="BL35" s="196">
        <v>0</v>
      </c>
      <c r="BM35" s="196">
        <v>0</v>
      </c>
      <c r="BN35" s="197">
        <v>0</v>
      </c>
      <c r="BO35" s="198">
        <v>0</v>
      </c>
      <c r="BP35" s="192">
        <v>0</v>
      </c>
      <c r="BQ35" s="196">
        <v>0</v>
      </c>
      <c r="BR35" s="193">
        <v>0</v>
      </c>
      <c r="BS35" s="195">
        <v>0</v>
      </c>
      <c r="BT35" s="196">
        <v>0</v>
      </c>
      <c r="BU35" s="196">
        <v>0</v>
      </c>
      <c r="BV35" s="196">
        <v>0</v>
      </c>
      <c r="BW35" s="196">
        <v>0</v>
      </c>
      <c r="BX35" s="196">
        <v>0</v>
      </c>
      <c r="BY35" s="193">
        <v>0</v>
      </c>
      <c r="BZ35" s="198">
        <v>0</v>
      </c>
      <c r="CA35" s="192">
        <v>0</v>
      </c>
      <c r="CB35" s="196">
        <v>0</v>
      </c>
      <c r="CC35" s="193">
        <v>0</v>
      </c>
      <c r="CD35" s="195">
        <v>0</v>
      </c>
      <c r="CE35" s="196">
        <v>0</v>
      </c>
      <c r="CF35" s="196">
        <v>0</v>
      </c>
      <c r="CG35" s="196">
        <v>0</v>
      </c>
      <c r="CH35" s="196">
        <v>0</v>
      </c>
      <c r="CI35" s="196">
        <v>0</v>
      </c>
      <c r="CJ35" s="193">
        <v>0</v>
      </c>
      <c r="CK35" s="198">
        <v>0</v>
      </c>
      <c r="CL35" s="192">
        <v>0</v>
      </c>
      <c r="CM35" s="196">
        <v>0</v>
      </c>
      <c r="CN35" s="193">
        <v>0</v>
      </c>
      <c r="CO35" s="195">
        <v>0</v>
      </c>
      <c r="CP35" s="196">
        <v>0</v>
      </c>
      <c r="CQ35" s="196">
        <v>0</v>
      </c>
      <c r="CR35" s="196">
        <v>1</v>
      </c>
      <c r="CS35" s="196">
        <v>0</v>
      </c>
      <c r="CT35" s="196">
        <v>0</v>
      </c>
      <c r="CU35" s="193">
        <v>1</v>
      </c>
      <c r="CV35" s="198">
        <v>1</v>
      </c>
    </row>
    <row r="36" spans="1:100" ht="21" customHeight="1" x14ac:dyDescent="0.2">
      <c r="A36" s="177" t="s">
        <v>34</v>
      </c>
      <c r="B36" s="192">
        <v>0</v>
      </c>
      <c r="C36" s="193">
        <v>0</v>
      </c>
      <c r="D36" s="194">
        <v>0</v>
      </c>
      <c r="E36" s="195">
        <v>0</v>
      </c>
      <c r="F36" s="196">
        <v>0</v>
      </c>
      <c r="G36" s="196">
        <v>0</v>
      </c>
      <c r="H36" s="196">
        <v>0</v>
      </c>
      <c r="I36" s="196">
        <v>0</v>
      </c>
      <c r="J36" s="196">
        <v>0</v>
      </c>
      <c r="K36" s="197">
        <v>0</v>
      </c>
      <c r="L36" s="198">
        <v>0</v>
      </c>
      <c r="M36" s="192">
        <v>0</v>
      </c>
      <c r="N36" s="196">
        <v>0</v>
      </c>
      <c r="O36" s="193">
        <v>0</v>
      </c>
      <c r="P36" s="195">
        <v>0</v>
      </c>
      <c r="Q36" s="196">
        <v>0</v>
      </c>
      <c r="R36" s="196">
        <v>0</v>
      </c>
      <c r="S36" s="196">
        <v>0</v>
      </c>
      <c r="T36" s="196">
        <v>0</v>
      </c>
      <c r="U36" s="196">
        <v>0</v>
      </c>
      <c r="V36" s="193">
        <v>0</v>
      </c>
      <c r="W36" s="198">
        <v>0</v>
      </c>
      <c r="X36" s="192">
        <v>0</v>
      </c>
      <c r="Y36" s="196">
        <v>0</v>
      </c>
      <c r="Z36" s="193">
        <v>0</v>
      </c>
      <c r="AA36" s="195">
        <v>0</v>
      </c>
      <c r="AB36" s="196">
        <v>0</v>
      </c>
      <c r="AC36" s="196">
        <v>0</v>
      </c>
      <c r="AD36" s="196">
        <v>0</v>
      </c>
      <c r="AE36" s="196">
        <v>0</v>
      </c>
      <c r="AF36" s="196">
        <v>0</v>
      </c>
      <c r="AG36" s="193">
        <v>0</v>
      </c>
      <c r="AH36" s="198">
        <v>0</v>
      </c>
      <c r="AI36" s="192">
        <v>0</v>
      </c>
      <c r="AJ36" s="196">
        <v>0</v>
      </c>
      <c r="AK36" s="193">
        <v>0</v>
      </c>
      <c r="AL36" s="195">
        <v>0</v>
      </c>
      <c r="AM36" s="196">
        <v>0</v>
      </c>
      <c r="AN36" s="196">
        <v>0</v>
      </c>
      <c r="AO36" s="196">
        <v>0</v>
      </c>
      <c r="AP36" s="196">
        <v>0</v>
      </c>
      <c r="AQ36" s="196">
        <v>0</v>
      </c>
      <c r="AR36" s="193">
        <v>0</v>
      </c>
      <c r="AS36" s="198">
        <v>0</v>
      </c>
      <c r="AT36" s="192">
        <v>0</v>
      </c>
      <c r="AU36" s="196">
        <v>0</v>
      </c>
      <c r="AV36" s="193">
        <v>0</v>
      </c>
      <c r="AW36" s="195">
        <v>0</v>
      </c>
      <c r="AX36" s="196">
        <v>1</v>
      </c>
      <c r="AY36" s="196">
        <v>0</v>
      </c>
      <c r="AZ36" s="196">
        <v>0</v>
      </c>
      <c r="BA36" s="196">
        <v>0</v>
      </c>
      <c r="BB36" s="196">
        <v>0</v>
      </c>
      <c r="BC36" s="193">
        <v>1</v>
      </c>
      <c r="BD36" s="198">
        <v>1</v>
      </c>
      <c r="BE36" s="192">
        <v>0</v>
      </c>
      <c r="BF36" s="196">
        <v>0</v>
      </c>
      <c r="BG36" s="193">
        <v>0</v>
      </c>
      <c r="BH36" s="195">
        <v>0</v>
      </c>
      <c r="BI36" s="196">
        <v>0</v>
      </c>
      <c r="BJ36" s="196">
        <v>0</v>
      </c>
      <c r="BK36" s="196">
        <v>0</v>
      </c>
      <c r="BL36" s="196">
        <v>0</v>
      </c>
      <c r="BM36" s="196">
        <v>0</v>
      </c>
      <c r="BN36" s="197">
        <v>0</v>
      </c>
      <c r="BO36" s="198">
        <v>0</v>
      </c>
      <c r="BP36" s="192">
        <v>0</v>
      </c>
      <c r="BQ36" s="196">
        <v>0</v>
      </c>
      <c r="BR36" s="193">
        <v>0</v>
      </c>
      <c r="BS36" s="195">
        <v>0</v>
      </c>
      <c r="BT36" s="196">
        <v>0</v>
      </c>
      <c r="BU36" s="196">
        <v>0</v>
      </c>
      <c r="BV36" s="196">
        <v>0</v>
      </c>
      <c r="BW36" s="196">
        <v>0</v>
      </c>
      <c r="BX36" s="196">
        <v>0</v>
      </c>
      <c r="BY36" s="193">
        <v>0</v>
      </c>
      <c r="BZ36" s="198">
        <v>0</v>
      </c>
      <c r="CA36" s="192">
        <v>0</v>
      </c>
      <c r="CB36" s="196">
        <v>0</v>
      </c>
      <c r="CC36" s="193">
        <v>0</v>
      </c>
      <c r="CD36" s="195">
        <v>0</v>
      </c>
      <c r="CE36" s="196">
        <v>0</v>
      </c>
      <c r="CF36" s="196">
        <v>0</v>
      </c>
      <c r="CG36" s="196">
        <v>0</v>
      </c>
      <c r="CH36" s="196">
        <v>0</v>
      </c>
      <c r="CI36" s="196">
        <v>0</v>
      </c>
      <c r="CJ36" s="193">
        <v>0</v>
      </c>
      <c r="CK36" s="198">
        <v>0</v>
      </c>
      <c r="CL36" s="192">
        <v>0</v>
      </c>
      <c r="CM36" s="196">
        <v>0</v>
      </c>
      <c r="CN36" s="193">
        <v>0</v>
      </c>
      <c r="CO36" s="195">
        <v>0</v>
      </c>
      <c r="CP36" s="196">
        <v>0</v>
      </c>
      <c r="CQ36" s="196">
        <v>0</v>
      </c>
      <c r="CR36" s="196">
        <v>1</v>
      </c>
      <c r="CS36" s="196">
        <v>0</v>
      </c>
      <c r="CT36" s="196">
        <v>0</v>
      </c>
      <c r="CU36" s="193">
        <v>1</v>
      </c>
      <c r="CV36" s="198">
        <v>1</v>
      </c>
    </row>
    <row r="37" spans="1:100" ht="21" customHeight="1" x14ac:dyDescent="0.2">
      <c r="A37" s="177" t="s">
        <v>35</v>
      </c>
      <c r="B37" s="192">
        <v>0</v>
      </c>
      <c r="C37" s="193">
        <v>0</v>
      </c>
      <c r="D37" s="194">
        <v>0</v>
      </c>
      <c r="E37" s="195">
        <v>0</v>
      </c>
      <c r="F37" s="196">
        <v>0</v>
      </c>
      <c r="G37" s="196">
        <v>0</v>
      </c>
      <c r="H37" s="196">
        <v>0</v>
      </c>
      <c r="I37" s="196">
        <v>0</v>
      </c>
      <c r="J37" s="196">
        <v>0</v>
      </c>
      <c r="K37" s="197">
        <v>0</v>
      </c>
      <c r="L37" s="198">
        <v>0</v>
      </c>
      <c r="M37" s="192">
        <v>0</v>
      </c>
      <c r="N37" s="196">
        <v>0</v>
      </c>
      <c r="O37" s="193">
        <v>0</v>
      </c>
      <c r="P37" s="195">
        <v>0</v>
      </c>
      <c r="Q37" s="196">
        <v>0</v>
      </c>
      <c r="R37" s="196">
        <v>0</v>
      </c>
      <c r="S37" s="196">
        <v>0</v>
      </c>
      <c r="T37" s="196">
        <v>0</v>
      </c>
      <c r="U37" s="196">
        <v>0</v>
      </c>
      <c r="V37" s="193">
        <v>0</v>
      </c>
      <c r="W37" s="198">
        <v>0</v>
      </c>
      <c r="X37" s="192">
        <v>0</v>
      </c>
      <c r="Y37" s="196">
        <v>0</v>
      </c>
      <c r="Z37" s="193">
        <v>0</v>
      </c>
      <c r="AA37" s="195">
        <v>0</v>
      </c>
      <c r="AB37" s="196">
        <v>2</v>
      </c>
      <c r="AC37" s="196">
        <v>0</v>
      </c>
      <c r="AD37" s="196">
        <v>0</v>
      </c>
      <c r="AE37" s="196">
        <v>0</v>
      </c>
      <c r="AF37" s="196">
        <v>0</v>
      </c>
      <c r="AG37" s="193">
        <v>2</v>
      </c>
      <c r="AH37" s="198">
        <v>2</v>
      </c>
      <c r="AI37" s="192">
        <v>0</v>
      </c>
      <c r="AJ37" s="196">
        <v>0</v>
      </c>
      <c r="AK37" s="193">
        <v>0</v>
      </c>
      <c r="AL37" s="195">
        <v>0</v>
      </c>
      <c r="AM37" s="196">
        <v>0</v>
      </c>
      <c r="AN37" s="196">
        <v>0</v>
      </c>
      <c r="AO37" s="196">
        <v>0</v>
      </c>
      <c r="AP37" s="196">
        <v>0</v>
      </c>
      <c r="AQ37" s="196">
        <v>0</v>
      </c>
      <c r="AR37" s="193">
        <v>0</v>
      </c>
      <c r="AS37" s="198">
        <v>0</v>
      </c>
      <c r="AT37" s="192">
        <v>0</v>
      </c>
      <c r="AU37" s="196">
        <v>0</v>
      </c>
      <c r="AV37" s="193">
        <v>0</v>
      </c>
      <c r="AW37" s="195">
        <v>0</v>
      </c>
      <c r="AX37" s="196">
        <v>0</v>
      </c>
      <c r="AY37" s="196">
        <v>0</v>
      </c>
      <c r="AZ37" s="196">
        <v>0</v>
      </c>
      <c r="BA37" s="196">
        <v>0</v>
      </c>
      <c r="BB37" s="196">
        <v>0</v>
      </c>
      <c r="BC37" s="193">
        <v>0</v>
      </c>
      <c r="BD37" s="198">
        <v>0</v>
      </c>
      <c r="BE37" s="192">
        <v>0</v>
      </c>
      <c r="BF37" s="196">
        <v>0</v>
      </c>
      <c r="BG37" s="193">
        <v>0</v>
      </c>
      <c r="BH37" s="195">
        <v>0</v>
      </c>
      <c r="BI37" s="196">
        <v>0</v>
      </c>
      <c r="BJ37" s="196">
        <v>0</v>
      </c>
      <c r="BK37" s="196">
        <v>1</v>
      </c>
      <c r="BL37" s="196">
        <v>0</v>
      </c>
      <c r="BM37" s="196">
        <v>0</v>
      </c>
      <c r="BN37" s="197">
        <v>1</v>
      </c>
      <c r="BO37" s="198">
        <v>1</v>
      </c>
      <c r="BP37" s="192">
        <v>0</v>
      </c>
      <c r="BQ37" s="196">
        <v>0</v>
      </c>
      <c r="BR37" s="193">
        <v>0</v>
      </c>
      <c r="BS37" s="195">
        <v>0</v>
      </c>
      <c r="BT37" s="196">
        <v>0</v>
      </c>
      <c r="BU37" s="196">
        <v>0</v>
      </c>
      <c r="BV37" s="196">
        <v>0</v>
      </c>
      <c r="BW37" s="196">
        <v>0</v>
      </c>
      <c r="BX37" s="196">
        <v>0</v>
      </c>
      <c r="BY37" s="193">
        <v>0</v>
      </c>
      <c r="BZ37" s="198">
        <v>0</v>
      </c>
      <c r="CA37" s="192">
        <v>0</v>
      </c>
      <c r="CB37" s="196">
        <v>0</v>
      </c>
      <c r="CC37" s="193">
        <v>0</v>
      </c>
      <c r="CD37" s="195">
        <v>0</v>
      </c>
      <c r="CE37" s="196">
        <v>0</v>
      </c>
      <c r="CF37" s="196">
        <v>0</v>
      </c>
      <c r="CG37" s="196">
        <v>0</v>
      </c>
      <c r="CH37" s="196">
        <v>0</v>
      </c>
      <c r="CI37" s="196">
        <v>0</v>
      </c>
      <c r="CJ37" s="193">
        <v>0</v>
      </c>
      <c r="CK37" s="198">
        <v>0</v>
      </c>
      <c r="CL37" s="192">
        <v>0</v>
      </c>
      <c r="CM37" s="196">
        <v>0</v>
      </c>
      <c r="CN37" s="193">
        <v>0</v>
      </c>
      <c r="CO37" s="195">
        <v>0</v>
      </c>
      <c r="CP37" s="196">
        <v>0</v>
      </c>
      <c r="CQ37" s="196">
        <v>0</v>
      </c>
      <c r="CR37" s="196">
        <v>0</v>
      </c>
      <c r="CS37" s="196">
        <v>0</v>
      </c>
      <c r="CT37" s="196">
        <v>0</v>
      </c>
      <c r="CU37" s="193">
        <v>0</v>
      </c>
      <c r="CV37" s="198">
        <v>0</v>
      </c>
    </row>
    <row r="38" spans="1:100" ht="21" customHeight="1" x14ac:dyDescent="0.2">
      <c r="A38" s="177" t="s">
        <v>36</v>
      </c>
      <c r="B38" s="192">
        <v>0</v>
      </c>
      <c r="C38" s="193">
        <v>0</v>
      </c>
      <c r="D38" s="194">
        <v>0</v>
      </c>
      <c r="E38" s="195">
        <v>0</v>
      </c>
      <c r="F38" s="196">
        <v>0</v>
      </c>
      <c r="G38" s="196">
        <v>0</v>
      </c>
      <c r="H38" s="196">
        <v>0</v>
      </c>
      <c r="I38" s="196">
        <v>0</v>
      </c>
      <c r="J38" s="196">
        <v>0</v>
      </c>
      <c r="K38" s="197">
        <v>0</v>
      </c>
      <c r="L38" s="198">
        <v>0</v>
      </c>
      <c r="M38" s="192">
        <v>0</v>
      </c>
      <c r="N38" s="196">
        <v>0</v>
      </c>
      <c r="O38" s="193">
        <v>0</v>
      </c>
      <c r="P38" s="195">
        <v>0</v>
      </c>
      <c r="Q38" s="196">
        <v>0</v>
      </c>
      <c r="R38" s="196">
        <v>0</v>
      </c>
      <c r="S38" s="196">
        <v>0</v>
      </c>
      <c r="T38" s="196">
        <v>0</v>
      </c>
      <c r="U38" s="196">
        <v>0</v>
      </c>
      <c r="V38" s="193">
        <v>0</v>
      </c>
      <c r="W38" s="198">
        <v>0</v>
      </c>
      <c r="X38" s="192">
        <v>0</v>
      </c>
      <c r="Y38" s="196">
        <v>0</v>
      </c>
      <c r="Z38" s="193">
        <v>0</v>
      </c>
      <c r="AA38" s="195">
        <v>0</v>
      </c>
      <c r="AB38" s="196">
        <v>1</v>
      </c>
      <c r="AC38" s="196">
        <v>3</v>
      </c>
      <c r="AD38" s="196">
        <v>0</v>
      </c>
      <c r="AE38" s="196">
        <v>1</v>
      </c>
      <c r="AF38" s="196">
        <v>0</v>
      </c>
      <c r="AG38" s="193">
        <v>5</v>
      </c>
      <c r="AH38" s="198">
        <v>5</v>
      </c>
      <c r="AI38" s="192">
        <v>0</v>
      </c>
      <c r="AJ38" s="196">
        <v>0</v>
      </c>
      <c r="AK38" s="193">
        <v>0</v>
      </c>
      <c r="AL38" s="195">
        <v>0</v>
      </c>
      <c r="AM38" s="196">
        <v>0</v>
      </c>
      <c r="AN38" s="196">
        <v>0</v>
      </c>
      <c r="AO38" s="196">
        <v>0</v>
      </c>
      <c r="AP38" s="196">
        <v>0</v>
      </c>
      <c r="AQ38" s="196">
        <v>0</v>
      </c>
      <c r="AR38" s="193">
        <v>0</v>
      </c>
      <c r="AS38" s="198">
        <v>0</v>
      </c>
      <c r="AT38" s="192">
        <v>0</v>
      </c>
      <c r="AU38" s="196">
        <v>0</v>
      </c>
      <c r="AV38" s="193">
        <v>0</v>
      </c>
      <c r="AW38" s="195">
        <v>0</v>
      </c>
      <c r="AX38" s="196">
        <v>0</v>
      </c>
      <c r="AY38" s="196">
        <v>0</v>
      </c>
      <c r="AZ38" s="196">
        <v>0</v>
      </c>
      <c r="BA38" s="196">
        <v>0</v>
      </c>
      <c r="BB38" s="196">
        <v>0</v>
      </c>
      <c r="BC38" s="193">
        <v>0</v>
      </c>
      <c r="BD38" s="198">
        <v>0</v>
      </c>
      <c r="BE38" s="192">
        <v>0</v>
      </c>
      <c r="BF38" s="196">
        <v>0</v>
      </c>
      <c r="BG38" s="193">
        <v>0</v>
      </c>
      <c r="BH38" s="195">
        <v>0</v>
      </c>
      <c r="BI38" s="196">
        <v>0</v>
      </c>
      <c r="BJ38" s="196">
        <v>0</v>
      </c>
      <c r="BK38" s="196">
        <v>1</v>
      </c>
      <c r="BL38" s="196">
        <v>1</v>
      </c>
      <c r="BM38" s="196">
        <v>0</v>
      </c>
      <c r="BN38" s="197">
        <v>2</v>
      </c>
      <c r="BO38" s="198">
        <v>2</v>
      </c>
      <c r="BP38" s="192">
        <v>0</v>
      </c>
      <c r="BQ38" s="196">
        <v>0</v>
      </c>
      <c r="BR38" s="193">
        <v>0</v>
      </c>
      <c r="BS38" s="195">
        <v>0</v>
      </c>
      <c r="BT38" s="196">
        <v>0</v>
      </c>
      <c r="BU38" s="196">
        <v>0</v>
      </c>
      <c r="BV38" s="196">
        <v>0</v>
      </c>
      <c r="BW38" s="196">
        <v>0</v>
      </c>
      <c r="BX38" s="196">
        <v>0</v>
      </c>
      <c r="BY38" s="193">
        <v>0</v>
      </c>
      <c r="BZ38" s="198">
        <v>0</v>
      </c>
      <c r="CA38" s="192">
        <v>0</v>
      </c>
      <c r="CB38" s="196">
        <v>0</v>
      </c>
      <c r="CC38" s="193">
        <v>0</v>
      </c>
      <c r="CD38" s="195">
        <v>0</v>
      </c>
      <c r="CE38" s="196">
        <v>0</v>
      </c>
      <c r="CF38" s="196">
        <v>0</v>
      </c>
      <c r="CG38" s="196">
        <v>0</v>
      </c>
      <c r="CH38" s="196">
        <v>0</v>
      </c>
      <c r="CI38" s="196">
        <v>0</v>
      </c>
      <c r="CJ38" s="193">
        <v>0</v>
      </c>
      <c r="CK38" s="198">
        <v>0</v>
      </c>
      <c r="CL38" s="192">
        <v>0</v>
      </c>
      <c r="CM38" s="196">
        <v>0</v>
      </c>
      <c r="CN38" s="193">
        <v>0</v>
      </c>
      <c r="CO38" s="195">
        <v>0</v>
      </c>
      <c r="CP38" s="196">
        <v>0</v>
      </c>
      <c r="CQ38" s="196">
        <v>0</v>
      </c>
      <c r="CR38" s="196">
        <v>0</v>
      </c>
      <c r="CS38" s="196">
        <v>0</v>
      </c>
      <c r="CT38" s="196">
        <v>0</v>
      </c>
      <c r="CU38" s="193">
        <v>0</v>
      </c>
      <c r="CV38" s="198">
        <v>0</v>
      </c>
    </row>
    <row r="39" spans="1:100" ht="21" customHeight="1" thickBot="1" x14ac:dyDescent="0.25">
      <c r="A39" s="178" t="s">
        <v>37</v>
      </c>
      <c r="B39" s="199">
        <v>0</v>
      </c>
      <c r="C39" s="200">
        <v>0</v>
      </c>
      <c r="D39" s="201">
        <v>0</v>
      </c>
      <c r="E39" s="202">
        <v>0</v>
      </c>
      <c r="F39" s="203">
        <v>0</v>
      </c>
      <c r="G39" s="203">
        <v>0</v>
      </c>
      <c r="H39" s="203">
        <v>0</v>
      </c>
      <c r="I39" s="203">
        <v>0</v>
      </c>
      <c r="J39" s="203">
        <v>0</v>
      </c>
      <c r="K39" s="204">
        <v>0</v>
      </c>
      <c r="L39" s="205">
        <v>0</v>
      </c>
      <c r="M39" s="199">
        <v>0</v>
      </c>
      <c r="N39" s="203">
        <v>0</v>
      </c>
      <c r="O39" s="200">
        <v>0</v>
      </c>
      <c r="P39" s="202">
        <v>0</v>
      </c>
      <c r="Q39" s="203">
        <v>0</v>
      </c>
      <c r="R39" s="203">
        <v>0</v>
      </c>
      <c r="S39" s="203">
        <v>0</v>
      </c>
      <c r="T39" s="203">
        <v>0</v>
      </c>
      <c r="U39" s="203">
        <v>0</v>
      </c>
      <c r="V39" s="200">
        <v>0</v>
      </c>
      <c r="W39" s="205">
        <v>0</v>
      </c>
      <c r="X39" s="199">
        <v>0</v>
      </c>
      <c r="Y39" s="203">
        <v>0</v>
      </c>
      <c r="Z39" s="200">
        <v>0</v>
      </c>
      <c r="AA39" s="202">
        <v>0</v>
      </c>
      <c r="AB39" s="203">
        <v>0</v>
      </c>
      <c r="AC39" s="203">
        <v>0</v>
      </c>
      <c r="AD39" s="203">
        <v>0</v>
      </c>
      <c r="AE39" s="203">
        <v>0</v>
      </c>
      <c r="AF39" s="203">
        <v>1</v>
      </c>
      <c r="AG39" s="200">
        <v>1</v>
      </c>
      <c r="AH39" s="205">
        <v>1</v>
      </c>
      <c r="AI39" s="199">
        <v>0</v>
      </c>
      <c r="AJ39" s="203">
        <v>0</v>
      </c>
      <c r="AK39" s="200">
        <v>0</v>
      </c>
      <c r="AL39" s="202">
        <v>0</v>
      </c>
      <c r="AM39" s="203">
        <v>0</v>
      </c>
      <c r="AN39" s="203">
        <v>0</v>
      </c>
      <c r="AO39" s="203">
        <v>0</v>
      </c>
      <c r="AP39" s="203">
        <v>0</v>
      </c>
      <c r="AQ39" s="203">
        <v>0</v>
      </c>
      <c r="AR39" s="200">
        <v>0</v>
      </c>
      <c r="AS39" s="205">
        <v>0</v>
      </c>
      <c r="AT39" s="199">
        <v>0</v>
      </c>
      <c r="AU39" s="203">
        <v>0</v>
      </c>
      <c r="AV39" s="200">
        <v>0</v>
      </c>
      <c r="AW39" s="202">
        <v>0</v>
      </c>
      <c r="AX39" s="203">
        <v>0</v>
      </c>
      <c r="AY39" s="203">
        <v>0</v>
      </c>
      <c r="AZ39" s="203">
        <v>0</v>
      </c>
      <c r="BA39" s="203">
        <v>0</v>
      </c>
      <c r="BB39" s="203">
        <v>0</v>
      </c>
      <c r="BC39" s="200">
        <v>0</v>
      </c>
      <c r="BD39" s="205">
        <v>0</v>
      </c>
      <c r="BE39" s="199">
        <v>0</v>
      </c>
      <c r="BF39" s="203">
        <v>0</v>
      </c>
      <c r="BG39" s="200">
        <v>0</v>
      </c>
      <c r="BH39" s="202">
        <v>0</v>
      </c>
      <c r="BI39" s="203">
        <v>0</v>
      </c>
      <c r="BJ39" s="203">
        <v>0</v>
      </c>
      <c r="BK39" s="203">
        <v>0</v>
      </c>
      <c r="BL39" s="203">
        <v>0</v>
      </c>
      <c r="BM39" s="203">
        <v>0</v>
      </c>
      <c r="BN39" s="204">
        <v>0</v>
      </c>
      <c r="BO39" s="205">
        <v>0</v>
      </c>
      <c r="BP39" s="199">
        <v>0</v>
      </c>
      <c r="BQ39" s="203">
        <v>0</v>
      </c>
      <c r="BR39" s="200">
        <v>0</v>
      </c>
      <c r="BS39" s="202">
        <v>0</v>
      </c>
      <c r="BT39" s="203">
        <v>0</v>
      </c>
      <c r="BU39" s="203">
        <v>0</v>
      </c>
      <c r="BV39" s="203">
        <v>0</v>
      </c>
      <c r="BW39" s="203">
        <v>0</v>
      </c>
      <c r="BX39" s="203">
        <v>0</v>
      </c>
      <c r="BY39" s="200">
        <v>0</v>
      </c>
      <c r="BZ39" s="205">
        <v>0</v>
      </c>
      <c r="CA39" s="199">
        <v>0</v>
      </c>
      <c r="CB39" s="203">
        <v>0</v>
      </c>
      <c r="CC39" s="200">
        <v>0</v>
      </c>
      <c r="CD39" s="202">
        <v>0</v>
      </c>
      <c r="CE39" s="203">
        <v>0</v>
      </c>
      <c r="CF39" s="203">
        <v>0</v>
      </c>
      <c r="CG39" s="203">
        <v>0</v>
      </c>
      <c r="CH39" s="203">
        <v>0</v>
      </c>
      <c r="CI39" s="203">
        <v>0</v>
      </c>
      <c r="CJ39" s="200">
        <v>0</v>
      </c>
      <c r="CK39" s="205">
        <v>0</v>
      </c>
      <c r="CL39" s="199">
        <v>0</v>
      </c>
      <c r="CM39" s="203">
        <v>0</v>
      </c>
      <c r="CN39" s="200">
        <v>0</v>
      </c>
      <c r="CO39" s="202">
        <v>0</v>
      </c>
      <c r="CP39" s="203">
        <v>0</v>
      </c>
      <c r="CQ39" s="203">
        <v>0</v>
      </c>
      <c r="CR39" s="203">
        <v>0</v>
      </c>
      <c r="CS39" s="203">
        <v>0</v>
      </c>
      <c r="CT39" s="203">
        <v>0</v>
      </c>
      <c r="CU39" s="200">
        <v>0</v>
      </c>
      <c r="CV39" s="205">
        <v>0</v>
      </c>
    </row>
  </sheetData>
  <mergeCells count="39">
    <mergeCell ref="CL4:CN4"/>
    <mergeCell ref="AW4:BC4"/>
    <mergeCell ref="BE4:BG4"/>
    <mergeCell ref="BH4:BN4"/>
    <mergeCell ref="BZ4:BZ5"/>
    <mergeCell ref="CK4:CK5"/>
    <mergeCell ref="BP4:BR4"/>
    <mergeCell ref="BS4:BY4"/>
    <mergeCell ref="CA4:CC4"/>
    <mergeCell ref="CD4:CJ4"/>
    <mergeCell ref="A3:A5"/>
    <mergeCell ref="B3:L3"/>
    <mergeCell ref="M3:W3"/>
    <mergeCell ref="X3:AH3"/>
    <mergeCell ref="B4:D4"/>
    <mergeCell ref="E4:K4"/>
    <mergeCell ref="L4:L5"/>
    <mergeCell ref="M4:O4"/>
    <mergeCell ref="P4:V4"/>
    <mergeCell ref="W4:W5"/>
    <mergeCell ref="X4:Z4"/>
    <mergeCell ref="AA4:AG4"/>
    <mergeCell ref="AH4:AH5"/>
    <mergeCell ref="CV4:CV5"/>
    <mergeCell ref="CA3:CK3"/>
    <mergeCell ref="CL3:CV3"/>
    <mergeCell ref="H1:I1"/>
    <mergeCell ref="K1:L1"/>
    <mergeCell ref="BD4:BD5"/>
    <mergeCell ref="BE3:BO3"/>
    <mergeCell ref="BO4:BO5"/>
    <mergeCell ref="BP3:BZ3"/>
    <mergeCell ref="AI4:AK4"/>
    <mergeCell ref="AI3:AS3"/>
    <mergeCell ref="AT3:BD3"/>
    <mergeCell ref="CO4:CU4"/>
    <mergeCell ref="AL4:AR4"/>
    <mergeCell ref="AS4:AS5"/>
    <mergeCell ref="AT4:AV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171"/>
    <col min="4" max="4" width="10" style="171" customWidth="1"/>
    <col min="5" max="5" width="7.77734375" style="171" customWidth="1"/>
    <col min="6" max="6" width="10.77734375" style="171" customWidth="1"/>
    <col min="7" max="15" width="9" style="171"/>
    <col min="16" max="16" width="8" style="171" customWidth="1"/>
    <col min="17" max="16384" width="9" style="171"/>
  </cols>
  <sheetData>
    <row r="1" spans="1:23" ht="21" customHeight="1" x14ac:dyDescent="0.2">
      <c r="A1" s="206" t="s">
        <v>125</v>
      </c>
      <c r="G1" s="487">
        <f>第１表!F2</f>
        <v>4</v>
      </c>
      <c r="H1" s="487"/>
      <c r="I1" s="163">
        <f>第１表!G2</f>
        <v>1</v>
      </c>
      <c r="J1" s="488">
        <f>IF(I1&lt;3,I1+12-2,I1-2)</f>
        <v>11</v>
      </c>
      <c r="K1" s="488"/>
    </row>
    <row r="2" spans="1:23" ht="18.75" customHeight="1" thickBot="1" x14ac:dyDescent="0.25">
      <c r="A2" s="206" t="s">
        <v>133</v>
      </c>
    </row>
    <row r="3" spans="1:23" ht="21.75" customHeight="1" x14ac:dyDescent="0.2">
      <c r="A3" s="500"/>
      <c r="B3" s="496" t="s">
        <v>143</v>
      </c>
      <c r="C3" s="496"/>
      <c r="D3" s="496"/>
      <c r="E3" s="496"/>
      <c r="F3" s="496"/>
      <c r="G3" s="496"/>
      <c r="H3" s="496"/>
      <c r="I3" s="496"/>
      <c r="J3" s="496"/>
      <c r="K3" s="496"/>
      <c r="L3" s="526"/>
      <c r="M3" s="496" t="s">
        <v>113</v>
      </c>
      <c r="N3" s="496"/>
      <c r="O3" s="496"/>
      <c r="P3" s="496"/>
      <c r="Q3" s="496"/>
      <c r="R3" s="496"/>
      <c r="S3" s="496"/>
      <c r="T3" s="496"/>
      <c r="U3" s="496"/>
      <c r="V3" s="496"/>
      <c r="W3" s="526"/>
    </row>
    <row r="4" spans="1:23" ht="20.25" customHeight="1" x14ac:dyDescent="0.2">
      <c r="A4" s="524"/>
      <c r="B4" s="527" t="s">
        <v>61</v>
      </c>
      <c r="C4" s="527"/>
      <c r="D4" s="528"/>
      <c r="E4" s="529" t="s">
        <v>62</v>
      </c>
      <c r="F4" s="527"/>
      <c r="G4" s="527"/>
      <c r="H4" s="527"/>
      <c r="I4" s="527"/>
      <c r="J4" s="527"/>
      <c r="K4" s="530"/>
      <c r="L4" s="531" t="s">
        <v>52</v>
      </c>
      <c r="M4" s="527" t="s">
        <v>61</v>
      </c>
      <c r="N4" s="527"/>
      <c r="O4" s="528"/>
      <c r="P4" s="529" t="s">
        <v>62</v>
      </c>
      <c r="Q4" s="527"/>
      <c r="R4" s="527"/>
      <c r="S4" s="527"/>
      <c r="T4" s="527"/>
      <c r="U4" s="527"/>
      <c r="V4" s="530"/>
      <c r="W4" s="531" t="s">
        <v>52</v>
      </c>
    </row>
    <row r="5" spans="1:23" ht="28.5" customHeight="1" thickBot="1" x14ac:dyDescent="0.25">
      <c r="A5" s="525"/>
      <c r="B5" s="175" t="s">
        <v>43</v>
      </c>
      <c r="C5" s="175" t="s">
        <v>44</v>
      </c>
      <c r="D5" s="181" t="s">
        <v>45</v>
      </c>
      <c r="E5" s="183" t="s">
        <v>83</v>
      </c>
      <c r="F5" s="175" t="s">
        <v>47</v>
      </c>
      <c r="G5" s="175" t="s">
        <v>48</v>
      </c>
      <c r="H5" s="175" t="s">
        <v>49</v>
      </c>
      <c r="I5" s="175" t="s">
        <v>50</v>
      </c>
      <c r="J5" s="175" t="s">
        <v>51</v>
      </c>
      <c r="K5" s="181" t="s">
        <v>45</v>
      </c>
      <c r="L5" s="499"/>
      <c r="M5" s="175" t="s">
        <v>43</v>
      </c>
      <c r="N5" s="175" t="s">
        <v>44</v>
      </c>
      <c r="O5" s="181" t="s">
        <v>45</v>
      </c>
      <c r="P5" s="183" t="s">
        <v>83</v>
      </c>
      <c r="Q5" s="175" t="s">
        <v>47</v>
      </c>
      <c r="R5" s="175" t="s">
        <v>48</v>
      </c>
      <c r="S5" s="175" t="s">
        <v>49</v>
      </c>
      <c r="T5" s="175" t="s">
        <v>50</v>
      </c>
      <c r="U5" s="175" t="s">
        <v>51</v>
      </c>
      <c r="V5" s="181" t="s">
        <v>45</v>
      </c>
      <c r="W5" s="499"/>
    </row>
    <row r="6" spans="1:23" ht="21" customHeight="1" x14ac:dyDescent="0.2">
      <c r="A6" s="174" t="s">
        <v>4</v>
      </c>
      <c r="B6" s="189">
        <v>0</v>
      </c>
      <c r="C6" s="189">
        <v>0</v>
      </c>
      <c r="D6" s="186">
        <v>0</v>
      </c>
      <c r="E6" s="188">
        <v>0</v>
      </c>
      <c r="F6" s="189">
        <v>103392</v>
      </c>
      <c r="G6" s="189">
        <v>101098</v>
      </c>
      <c r="H6" s="189">
        <v>60523</v>
      </c>
      <c r="I6" s="189">
        <v>31252</v>
      </c>
      <c r="J6" s="189">
        <v>14580</v>
      </c>
      <c r="K6" s="186">
        <v>310845</v>
      </c>
      <c r="L6" s="191">
        <v>310845</v>
      </c>
      <c r="M6" s="189">
        <v>24</v>
      </c>
      <c r="N6" s="189">
        <v>32</v>
      </c>
      <c r="O6" s="186">
        <v>56</v>
      </c>
      <c r="P6" s="188">
        <v>0</v>
      </c>
      <c r="Q6" s="189">
        <v>6997</v>
      </c>
      <c r="R6" s="189">
        <v>9603</v>
      </c>
      <c r="S6" s="189">
        <v>12424</v>
      </c>
      <c r="T6" s="189">
        <v>6499</v>
      </c>
      <c r="U6" s="189">
        <v>5859</v>
      </c>
      <c r="V6" s="186">
        <v>41382</v>
      </c>
      <c r="W6" s="191">
        <v>41438</v>
      </c>
    </row>
    <row r="7" spans="1:23" ht="21" customHeight="1" x14ac:dyDescent="0.2">
      <c r="A7" s="172" t="s">
        <v>5</v>
      </c>
      <c r="B7" s="196">
        <v>0</v>
      </c>
      <c r="C7" s="196">
        <v>0</v>
      </c>
      <c r="D7" s="193">
        <v>0</v>
      </c>
      <c r="E7" s="195">
        <v>0</v>
      </c>
      <c r="F7" s="196">
        <v>32841</v>
      </c>
      <c r="G7" s="196">
        <v>45456</v>
      </c>
      <c r="H7" s="196">
        <v>26476</v>
      </c>
      <c r="I7" s="196">
        <v>14334</v>
      </c>
      <c r="J7" s="196">
        <v>6585</v>
      </c>
      <c r="K7" s="193">
        <v>125692</v>
      </c>
      <c r="L7" s="198">
        <v>125692</v>
      </c>
      <c r="M7" s="196">
        <v>7</v>
      </c>
      <c r="N7" s="196">
        <v>7</v>
      </c>
      <c r="O7" s="193">
        <v>14</v>
      </c>
      <c r="P7" s="195">
        <v>0</v>
      </c>
      <c r="Q7" s="196">
        <v>3129</v>
      </c>
      <c r="R7" s="196">
        <v>4969</v>
      </c>
      <c r="S7" s="196">
        <v>6613</v>
      </c>
      <c r="T7" s="196">
        <v>3671</v>
      </c>
      <c r="U7" s="196">
        <v>3562</v>
      </c>
      <c r="V7" s="193">
        <v>21944</v>
      </c>
      <c r="W7" s="198">
        <v>21958</v>
      </c>
    </row>
    <row r="8" spans="1:23" ht="21" customHeight="1" x14ac:dyDescent="0.2">
      <c r="A8" s="172" t="s">
        <v>6</v>
      </c>
      <c r="B8" s="196">
        <v>0</v>
      </c>
      <c r="C8" s="196">
        <v>0</v>
      </c>
      <c r="D8" s="193">
        <v>0</v>
      </c>
      <c r="E8" s="195">
        <v>0</v>
      </c>
      <c r="F8" s="196">
        <v>16328</v>
      </c>
      <c r="G8" s="196">
        <v>11199</v>
      </c>
      <c r="H8" s="196">
        <v>7338</v>
      </c>
      <c r="I8" s="196">
        <v>3987</v>
      </c>
      <c r="J8" s="196">
        <v>2007</v>
      </c>
      <c r="K8" s="193">
        <v>40859</v>
      </c>
      <c r="L8" s="198">
        <v>40859</v>
      </c>
      <c r="M8" s="196">
        <v>8</v>
      </c>
      <c r="N8" s="196">
        <v>2</v>
      </c>
      <c r="O8" s="193">
        <v>10</v>
      </c>
      <c r="P8" s="195">
        <v>0</v>
      </c>
      <c r="Q8" s="196">
        <v>1689</v>
      </c>
      <c r="R8" s="196">
        <v>2029</v>
      </c>
      <c r="S8" s="196">
        <v>2586</v>
      </c>
      <c r="T8" s="196">
        <v>1575</v>
      </c>
      <c r="U8" s="196">
        <v>1109</v>
      </c>
      <c r="V8" s="193">
        <v>8988</v>
      </c>
      <c r="W8" s="198">
        <v>8998</v>
      </c>
    </row>
    <row r="9" spans="1:23" ht="21" customHeight="1" x14ac:dyDescent="0.2">
      <c r="A9" s="172" t="s">
        <v>14</v>
      </c>
      <c r="B9" s="196">
        <v>0</v>
      </c>
      <c r="C9" s="196">
        <v>0</v>
      </c>
      <c r="D9" s="193">
        <v>0</v>
      </c>
      <c r="E9" s="195">
        <v>0</v>
      </c>
      <c r="F9" s="196">
        <v>8905</v>
      </c>
      <c r="G9" s="196">
        <v>9192</v>
      </c>
      <c r="H9" s="196">
        <v>6150</v>
      </c>
      <c r="I9" s="196">
        <v>2752</v>
      </c>
      <c r="J9" s="196">
        <v>1204</v>
      </c>
      <c r="K9" s="193">
        <v>28203</v>
      </c>
      <c r="L9" s="198">
        <v>28203</v>
      </c>
      <c r="M9" s="196">
        <v>0</v>
      </c>
      <c r="N9" s="196">
        <v>0</v>
      </c>
      <c r="O9" s="193">
        <v>0</v>
      </c>
      <c r="P9" s="195">
        <v>0</v>
      </c>
      <c r="Q9" s="196">
        <v>100</v>
      </c>
      <c r="R9" s="196">
        <v>177</v>
      </c>
      <c r="S9" s="196">
        <v>449</v>
      </c>
      <c r="T9" s="196">
        <v>227</v>
      </c>
      <c r="U9" s="196">
        <v>294</v>
      </c>
      <c r="V9" s="193">
        <v>1247</v>
      </c>
      <c r="W9" s="198">
        <v>1247</v>
      </c>
    </row>
    <row r="10" spans="1:23" ht="21" customHeight="1" x14ac:dyDescent="0.2">
      <c r="A10" s="172" t="s">
        <v>7</v>
      </c>
      <c r="B10" s="196">
        <v>0</v>
      </c>
      <c r="C10" s="196">
        <v>0</v>
      </c>
      <c r="D10" s="193">
        <v>0</v>
      </c>
      <c r="E10" s="195">
        <v>0</v>
      </c>
      <c r="F10" s="196">
        <v>7808</v>
      </c>
      <c r="G10" s="196">
        <v>5353</v>
      </c>
      <c r="H10" s="196">
        <v>2870</v>
      </c>
      <c r="I10" s="196">
        <v>1267</v>
      </c>
      <c r="J10" s="196">
        <v>499</v>
      </c>
      <c r="K10" s="193">
        <v>17797</v>
      </c>
      <c r="L10" s="198">
        <v>17797</v>
      </c>
      <c r="M10" s="196">
        <v>0</v>
      </c>
      <c r="N10" s="196">
        <v>0</v>
      </c>
      <c r="O10" s="193">
        <v>0</v>
      </c>
      <c r="P10" s="195">
        <v>0</v>
      </c>
      <c r="Q10" s="196">
        <v>777</v>
      </c>
      <c r="R10" s="196">
        <v>833</v>
      </c>
      <c r="S10" s="196">
        <v>1089</v>
      </c>
      <c r="T10" s="196">
        <v>390</v>
      </c>
      <c r="U10" s="196">
        <v>196</v>
      </c>
      <c r="V10" s="193">
        <v>3285</v>
      </c>
      <c r="W10" s="198">
        <v>3285</v>
      </c>
    </row>
    <row r="11" spans="1:23" ht="21" customHeight="1" x14ac:dyDescent="0.2">
      <c r="A11" s="172" t="s">
        <v>8</v>
      </c>
      <c r="B11" s="196">
        <v>0</v>
      </c>
      <c r="C11" s="196">
        <v>0</v>
      </c>
      <c r="D11" s="193">
        <v>0</v>
      </c>
      <c r="E11" s="195">
        <v>0</v>
      </c>
      <c r="F11" s="196">
        <v>4673</v>
      </c>
      <c r="G11" s="196">
        <v>4598</v>
      </c>
      <c r="H11" s="196">
        <v>2852</v>
      </c>
      <c r="I11" s="196">
        <v>1209</v>
      </c>
      <c r="J11" s="196">
        <v>592</v>
      </c>
      <c r="K11" s="193">
        <v>13924</v>
      </c>
      <c r="L11" s="198">
        <v>13924</v>
      </c>
      <c r="M11" s="196">
        <v>0</v>
      </c>
      <c r="N11" s="196">
        <v>0</v>
      </c>
      <c r="O11" s="193">
        <v>0</v>
      </c>
      <c r="P11" s="195">
        <v>0</v>
      </c>
      <c r="Q11" s="196">
        <v>64</v>
      </c>
      <c r="R11" s="196">
        <v>154</v>
      </c>
      <c r="S11" s="196">
        <v>144</v>
      </c>
      <c r="T11" s="196">
        <v>47</v>
      </c>
      <c r="U11" s="196">
        <v>80</v>
      </c>
      <c r="V11" s="193">
        <v>489</v>
      </c>
      <c r="W11" s="198">
        <v>489</v>
      </c>
    </row>
    <row r="12" spans="1:23" ht="21" customHeight="1" x14ac:dyDescent="0.2">
      <c r="A12" s="172" t="s">
        <v>9</v>
      </c>
      <c r="B12" s="196">
        <v>0</v>
      </c>
      <c r="C12" s="196">
        <v>0</v>
      </c>
      <c r="D12" s="193">
        <v>0</v>
      </c>
      <c r="E12" s="195">
        <v>0</v>
      </c>
      <c r="F12" s="196">
        <v>2985</v>
      </c>
      <c r="G12" s="196">
        <v>2413</v>
      </c>
      <c r="H12" s="196">
        <v>1736</v>
      </c>
      <c r="I12" s="196">
        <v>840</v>
      </c>
      <c r="J12" s="196">
        <v>303</v>
      </c>
      <c r="K12" s="193">
        <v>8277</v>
      </c>
      <c r="L12" s="198">
        <v>8277</v>
      </c>
      <c r="M12" s="196">
        <v>0</v>
      </c>
      <c r="N12" s="196">
        <v>0</v>
      </c>
      <c r="O12" s="193">
        <v>0</v>
      </c>
      <c r="P12" s="195">
        <v>0</v>
      </c>
      <c r="Q12" s="196">
        <v>62</v>
      </c>
      <c r="R12" s="196">
        <v>32</v>
      </c>
      <c r="S12" s="196">
        <v>92</v>
      </c>
      <c r="T12" s="196">
        <v>22</v>
      </c>
      <c r="U12" s="196">
        <v>37</v>
      </c>
      <c r="V12" s="193">
        <v>245</v>
      </c>
      <c r="W12" s="198">
        <v>245</v>
      </c>
    </row>
    <row r="13" spans="1:23" ht="21" customHeight="1" x14ac:dyDescent="0.2">
      <c r="A13" s="172" t="s">
        <v>10</v>
      </c>
      <c r="B13" s="196">
        <v>0</v>
      </c>
      <c r="C13" s="196">
        <v>0</v>
      </c>
      <c r="D13" s="193">
        <v>0</v>
      </c>
      <c r="E13" s="195">
        <v>0</v>
      </c>
      <c r="F13" s="196">
        <v>4398</v>
      </c>
      <c r="G13" s="196">
        <v>2016</v>
      </c>
      <c r="H13" s="196">
        <v>1202</v>
      </c>
      <c r="I13" s="196">
        <v>594</v>
      </c>
      <c r="J13" s="196">
        <v>248</v>
      </c>
      <c r="K13" s="193">
        <v>8458</v>
      </c>
      <c r="L13" s="198">
        <v>8458</v>
      </c>
      <c r="M13" s="196">
        <v>0</v>
      </c>
      <c r="N13" s="196">
        <v>4</v>
      </c>
      <c r="O13" s="193">
        <v>4</v>
      </c>
      <c r="P13" s="195">
        <v>0</v>
      </c>
      <c r="Q13" s="196">
        <v>152</v>
      </c>
      <c r="R13" s="196">
        <v>200</v>
      </c>
      <c r="S13" s="196">
        <v>175</v>
      </c>
      <c r="T13" s="196">
        <v>90</v>
      </c>
      <c r="U13" s="196">
        <v>57</v>
      </c>
      <c r="V13" s="193">
        <v>674</v>
      </c>
      <c r="W13" s="198">
        <v>678</v>
      </c>
    </row>
    <row r="14" spans="1:23" ht="21" customHeight="1" x14ac:dyDescent="0.2">
      <c r="A14" s="172" t="s">
        <v>11</v>
      </c>
      <c r="B14" s="196">
        <v>0</v>
      </c>
      <c r="C14" s="196">
        <v>0</v>
      </c>
      <c r="D14" s="193">
        <v>0</v>
      </c>
      <c r="E14" s="195">
        <v>0</v>
      </c>
      <c r="F14" s="196">
        <v>4737</v>
      </c>
      <c r="G14" s="196">
        <v>2651</v>
      </c>
      <c r="H14" s="196">
        <v>1746</v>
      </c>
      <c r="I14" s="196">
        <v>906</v>
      </c>
      <c r="J14" s="196">
        <v>305</v>
      </c>
      <c r="K14" s="193">
        <v>10345</v>
      </c>
      <c r="L14" s="198">
        <v>10345</v>
      </c>
      <c r="M14" s="196">
        <v>0</v>
      </c>
      <c r="N14" s="196">
        <v>11</v>
      </c>
      <c r="O14" s="193">
        <v>11</v>
      </c>
      <c r="P14" s="195">
        <v>0</v>
      </c>
      <c r="Q14" s="196">
        <v>199</v>
      </c>
      <c r="R14" s="196">
        <v>91</v>
      </c>
      <c r="S14" s="196">
        <v>87</v>
      </c>
      <c r="T14" s="196">
        <v>0</v>
      </c>
      <c r="U14" s="196">
        <v>16</v>
      </c>
      <c r="V14" s="193">
        <v>393</v>
      </c>
      <c r="W14" s="198">
        <v>404</v>
      </c>
    </row>
    <row r="15" spans="1:23" ht="21" customHeight="1" x14ac:dyDescent="0.2">
      <c r="A15" s="172" t="s">
        <v>12</v>
      </c>
      <c r="B15" s="196">
        <v>0</v>
      </c>
      <c r="C15" s="196">
        <v>0</v>
      </c>
      <c r="D15" s="193">
        <v>0</v>
      </c>
      <c r="E15" s="195">
        <v>0</v>
      </c>
      <c r="F15" s="196">
        <v>3493</v>
      </c>
      <c r="G15" s="196">
        <v>2166</v>
      </c>
      <c r="H15" s="196">
        <v>1323</v>
      </c>
      <c r="I15" s="196">
        <v>494</v>
      </c>
      <c r="J15" s="196">
        <v>331</v>
      </c>
      <c r="K15" s="193">
        <v>7807</v>
      </c>
      <c r="L15" s="198">
        <v>7807</v>
      </c>
      <c r="M15" s="196">
        <v>0</v>
      </c>
      <c r="N15" s="196">
        <v>0</v>
      </c>
      <c r="O15" s="193">
        <v>0</v>
      </c>
      <c r="P15" s="195">
        <v>0</v>
      </c>
      <c r="Q15" s="196">
        <v>25</v>
      </c>
      <c r="R15" s="196">
        <v>48</v>
      </c>
      <c r="S15" s="196">
        <v>0</v>
      </c>
      <c r="T15" s="196">
        <v>4</v>
      </c>
      <c r="U15" s="196">
        <v>13</v>
      </c>
      <c r="V15" s="193">
        <v>90</v>
      </c>
      <c r="W15" s="198">
        <v>90</v>
      </c>
    </row>
    <row r="16" spans="1:23" ht="21" customHeight="1" x14ac:dyDescent="0.2">
      <c r="A16" s="172" t="s">
        <v>13</v>
      </c>
      <c r="B16" s="196">
        <v>0</v>
      </c>
      <c r="C16" s="196">
        <v>0</v>
      </c>
      <c r="D16" s="193">
        <v>0</v>
      </c>
      <c r="E16" s="195">
        <v>0</v>
      </c>
      <c r="F16" s="196">
        <v>975</v>
      </c>
      <c r="G16" s="196">
        <v>946</v>
      </c>
      <c r="H16" s="196">
        <v>567</v>
      </c>
      <c r="I16" s="196">
        <v>180</v>
      </c>
      <c r="J16" s="196">
        <v>145</v>
      </c>
      <c r="K16" s="193">
        <v>2813</v>
      </c>
      <c r="L16" s="198">
        <v>2813</v>
      </c>
      <c r="M16" s="196">
        <v>0</v>
      </c>
      <c r="N16" s="196">
        <v>0</v>
      </c>
      <c r="O16" s="193">
        <v>0</v>
      </c>
      <c r="P16" s="195">
        <v>0</v>
      </c>
      <c r="Q16" s="196">
        <v>13</v>
      </c>
      <c r="R16" s="196">
        <v>33</v>
      </c>
      <c r="S16" s="196">
        <v>103</v>
      </c>
      <c r="T16" s="196">
        <v>38</v>
      </c>
      <c r="U16" s="196">
        <v>61</v>
      </c>
      <c r="V16" s="193">
        <v>248</v>
      </c>
      <c r="W16" s="198">
        <v>248</v>
      </c>
    </row>
    <row r="17" spans="1:23" ht="21" customHeight="1" x14ac:dyDescent="0.2">
      <c r="A17" s="172" t="s">
        <v>15</v>
      </c>
      <c r="B17" s="196">
        <v>0</v>
      </c>
      <c r="C17" s="196">
        <v>0</v>
      </c>
      <c r="D17" s="193">
        <v>0</v>
      </c>
      <c r="E17" s="195">
        <v>0</v>
      </c>
      <c r="F17" s="196">
        <v>1075</v>
      </c>
      <c r="G17" s="196">
        <v>1476</v>
      </c>
      <c r="H17" s="196">
        <v>639</v>
      </c>
      <c r="I17" s="196">
        <v>450</v>
      </c>
      <c r="J17" s="196">
        <v>75</v>
      </c>
      <c r="K17" s="193">
        <v>3715</v>
      </c>
      <c r="L17" s="198">
        <v>3715</v>
      </c>
      <c r="M17" s="196">
        <v>0</v>
      </c>
      <c r="N17" s="196">
        <v>0</v>
      </c>
      <c r="O17" s="193">
        <v>0</v>
      </c>
      <c r="P17" s="195">
        <v>0</v>
      </c>
      <c r="Q17" s="196">
        <v>49</v>
      </c>
      <c r="R17" s="196">
        <v>44</v>
      </c>
      <c r="S17" s="196">
        <v>88</v>
      </c>
      <c r="T17" s="196">
        <v>44</v>
      </c>
      <c r="U17" s="196">
        <v>12</v>
      </c>
      <c r="V17" s="193">
        <v>237</v>
      </c>
      <c r="W17" s="198">
        <v>237</v>
      </c>
    </row>
    <row r="18" spans="1:23" ht="21" customHeight="1" x14ac:dyDescent="0.2">
      <c r="A18" s="172" t="s">
        <v>16</v>
      </c>
      <c r="B18" s="196">
        <v>0</v>
      </c>
      <c r="C18" s="196">
        <v>0</v>
      </c>
      <c r="D18" s="193">
        <v>0</v>
      </c>
      <c r="E18" s="195">
        <v>0</v>
      </c>
      <c r="F18" s="196">
        <v>1378</v>
      </c>
      <c r="G18" s="196">
        <v>1623</v>
      </c>
      <c r="H18" s="196">
        <v>1043</v>
      </c>
      <c r="I18" s="196">
        <v>557</v>
      </c>
      <c r="J18" s="196">
        <v>235</v>
      </c>
      <c r="K18" s="193">
        <v>4836</v>
      </c>
      <c r="L18" s="198">
        <v>4836</v>
      </c>
      <c r="M18" s="196">
        <v>0</v>
      </c>
      <c r="N18" s="196">
        <v>0</v>
      </c>
      <c r="O18" s="193">
        <v>0</v>
      </c>
      <c r="P18" s="195">
        <v>0</v>
      </c>
      <c r="Q18" s="196">
        <v>54</v>
      </c>
      <c r="R18" s="196">
        <v>122</v>
      </c>
      <c r="S18" s="196">
        <v>105</v>
      </c>
      <c r="T18" s="196">
        <v>45</v>
      </c>
      <c r="U18" s="196">
        <v>55</v>
      </c>
      <c r="V18" s="193">
        <v>381</v>
      </c>
      <c r="W18" s="198">
        <v>381</v>
      </c>
    </row>
    <row r="19" spans="1:23" ht="21" customHeight="1" x14ac:dyDescent="0.2">
      <c r="A19" s="172" t="s">
        <v>17</v>
      </c>
      <c r="B19" s="196">
        <v>0</v>
      </c>
      <c r="C19" s="196">
        <v>0</v>
      </c>
      <c r="D19" s="193">
        <v>0</v>
      </c>
      <c r="E19" s="195">
        <v>0</v>
      </c>
      <c r="F19" s="196">
        <v>2204</v>
      </c>
      <c r="G19" s="196">
        <v>2546</v>
      </c>
      <c r="H19" s="196">
        <v>1525</v>
      </c>
      <c r="I19" s="196">
        <v>1055</v>
      </c>
      <c r="J19" s="196">
        <v>816</v>
      </c>
      <c r="K19" s="193">
        <v>8146</v>
      </c>
      <c r="L19" s="198">
        <v>8146</v>
      </c>
      <c r="M19" s="196">
        <v>0</v>
      </c>
      <c r="N19" s="196">
        <v>8</v>
      </c>
      <c r="O19" s="193">
        <v>8</v>
      </c>
      <c r="P19" s="195">
        <v>0</v>
      </c>
      <c r="Q19" s="196">
        <v>233</v>
      </c>
      <c r="R19" s="196">
        <v>260</v>
      </c>
      <c r="S19" s="196">
        <v>264</v>
      </c>
      <c r="T19" s="196">
        <v>108</v>
      </c>
      <c r="U19" s="196">
        <v>27</v>
      </c>
      <c r="V19" s="193">
        <v>892</v>
      </c>
      <c r="W19" s="198">
        <v>900</v>
      </c>
    </row>
    <row r="20" spans="1:23" ht="21" customHeight="1" x14ac:dyDescent="0.2">
      <c r="A20" s="172" t="s">
        <v>18</v>
      </c>
      <c r="B20" s="196">
        <v>0</v>
      </c>
      <c r="C20" s="196">
        <v>0</v>
      </c>
      <c r="D20" s="193">
        <v>0</v>
      </c>
      <c r="E20" s="195">
        <v>0</v>
      </c>
      <c r="F20" s="196">
        <v>2385</v>
      </c>
      <c r="G20" s="196">
        <v>2038</v>
      </c>
      <c r="H20" s="196">
        <v>1069</v>
      </c>
      <c r="I20" s="196">
        <v>476</v>
      </c>
      <c r="J20" s="196">
        <v>152</v>
      </c>
      <c r="K20" s="193">
        <v>6120</v>
      </c>
      <c r="L20" s="198">
        <v>6120</v>
      </c>
      <c r="M20" s="196">
        <v>0</v>
      </c>
      <c r="N20" s="196">
        <v>0</v>
      </c>
      <c r="O20" s="193">
        <v>0</v>
      </c>
      <c r="P20" s="195">
        <v>0</v>
      </c>
      <c r="Q20" s="196">
        <v>52</v>
      </c>
      <c r="R20" s="196">
        <v>60</v>
      </c>
      <c r="S20" s="196">
        <v>135</v>
      </c>
      <c r="T20" s="196">
        <v>134</v>
      </c>
      <c r="U20" s="196">
        <v>201</v>
      </c>
      <c r="V20" s="193">
        <v>582</v>
      </c>
      <c r="W20" s="198">
        <v>582</v>
      </c>
    </row>
    <row r="21" spans="1:23" ht="21" customHeight="1" x14ac:dyDescent="0.2">
      <c r="A21" s="172" t="s">
        <v>19</v>
      </c>
      <c r="B21" s="196">
        <v>0</v>
      </c>
      <c r="C21" s="196">
        <v>0</v>
      </c>
      <c r="D21" s="193">
        <v>0</v>
      </c>
      <c r="E21" s="195">
        <v>0</v>
      </c>
      <c r="F21" s="196">
        <v>1095</v>
      </c>
      <c r="G21" s="196">
        <v>1074</v>
      </c>
      <c r="H21" s="196">
        <v>563</v>
      </c>
      <c r="I21" s="196">
        <v>220</v>
      </c>
      <c r="J21" s="196">
        <v>140</v>
      </c>
      <c r="K21" s="193">
        <v>3092</v>
      </c>
      <c r="L21" s="198">
        <v>3092</v>
      </c>
      <c r="M21" s="196">
        <v>0</v>
      </c>
      <c r="N21" s="196">
        <v>0</v>
      </c>
      <c r="O21" s="193">
        <v>0</v>
      </c>
      <c r="P21" s="195">
        <v>0</v>
      </c>
      <c r="Q21" s="196">
        <v>88</v>
      </c>
      <c r="R21" s="196">
        <v>270</v>
      </c>
      <c r="S21" s="196">
        <v>187</v>
      </c>
      <c r="T21" s="196">
        <v>0</v>
      </c>
      <c r="U21" s="196">
        <v>41</v>
      </c>
      <c r="V21" s="193">
        <v>586</v>
      </c>
      <c r="W21" s="198">
        <v>586</v>
      </c>
    </row>
    <row r="22" spans="1:23" ht="21" customHeight="1" x14ac:dyDescent="0.2">
      <c r="A22" s="172" t="s">
        <v>20</v>
      </c>
      <c r="B22" s="196">
        <v>0</v>
      </c>
      <c r="C22" s="196">
        <v>0</v>
      </c>
      <c r="D22" s="193">
        <v>0</v>
      </c>
      <c r="E22" s="195">
        <v>0</v>
      </c>
      <c r="F22" s="196">
        <v>1309</v>
      </c>
      <c r="G22" s="196">
        <v>712</v>
      </c>
      <c r="H22" s="196">
        <v>476</v>
      </c>
      <c r="I22" s="196">
        <v>321</v>
      </c>
      <c r="J22" s="196">
        <v>83</v>
      </c>
      <c r="K22" s="193">
        <v>2901</v>
      </c>
      <c r="L22" s="198">
        <v>2901</v>
      </c>
      <c r="M22" s="196">
        <v>0</v>
      </c>
      <c r="N22" s="196">
        <v>0</v>
      </c>
      <c r="O22" s="193">
        <v>0</v>
      </c>
      <c r="P22" s="195">
        <v>0</v>
      </c>
      <c r="Q22" s="196">
        <v>18</v>
      </c>
      <c r="R22" s="196">
        <v>44</v>
      </c>
      <c r="S22" s="196">
        <v>52</v>
      </c>
      <c r="T22" s="196">
        <v>29</v>
      </c>
      <c r="U22" s="196">
        <v>30</v>
      </c>
      <c r="V22" s="193">
        <v>173</v>
      </c>
      <c r="W22" s="198">
        <v>173</v>
      </c>
    </row>
    <row r="23" spans="1:23" ht="21" customHeight="1" x14ac:dyDescent="0.2">
      <c r="A23" s="172" t="s">
        <v>21</v>
      </c>
      <c r="B23" s="196">
        <v>0</v>
      </c>
      <c r="C23" s="196">
        <v>0</v>
      </c>
      <c r="D23" s="193">
        <v>0</v>
      </c>
      <c r="E23" s="195">
        <v>0</v>
      </c>
      <c r="F23" s="196">
        <v>1424</v>
      </c>
      <c r="G23" s="196">
        <v>1681</v>
      </c>
      <c r="H23" s="196">
        <v>791</v>
      </c>
      <c r="I23" s="196">
        <v>293</v>
      </c>
      <c r="J23" s="196">
        <v>159</v>
      </c>
      <c r="K23" s="193">
        <v>4348</v>
      </c>
      <c r="L23" s="198">
        <v>4348</v>
      </c>
      <c r="M23" s="196">
        <v>0</v>
      </c>
      <c r="N23" s="196">
        <v>0</v>
      </c>
      <c r="O23" s="193">
        <v>0</v>
      </c>
      <c r="P23" s="195">
        <v>0</v>
      </c>
      <c r="Q23" s="196">
        <v>0</v>
      </c>
      <c r="R23" s="196">
        <v>0</v>
      </c>
      <c r="S23" s="196">
        <v>0</v>
      </c>
      <c r="T23" s="196">
        <v>0</v>
      </c>
      <c r="U23" s="196">
        <v>0</v>
      </c>
      <c r="V23" s="193">
        <v>0</v>
      </c>
      <c r="W23" s="198">
        <v>0</v>
      </c>
    </row>
    <row r="24" spans="1:23" ht="21" customHeight="1" x14ac:dyDescent="0.2">
      <c r="A24" s="172" t="s">
        <v>22</v>
      </c>
      <c r="B24" s="196">
        <v>0</v>
      </c>
      <c r="C24" s="196">
        <v>0</v>
      </c>
      <c r="D24" s="193">
        <v>0</v>
      </c>
      <c r="E24" s="195">
        <v>0</v>
      </c>
      <c r="F24" s="196">
        <v>994</v>
      </c>
      <c r="G24" s="196">
        <v>813</v>
      </c>
      <c r="H24" s="196">
        <v>391</v>
      </c>
      <c r="I24" s="196">
        <v>235</v>
      </c>
      <c r="J24" s="196">
        <v>107</v>
      </c>
      <c r="K24" s="193">
        <v>2540</v>
      </c>
      <c r="L24" s="198">
        <v>2540</v>
      </c>
      <c r="M24" s="196">
        <v>5</v>
      </c>
      <c r="N24" s="196">
        <v>0</v>
      </c>
      <c r="O24" s="193">
        <v>5</v>
      </c>
      <c r="P24" s="195">
        <v>0</v>
      </c>
      <c r="Q24" s="196">
        <v>88</v>
      </c>
      <c r="R24" s="196">
        <v>88</v>
      </c>
      <c r="S24" s="196">
        <v>40</v>
      </c>
      <c r="T24" s="196">
        <v>23</v>
      </c>
      <c r="U24" s="196">
        <v>3</v>
      </c>
      <c r="V24" s="193">
        <v>242</v>
      </c>
      <c r="W24" s="198">
        <v>247</v>
      </c>
    </row>
    <row r="25" spans="1:23" ht="21" customHeight="1" x14ac:dyDescent="0.2">
      <c r="A25" s="172" t="s">
        <v>23</v>
      </c>
      <c r="B25" s="196">
        <v>0</v>
      </c>
      <c r="C25" s="196">
        <v>0</v>
      </c>
      <c r="D25" s="193">
        <v>0</v>
      </c>
      <c r="E25" s="195">
        <v>0</v>
      </c>
      <c r="F25" s="196">
        <v>395</v>
      </c>
      <c r="G25" s="196">
        <v>387</v>
      </c>
      <c r="H25" s="196">
        <v>168</v>
      </c>
      <c r="I25" s="196">
        <v>190</v>
      </c>
      <c r="J25" s="196">
        <v>96</v>
      </c>
      <c r="K25" s="193">
        <v>1236</v>
      </c>
      <c r="L25" s="198">
        <v>1236</v>
      </c>
      <c r="M25" s="196">
        <v>0</v>
      </c>
      <c r="N25" s="196">
        <v>0</v>
      </c>
      <c r="O25" s="193">
        <v>0</v>
      </c>
      <c r="P25" s="195">
        <v>0</v>
      </c>
      <c r="Q25" s="196">
        <v>0</v>
      </c>
      <c r="R25" s="196">
        <v>0</v>
      </c>
      <c r="S25" s="196">
        <v>12</v>
      </c>
      <c r="T25" s="196">
        <v>0</v>
      </c>
      <c r="U25" s="196">
        <v>0</v>
      </c>
      <c r="V25" s="193">
        <v>12</v>
      </c>
      <c r="W25" s="198">
        <v>12</v>
      </c>
    </row>
    <row r="26" spans="1:23" ht="21" customHeight="1" x14ac:dyDescent="0.2">
      <c r="A26" s="172" t="s">
        <v>24</v>
      </c>
      <c r="B26" s="196">
        <v>0</v>
      </c>
      <c r="C26" s="196">
        <v>0</v>
      </c>
      <c r="D26" s="193">
        <v>0</v>
      </c>
      <c r="E26" s="195">
        <v>0</v>
      </c>
      <c r="F26" s="196">
        <v>498</v>
      </c>
      <c r="G26" s="196">
        <v>132</v>
      </c>
      <c r="H26" s="196">
        <v>187</v>
      </c>
      <c r="I26" s="196">
        <v>74</v>
      </c>
      <c r="J26" s="196">
        <v>54</v>
      </c>
      <c r="K26" s="193">
        <v>945</v>
      </c>
      <c r="L26" s="198">
        <v>945</v>
      </c>
      <c r="M26" s="196">
        <v>0</v>
      </c>
      <c r="N26" s="196">
        <v>0</v>
      </c>
      <c r="O26" s="193">
        <v>0</v>
      </c>
      <c r="P26" s="195">
        <v>0</v>
      </c>
      <c r="Q26" s="196">
        <v>93</v>
      </c>
      <c r="R26" s="196">
        <v>54</v>
      </c>
      <c r="S26" s="196">
        <v>46</v>
      </c>
      <c r="T26" s="196">
        <v>16</v>
      </c>
      <c r="U26" s="196">
        <v>26</v>
      </c>
      <c r="V26" s="193">
        <v>235</v>
      </c>
      <c r="W26" s="198">
        <v>235</v>
      </c>
    </row>
    <row r="27" spans="1:23" ht="21" customHeight="1" x14ac:dyDescent="0.2">
      <c r="A27" s="172" t="s">
        <v>25</v>
      </c>
      <c r="B27" s="196">
        <v>0</v>
      </c>
      <c r="C27" s="196">
        <v>0</v>
      </c>
      <c r="D27" s="193">
        <v>0</v>
      </c>
      <c r="E27" s="195">
        <v>0</v>
      </c>
      <c r="F27" s="196">
        <v>657</v>
      </c>
      <c r="G27" s="196">
        <v>242</v>
      </c>
      <c r="H27" s="196">
        <v>137</v>
      </c>
      <c r="I27" s="196">
        <v>82</v>
      </c>
      <c r="J27" s="196">
        <v>10</v>
      </c>
      <c r="K27" s="193">
        <v>1128</v>
      </c>
      <c r="L27" s="198">
        <v>1128</v>
      </c>
      <c r="M27" s="196">
        <v>0</v>
      </c>
      <c r="N27" s="196">
        <v>0</v>
      </c>
      <c r="O27" s="193">
        <v>0</v>
      </c>
      <c r="P27" s="195">
        <v>0</v>
      </c>
      <c r="Q27" s="196">
        <v>41</v>
      </c>
      <c r="R27" s="196">
        <v>45</v>
      </c>
      <c r="S27" s="196">
        <v>0</v>
      </c>
      <c r="T27" s="196">
        <v>0</v>
      </c>
      <c r="U27" s="196">
        <v>13</v>
      </c>
      <c r="V27" s="193">
        <v>99</v>
      </c>
      <c r="W27" s="198">
        <v>99</v>
      </c>
    </row>
    <row r="28" spans="1:23" ht="21" customHeight="1" x14ac:dyDescent="0.2">
      <c r="A28" s="172" t="s">
        <v>26</v>
      </c>
      <c r="B28" s="196">
        <v>0</v>
      </c>
      <c r="C28" s="196">
        <v>0</v>
      </c>
      <c r="D28" s="193">
        <v>0</v>
      </c>
      <c r="E28" s="195">
        <v>0</v>
      </c>
      <c r="F28" s="196">
        <v>375</v>
      </c>
      <c r="G28" s="196">
        <v>363</v>
      </c>
      <c r="H28" s="196">
        <v>177</v>
      </c>
      <c r="I28" s="196">
        <v>124</v>
      </c>
      <c r="J28" s="196">
        <v>105</v>
      </c>
      <c r="K28" s="193">
        <v>1144</v>
      </c>
      <c r="L28" s="198">
        <v>1144</v>
      </c>
      <c r="M28" s="196">
        <v>0</v>
      </c>
      <c r="N28" s="196">
        <v>0</v>
      </c>
      <c r="O28" s="193">
        <v>0</v>
      </c>
      <c r="P28" s="195">
        <v>0</v>
      </c>
      <c r="Q28" s="196">
        <v>0</v>
      </c>
      <c r="R28" s="196">
        <v>0</v>
      </c>
      <c r="S28" s="196">
        <v>0</v>
      </c>
      <c r="T28" s="196">
        <v>0</v>
      </c>
      <c r="U28" s="196">
        <v>0</v>
      </c>
      <c r="V28" s="193">
        <v>0</v>
      </c>
      <c r="W28" s="198">
        <v>0</v>
      </c>
    </row>
    <row r="29" spans="1:23" ht="21" customHeight="1" x14ac:dyDescent="0.2">
      <c r="A29" s="172" t="s">
        <v>27</v>
      </c>
      <c r="B29" s="196">
        <v>0</v>
      </c>
      <c r="C29" s="196">
        <v>0</v>
      </c>
      <c r="D29" s="193">
        <v>0</v>
      </c>
      <c r="E29" s="195">
        <v>0</v>
      </c>
      <c r="F29" s="196">
        <v>209</v>
      </c>
      <c r="G29" s="196">
        <v>190</v>
      </c>
      <c r="H29" s="196">
        <v>119</v>
      </c>
      <c r="I29" s="196">
        <v>17</v>
      </c>
      <c r="J29" s="196">
        <v>0</v>
      </c>
      <c r="K29" s="193">
        <v>535</v>
      </c>
      <c r="L29" s="198">
        <v>535</v>
      </c>
      <c r="M29" s="196">
        <v>0</v>
      </c>
      <c r="N29" s="196">
        <v>0</v>
      </c>
      <c r="O29" s="193">
        <v>0</v>
      </c>
      <c r="P29" s="195">
        <v>0</v>
      </c>
      <c r="Q29" s="196">
        <v>40</v>
      </c>
      <c r="R29" s="196">
        <v>9</v>
      </c>
      <c r="S29" s="196">
        <v>7</v>
      </c>
      <c r="T29" s="196">
        <v>9</v>
      </c>
      <c r="U29" s="196">
        <v>4</v>
      </c>
      <c r="V29" s="193">
        <v>69</v>
      </c>
      <c r="W29" s="198">
        <v>69</v>
      </c>
    </row>
    <row r="30" spans="1:23" ht="21" customHeight="1" x14ac:dyDescent="0.2">
      <c r="A30" s="172" t="s">
        <v>28</v>
      </c>
      <c r="B30" s="196">
        <v>0</v>
      </c>
      <c r="C30" s="196">
        <v>0</v>
      </c>
      <c r="D30" s="193">
        <v>0</v>
      </c>
      <c r="E30" s="195">
        <v>0</v>
      </c>
      <c r="F30" s="196">
        <v>131</v>
      </c>
      <c r="G30" s="196">
        <v>94</v>
      </c>
      <c r="H30" s="196">
        <v>22</v>
      </c>
      <c r="I30" s="196">
        <v>13</v>
      </c>
      <c r="J30" s="196">
        <v>0</v>
      </c>
      <c r="K30" s="193">
        <v>260</v>
      </c>
      <c r="L30" s="198">
        <v>260</v>
      </c>
      <c r="M30" s="196">
        <v>0</v>
      </c>
      <c r="N30" s="196">
        <v>0</v>
      </c>
      <c r="O30" s="193">
        <v>0</v>
      </c>
      <c r="P30" s="195">
        <v>0</v>
      </c>
      <c r="Q30" s="196">
        <v>7</v>
      </c>
      <c r="R30" s="196">
        <v>0</v>
      </c>
      <c r="S30" s="196">
        <v>51</v>
      </c>
      <c r="T30" s="196">
        <v>0</v>
      </c>
      <c r="U30" s="196">
        <v>0</v>
      </c>
      <c r="V30" s="193">
        <v>58</v>
      </c>
      <c r="W30" s="198">
        <v>58</v>
      </c>
    </row>
    <row r="31" spans="1:23" ht="21" customHeight="1" x14ac:dyDescent="0.2">
      <c r="A31" s="172" t="s">
        <v>29</v>
      </c>
      <c r="B31" s="196">
        <v>0</v>
      </c>
      <c r="C31" s="196">
        <v>0</v>
      </c>
      <c r="D31" s="193">
        <v>0</v>
      </c>
      <c r="E31" s="195">
        <v>0</v>
      </c>
      <c r="F31" s="196">
        <v>130</v>
      </c>
      <c r="G31" s="196">
        <v>111</v>
      </c>
      <c r="H31" s="196">
        <v>44</v>
      </c>
      <c r="I31" s="196">
        <v>23</v>
      </c>
      <c r="J31" s="196">
        <v>0</v>
      </c>
      <c r="K31" s="193">
        <v>308</v>
      </c>
      <c r="L31" s="198">
        <v>308</v>
      </c>
      <c r="M31" s="196">
        <v>0</v>
      </c>
      <c r="N31" s="196">
        <v>0</v>
      </c>
      <c r="O31" s="193">
        <v>0</v>
      </c>
      <c r="P31" s="195">
        <v>0</v>
      </c>
      <c r="Q31" s="196">
        <v>0</v>
      </c>
      <c r="R31" s="196">
        <v>15</v>
      </c>
      <c r="S31" s="196">
        <v>22</v>
      </c>
      <c r="T31" s="196">
        <v>5</v>
      </c>
      <c r="U31" s="196">
        <v>0</v>
      </c>
      <c r="V31" s="193">
        <v>42</v>
      </c>
      <c r="W31" s="198">
        <v>42</v>
      </c>
    </row>
    <row r="32" spans="1:23" ht="21" customHeight="1" x14ac:dyDescent="0.2">
      <c r="A32" s="172" t="s">
        <v>30</v>
      </c>
      <c r="B32" s="196">
        <v>0</v>
      </c>
      <c r="C32" s="196">
        <v>0</v>
      </c>
      <c r="D32" s="193">
        <v>0</v>
      </c>
      <c r="E32" s="195">
        <v>0</v>
      </c>
      <c r="F32" s="196">
        <v>208</v>
      </c>
      <c r="G32" s="196">
        <v>158</v>
      </c>
      <c r="H32" s="196">
        <v>93</v>
      </c>
      <c r="I32" s="196">
        <v>25</v>
      </c>
      <c r="J32" s="196">
        <v>8</v>
      </c>
      <c r="K32" s="193">
        <v>492</v>
      </c>
      <c r="L32" s="198">
        <v>492</v>
      </c>
      <c r="M32" s="196">
        <v>4</v>
      </c>
      <c r="N32" s="196">
        <v>0</v>
      </c>
      <c r="O32" s="193">
        <v>4</v>
      </c>
      <c r="P32" s="195">
        <v>0</v>
      </c>
      <c r="Q32" s="196">
        <v>0</v>
      </c>
      <c r="R32" s="196">
        <v>5</v>
      </c>
      <c r="S32" s="196">
        <v>11</v>
      </c>
      <c r="T32" s="196">
        <v>0</v>
      </c>
      <c r="U32" s="196">
        <v>0</v>
      </c>
      <c r="V32" s="193">
        <v>16</v>
      </c>
      <c r="W32" s="198">
        <v>20</v>
      </c>
    </row>
    <row r="33" spans="1:23" ht="21" customHeight="1" x14ac:dyDescent="0.2">
      <c r="A33" s="172" t="s">
        <v>31</v>
      </c>
      <c r="B33" s="196">
        <v>0</v>
      </c>
      <c r="C33" s="196">
        <v>0</v>
      </c>
      <c r="D33" s="193">
        <v>0</v>
      </c>
      <c r="E33" s="195">
        <v>0</v>
      </c>
      <c r="F33" s="196">
        <v>200</v>
      </c>
      <c r="G33" s="196">
        <v>118</v>
      </c>
      <c r="H33" s="196">
        <v>105</v>
      </c>
      <c r="I33" s="196">
        <v>3</v>
      </c>
      <c r="J33" s="196">
        <v>28</v>
      </c>
      <c r="K33" s="193">
        <v>454</v>
      </c>
      <c r="L33" s="198">
        <v>454</v>
      </c>
      <c r="M33" s="196">
        <v>0</v>
      </c>
      <c r="N33" s="196">
        <v>0</v>
      </c>
      <c r="O33" s="193">
        <v>0</v>
      </c>
      <c r="P33" s="195">
        <v>0</v>
      </c>
      <c r="Q33" s="196">
        <v>0</v>
      </c>
      <c r="R33" s="196">
        <v>21</v>
      </c>
      <c r="S33" s="196">
        <v>13</v>
      </c>
      <c r="T33" s="196">
        <v>0</v>
      </c>
      <c r="U33" s="196">
        <v>0</v>
      </c>
      <c r="V33" s="193">
        <v>34</v>
      </c>
      <c r="W33" s="198">
        <v>34</v>
      </c>
    </row>
    <row r="34" spans="1:23" ht="21" customHeight="1" x14ac:dyDescent="0.2">
      <c r="A34" s="172" t="s">
        <v>32</v>
      </c>
      <c r="B34" s="196">
        <v>0</v>
      </c>
      <c r="C34" s="196">
        <v>0</v>
      </c>
      <c r="D34" s="193">
        <v>0</v>
      </c>
      <c r="E34" s="195">
        <v>0</v>
      </c>
      <c r="F34" s="196">
        <v>393</v>
      </c>
      <c r="G34" s="196">
        <v>262</v>
      </c>
      <c r="H34" s="196">
        <v>57</v>
      </c>
      <c r="I34" s="196">
        <v>32</v>
      </c>
      <c r="J34" s="196">
        <v>0</v>
      </c>
      <c r="K34" s="193">
        <v>744</v>
      </c>
      <c r="L34" s="198">
        <v>744</v>
      </c>
      <c r="M34" s="196">
        <v>0</v>
      </c>
      <c r="N34" s="196">
        <v>0</v>
      </c>
      <c r="O34" s="193">
        <v>0</v>
      </c>
      <c r="P34" s="195">
        <v>0</v>
      </c>
      <c r="Q34" s="196">
        <v>12</v>
      </c>
      <c r="R34" s="196">
        <v>0</v>
      </c>
      <c r="S34" s="196">
        <v>23</v>
      </c>
      <c r="T34" s="196">
        <v>0</v>
      </c>
      <c r="U34" s="196">
        <v>22</v>
      </c>
      <c r="V34" s="193">
        <v>57</v>
      </c>
      <c r="W34" s="198">
        <v>57</v>
      </c>
    </row>
    <row r="35" spans="1:23" ht="21" customHeight="1" x14ac:dyDescent="0.2">
      <c r="A35" s="172" t="s">
        <v>33</v>
      </c>
      <c r="B35" s="196">
        <v>0</v>
      </c>
      <c r="C35" s="196">
        <v>0</v>
      </c>
      <c r="D35" s="193">
        <v>0</v>
      </c>
      <c r="E35" s="195">
        <v>0</v>
      </c>
      <c r="F35" s="196">
        <v>243</v>
      </c>
      <c r="G35" s="196">
        <v>113</v>
      </c>
      <c r="H35" s="196">
        <v>48</v>
      </c>
      <c r="I35" s="196">
        <v>52</v>
      </c>
      <c r="J35" s="196">
        <v>9</v>
      </c>
      <c r="K35" s="193">
        <v>465</v>
      </c>
      <c r="L35" s="198">
        <v>465</v>
      </c>
      <c r="M35" s="196">
        <v>0</v>
      </c>
      <c r="N35" s="196">
        <v>0</v>
      </c>
      <c r="O35" s="193">
        <v>0</v>
      </c>
      <c r="P35" s="195">
        <v>0</v>
      </c>
      <c r="Q35" s="196">
        <v>8</v>
      </c>
      <c r="R35" s="196">
        <v>0</v>
      </c>
      <c r="S35" s="196">
        <v>0</v>
      </c>
      <c r="T35" s="196">
        <v>0</v>
      </c>
      <c r="U35" s="196">
        <v>0</v>
      </c>
      <c r="V35" s="193">
        <v>8</v>
      </c>
      <c r="W35" s="198">
        <v>8</v>
      </c>
    </row>
    <row r="36" spans="1:23" ht="21" customHeight="1" x14ac:dyDescent="0.2">
      <c r="A36" s="172" t="s">
        <v>34</v>
      </c>
      <c r="B36" s="196">
        <v>0</v>
      </c>
      <c r="C36" s="196">
        <v>0</v>
      </c>
      <c r="D36" s="193">
        <v>0</v>
      </c>
      <c r="E36" s="195">
        <v>0</v>
      </c>
      <c r="F36" s="196">
        <v>151</v>
      </c>
      <c r="G36" s="196">
        <v>35</v>
      </c>
      <c r="H36" s="196">
        <v>51</v>
      </c>
      <c r="I36" s="196">
        <v>10</v>
      </c>
      <c r="J36" s="196">
        <v>26</v>
      </c>
      <c r="K36" s="193">
        <v>273</v>
      </c>
      <c r="L36" s="198">
        <v>273</v>
      </c>
      <c r="M36" s="196">
        <v>0</v>
      </c>
      <c r="N36" s="196">
        <v>0</v>
      </c>
      <c r="O36" s="193">
        <v>0</v>
      </c>
      <c r="P36" s="195">
        <v>0</v>
      </c>
      <c r="Q36" s="196">
        <v>0</v>
      </c>
      <c r="R36" s="196">
        <v>0</v>
      </c>
      <c r="S36" s="196">
        <v>0</v>
      </c>
      <c r="T36" s="196">
        <v>7</v>
      </c>
      <c r="U36" s="196">
        <v>0</v>
      </c>
      <c r="V36" s="193">
        <v>7</v>
      </c>
      <c r="W36" s="198">
        <v>7</v>
      </c>
    </row>
    <row r="37" spans="1:23" ht="21" customHeight="1" x14ac:dyDescent="0.2">
      <c r="A37" s="172" t="s">
        <v>35</v>
      </c>
      <c r="B37" s="196">
        <v>0</v>
      </c>
      <c r="C37" s="196">
        <v>0</v>
      </c>
      <c r="D37" s="193">
        <v>0</v>
      </c>
      <c r="E37" s="195">
        <v>0</v>
      </c>
      <c r="F37" s="196">
        <v>270</v>
      </c>
      <c r="G37" s="196">
        <v>218</v>
      </c>
      <c r="H37" s="196">
        <v>160</v>
      </c>
      <c r="I37" s="196">
        <v>211</v>
      </c>
      <c r="J37" s="196">
        <v>39</v>
      </c>
      <c r="K37" s="193">
        <v>898</v>
      </c>
      <c r="L37" s="198">
        <v>898</v>
      </c>
      <c r="M37" s="196">
        <v>0</v>
      </c>
      <c r="N37" s="196">
        <v>0</v>
      </c>
      <c r="O37" s="193">
        <v>0</v>
      </c>
      <c r="P37" s="195">
        <v>0</v>
      </c>
      <c r="Q37" s="196">
        <v>0</v>
      </c>
      <c r="R37" s="196">
        <v>0</v>
      </c>
      <c r="S37" s="196">
        <v>0</v>
      </c>
      <c r="T37" s="196">
        <v>0</v>
      </c>
      <c r="U37" s="196">
        <v>0</v>
      </c>
      <c r="V37" s="193">
        <v>0</v>
      </c>
      <c r="W37" s="198">
        <v>0</v>
      </c>
    </row>
    <row r="38" spans="1:23" ht="21" customHeight="1" x14ac:dyDescent="0.2">
      <c r="A38" s="172" t="s">
        <v>36</v>
      </c>
      <c r="B38" s="196">
        <v>0</v>
      </c>
      <c r="C38" s="196">
        <v>0</v>
      </c>
      <c r="D38" s="193">
        <v>0</v>
      </c>
      <c r="E38" s="195">
        <v>0</v>
      </c>
      <c r="F38" s="196">
        <v>411</v>
      </c>
      <c r="G38" s="196">
        <v>578</v>
      </c>
      <c r="H38" s="196">
        <v>373</v>
      </c>
      <c r="I38" s="196">
        <v>211</v>
      </c>
      <c r="J38" s="196">
        <v>206</v>
      </c>
      <c r="K38" s="193">
        <v>1779</v>
      </c>
      <c r="L38" s="198">
        <v>1779</v>
      </c>
      <c r="M38" s="196">
        <v>0</v>
      </c>
      <c r="N38" s="196">
        <v>0</v>
      </c>
      <c r="O38" s="193">
        <v>0</v>
      </c>
      <c r="P38" s="195">
        <v>0</v>
      </c>
      <c r="Q38" s="196">
        <v>0</v>
      </c>
      <c r="R38" s="196">
        <v>0</v>
      </c>
      <c r="S38" s="196">
        <v>0</v>
      </c>
      <c r="T38" s="196">
        <v>0</v>
      </c>
      <c r="U38" s="196">
        <v>0</v>
      </c>
      <c r="V38" s="193">
        <v>0</v>
      </c>
      <c r="W38" s="198">
        <v>0</v>
      </c>
    </row>
    <row r="39" spans="1:23" ht="21" customHeight="1" thickBot="1" x14ac:dyDescent="0.25">
      <c r="A39" s="173" t="s">
        <v>37</v>
      </c>
      <c r="B39" s="203">
        <v>0</v>
      </c>
      <c r="C39" s="203">
        <v>0</v>
      </c>
      <c r="D39" s="200">
        <v>0</v>
      </c>
      <c r="E39" s="202">
        <v>0</v>
      </c>
      <c r="F39" s="203">
        <v>114</v>
      </c>
      <c r="G39" s="203">
        <v>144</v>
      </c>
      <c r="H39" s="203">
        <v>25</v>
      </c>
      <c r="I39" s="203">
        <v>15</v>
      </c>
      <c r="J39" s="203">
        <v>13</v>
      </c>
      <c r="K39" s="200">
        <v>311</v>
      </c>
      <c r="L39" s="205">
        <v>311</v>
      </c>
      <c r="M39" s="203">
        <v>0</v>
      </c>
      <c r="N39" s="203">
        <v>0</v>
      </c>
      <c r="O39" s="200">
        <v>0</v>
      </c>
      <c r="P39" s="202">
        <v>0</v>
      </c>
      <c r="Q39" s="203">
        <v>4</v>
      </c>
      <c r="R39" s="203">
        <v>0</v>
      </c>
      <c r="S39" s="203">
        <v>30</v>
      </c>
      <c r="T39" s="203">
        <v>15</v>
      </c>
      <c r="U39" s="203">
        <v>0</v>
      </c>
      <c r="V39" s="200">
        <v>49</v>
      </c>
      <c r="W39" s="205">
        <v>49</v>
      </c>
    </row>
  </sheetData>
  <mergeCells count="11">
    <mergeCell ref="M3:W3"/>
    <mergeCell ref="M4:O4"/>
    <mergeCell ref="P4:V4"/>
    <mergeCell ref="W4:W5"/>
    <mergeCell ref="G1:H1"/>
    <mergeCell ref="J1:K1"/>
    <mergeCell ref="A3:A5"/>
    <mergeCell ref="B3:L3"/>
    <mergeCell ref="B4:D4"/>
    <mergeCell ref="E4:K4"/>
    <mergeCell ref="L4:L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171"/>
    <col min="4" max="4" width="10" style="171" customWidth="1"/>
    <col min="5" max="5" width="7.77734375" style="171" customWidth="1"/>
    <col min="6" max="6" width="10.77734375" style="171" customWidth="1"/>
    <col min="7" max="15" width="9" style="171"/>
    <col min="16" max="16" width="7.6640625" style="171" customWidth="1"/>
    <col min="17" max="16384" width="9" style="171"/>
  </cols>
  <sheetData>
    <row r="1" spans="1:23" ht="17.25" customHeight="1" x14ac:dyDescent="0.2">
      <c r="A1" s="206" t="s">
        <v>125</v>
      </c>
      <c r="G1" s="487">
        <f>第１表!F2</f>
        <v>4</v>
      </c>
      <c r="H1" s="487"/>
      <c r="I1" s="163">
        <f>第１表!G2</f>
        <v>1</v>
      </c>
      <c r="J1" s="488">
        <f>IF(I1&lt;3,I1+12-2,I1-2)</f>
        <v>11</v>
      </c>
      <c r="K1" s="488"/>
    </row>
    <row r="2" spans="1:23" ht="21" customHeight="1" thickBot="1" x14ac:dyDescent="0.25">
      <c r="A2" s="206" t="s">
        <v>135</v>
      </c>
    </row>
    <row r="3" spans="1:23" ht="18.75" customHeight="1" x14ac:dyDescent="0.2">
      <c r="A3" s="500"/>
      <c r="B3" s="496" t="s">
        <v>143</v>
      </c>
      <c r="C3" s="496"/>
      <c r="D3" s="496"/>
      <c r="E3" s="496"/>
      <c r="F3" s="496"/>
      <c r="G3" s="496"/>
      <c r="H3" s="496"/>
      <c r="I3" s="496"/>
      <c r="J3" s="496"/>
      <c r="K3" s="496"/>
      <c r="L3" s="526"/>
      <c r="M3" s="496" t="s">
        <v>113</v>
      </c>
      <c r="N3" s="496"/>
      <c r="O3" s="496"/>
      <c r="P3" s="496"/>
      <c r="Q3" s="496"/>
      <c r="R3" s="496"/>
      <c r="S3" s="496"/>
      <c r="T3" s="496"/>
      <c r="U3" s="496"/>
      <c r="V3" s="496"/>
      <c r="W3" s="526"/>
    </row>
    <row r="4" spans="1:23" ht="18.75" customHeight="1" x14ac:dyDescent="0.2">
      <c r="A4" s="524"/>
      <c r="B4" s="527" t="s">
        <v>61</v>
      </c>
      <c r="C4" s="527"/>
      <c r="D4" s="528"/>
      <c r="E4" s="529" t="s">
        <v>62</v>
      </c>
      <c r="F4" s="527"/>
      <c r="G4" s="527"/>
      <c r="H4" s="527"/>
      <c r="I4" s="527"/>
      <c r="J4" s="527"/>
      <c r="K4" s="530"/>
      <c r="L4" s="531" t="s">
        <v>52</v>
      </c>
      <c r="M4" s="527" t="s">
        <v>61</v>
      </c>
      <c r="N4" s="527"/>
      <c r="O4" s="528"/>
      <c r="P4" s="529" t="s">
        <v>62</v>
      </c>
      <c r="Q4" s="527"/>
      <c r="R4" s="527"/>
      <c r="S4" s="527"/>
      <c r="T4" s="527"/>
      <c r="U4" s="527"/>
      <c r="V4" s="530"/>
      <c r="W4" s="531" t="s">
        <v>52</v>
      </c>
    </row>
    <row r="5" spans="1:23" ht="27" thickBot="1" x14ac:dyDescent="0.25">
      <c r="A5" s="525"/>
      <c r="B5" s="175" t="s">
        <v>43</v>
      </c>
      <c r="C5" s="175" t="s">
        <v>44</v>
      </c>
      <c r="D5" s="181" t="s">
        <v>45</v>
      </c>
      <c r="E5" s="183" t="s">
        <v>83</v>
      </c>
      <c r="F5" s="175" t="s">
        <v>47</v>
      </c>
      <c r="G5" s="175" t="s">
        <v>48</v>
      </c>
      <c r="H5" s="175" t="s">
        <v>49</v>
      </c>
      <c r="I5" s="175" t="s">
        <v>50</v>
      </c>
      <c r="J5" s="175" t="s">
        <v>51</v>
      </c>
      <c r="K5" s="181" t="s">
        <v>45</v>
      </c>
      <c r="L5" s="499"/>
      <c r="M5" s="175" t="s">
        <v>43</v>
      </c>
      <c r="N5" s="175" t="s">
        <v>44</v>
      </c>
      <c r="O5" s="181" t="s">
        <v>45</v>
      </c>
      <c r="P5" s="183" t="s">
        <v>83</v>
      </c>
      <c r="Q5" s="175" t="s">
        <v>47</v>
      </c>
      <c r="R5" s="175" t="s">
        <v>48</v>
      </c>
      <c r="S5" s="175" t="s">
        <v>49</v>
      </c>
      <c r="T5" s="175" t="s">
        <v>50</v>
      </c>
      <c r="U5" s="175" t="s">
        <v>51</v>
      </c>
      <c r="V5" s="181" t="s">
        <v>45</v>
      </c>
      <c r="W5" s="499"/>
    </row>
    <row r="6" spans="1:23" ht="21" customHeight="1" x14ac:dyDescent="0.2">
      <c r="A6" s="174" t="s">
        <v>4</v>
      </c>
      <c r="B6" s="189">
        <v>0</v>
      </c>
      <c r="C6" s="189">
        <v>0</v>
      </c>
      <c r="D6" s="186">
        <v>0</v>
      </c>
      <c r="E6" s="188">
        <v>0</v>
      </c>
      <c r="F6" s="189">
        <v>7127</v>
      </c>
      <c r="G6" s="189">
        <v>6135</v>
      </c>
      <c r="H6" s="189">
        <v>3757</v>
      </c>
      <c r="I6" s="189">
        <v>1709</v>
      </c>
      <c r="J6" s="189">
        <v>606</v>
      </c>
      <c r="K6" s="186">
        <v>19334</v>
      </c>
      <c r="L6" s="191">
        <v>19334</v>
      </c>
      <c r="M6" s="189">
        <v>4</v>
      </c>
      <c r="N6" s="189">
        <v>7</v>
      </c>
      <c r="O6" s="186">
        <v>11</v>
      </c>
      <c r="P6" s="188">
        <v>0</v>
      </c>
      <c r="Q6" s="189">
        <v>574</v>
      </c>
      <c r="R6" s="189">
        <v>758</v>
      </c>
      <c r="S6" s="189">
        <v>787</v>
      </c>
      <c r="T6" s="189">
        <v>387</v>
      </c>
      <c r="U6" s="189">
        <v>231</v>
      </c>
      <c r="V6" s="186">
        <v>2737</v>
      </c>
      <c r="W6" s="191">
        <v>2748</v>
      </c>
    </row>
    <row r="7" spans="1:23" ht="21" customHeight="1" x14ac:dyDescent="0.2">
      <c r="A7" s="172" t="s">
        <v>5</v>
      </c>
      <c r="B7" s="196">
        <v>0</v>
      </c>
      <c r="C7" s="196">
        <v>0</v>
      </c>
      <c r="D7" s="193">
        <v>0</v>
      </c>
      <c r="E7" s="195">
        <v>0</v>
      </c>
      <c r="F7" s="196">
        <v>2430</v>
      </c>
      <c r="G7" s="196">
        <v>2695</v>
      </c>
      <c r="H7" s="196">
        <v>1945</v>
      </c>
      <c r="I7" s="196">
        <v>836</v>
      </c>
      <c r="J7" s="196">
        <v>337</v>
      </c>
      <c r="K7" s="193">
        <v>8243</v>
      </c>
      <c r="L7" s="198">
        <v>8243</v>
      </c>
      <c r="M7" s="196">
        <v>0</v>
      </c>
      <c r="N7" s="196">
        <v>7</v>
      </c>
      <c r="O7" s="193">
        <v>7</v>
      </c>
      <c r="P7" s="195">
        <v>0</v>
      </c>
      <c r="Q7" s="196">
        <v>224</v>
      </c>
      <c r="R7" s="196">
        <v>401</v>
      </c>
      <c r="S7" s="196">
        <v>377</v>
      </c>
      <c r="T7" s="196">
        <v>279</v>
      </c>
      <c r="U7" s="196">
        <v>156</v>
      </c>
      <c r="V7" s="193">
        <v>1437</v>
      </c>
      <c r="W7" s="198">
        <v>1444</v>
      </c>
    </row>
    <row r="8" spans="1:23" ht="21" customHeight="1" x14ac:dyDescent="0.2">
      <c r="A8" s="172" t="s">
        <v>6</v>
      </c>
      <c r="B8" s="196">
        <v>0</v>
      </c>
      <c r="C8" s="196">
        <v>0</v>
      </c>
      <c r="D8" s="193">
        <v>0</v>
      </c>
      <c r="E8" s="195">
        <v>0</v>
      </c>
      <c r="F8" s="196">
        <v>987</v>
      </c>
      <c r="G8" s="196">
        <v>676</v>
      </c>
      <c r="H8" s="196">
        <v>339</v>
      </c>
      <c r="I8" s="196">
        <v>215</v>
      </c>
      <c r="J8" s="196">
        <v>73</v>
      </c>
      <c r="K8" s="193">
        <v>2290</v>
      </c>
      <c r="L8" s="198">
        <v>2290</v>
      </c>
      <c r="M8" s="196">
        <v>0</v>
      </c>
      <c r="N8" s="196">
        <v>0</v>
      </c>
      <c r="O8" s="193">
        <v>0</v>
      </c>
      <c r="P8" s="195">
        <v>0</v>
      </c>
      <c r="Q8" s="196">
        <v>146</v>
      </c>
      <c r="R8" s="196">
        <v>162</v>
      </c>
      <c r="S8" s="196">
        <v>177</v>
      </c>
      <c r="T8" s="196">
        <v>58</v>
      </c>
      <c r="U8" s="196">
        <v>40</v>
      </c>
      <c r="V8" s="193">
        <v>583</v>
      </c>
      <c r="W8" s="198">
        <v>583</v>
      </c>
    </row>
    <row r="9" spans="1:23" ht="21" customHeight="1" x14ac:dyDescent="0.2">
      <c r="A9" s="172" t="s">
        <v>14</v>
      </c>
      <c r="B9" s="196">
        <v>0</v>
      </c>
      <c r="C9" s="196">
        <v>0</v>
      </c>
      <c r="D9" s="193">
        <v>0</v>
      </c>
      <c r="E9" s="195">
        <v>0</v>
      </c>
      <c r="F9" s="196">
        <v>607</v>
      </c>
      <c r="G9" s="196">
        <v>582</v>
      </c>
      <c r="H9" s="196">
        <v>441</v>
      </c>
      <c r="I9" s="196">
        <v>118</v>
      </c>
      <c r="J9" s="196">
        <v>20</v>
      </c>
      <c r="K9" s="193">
        <v>1768</v>
      </c>
      <c r="L9" s="198">
        <v>1768</v>
      </c>
      <c r="M9" s="196">
        <v>0</v>
      </c>
      <c r="N9" s="196">
        <v>0</v>
      </c>
      <c r="O9" s="193">
        <v>0</v>
      </c>
      <c r="P9" s="195">
        <v>0</v>
      </c>
      <c r="Q9" s="196">
        <v>5</v>
      </c>
      <c r="R9" s="196">
        <v>9</v>
      </c>
      <c r="S9" s="196">
        <v>8</v>
      </c>
      <c r="T9" s="196">
        <v>17</v>
      </c>
      <c r="U9" s="196">
        <v>35</v>
      </c>
      <c r="V9" s="193">
        <v>74</v>
      </c>
      <c r="W9" s="198">
        <v>74</v>
      </c>
    </row>
    <row r="10" spans="1:23" ht="21" customHeight="1" x14ac:dyDescent="0.2">
      <c r="A10" s="172" t="s">
        <v>7</v>
      </c>
      <c r="B10" s="196">
        <v>0</v>
      </c>
      <c r="C10" s="196">
        <v>0</v>
      </c>
      <c r="D10" s="193">
        <v>0</v>
      </c>
      <c r="E10" s="195">
        <v>0</v>
      </c>
      <c r="F10" s="196">
        <v>661</v>
      </c>
      <c r="G10" s="196">
        <v>378</v>
      </c>
      <c r="H10" s="196">
        <v>156</v>
      </c>
      <c r="I10" s="196">
        <v>18</v>
      </c>
      <c r="J10" s="196">
        <v>8</v>
      </c>
      <c r="K10" s="193">
        <v>1221</v>
      </c>
      <c r="L10" s="198">
        <v>1221</v>
      </c>
      <c r="M10" s="196">
        <v>0</v>
      </c>
      <c r="N10" s="196">
        <v>0</v>
      </c>
      <c r="O10" s="193">
        <v>0</v>
      </c>
      <c r="P10" s="195">
        <v>0</v>
      </c>
      <c r="Q10" s="196">
        <v>84</v>
      </c>
      <c r="R10" s="196">
        <v>79</v>
      </c>
      <c r="S10" s="196">
        <v>63</v>
      </c>
      <c r="T10" s="196">
        <v>0</v>
      </c>
      <c r="U10" s="196">
        <v>0</v>
      </c>
      <c r="V10" s="193">
        <v>226</v>
      </c>
      <c r="W10" s="198">
        <v>226</v>
      </c>
    </row>
    <row r="11" spans="1:23" ht="21" customHeight="1" x14ac:dyDescent="0.2">
      <c r="A11" s="172" t="s">
        <v>8</v>
      </c>
      <c r="B11" s="196">
        <v>0</v>
      </c>
      <c r="C11" s="196">
        <v>0</v>
      </c>
      <c r="D11" s="193">
        <v>0</v>
      </c>
      <c r="E11" s="195">
        <v>0</v>
      </c>
      <c r="F11" s="196">
        <v>294</v>
      </c>
      <c r="G11" s="196">
        <v>266</v>
      </c>
      <c r="H11" s="196">
        <v>84</v>
      </c>
      <c r="I11" s="196">
        <v>61</v>
      </c>
      <c r="J11" s="196">
        <v>14</v>
      </c>
      <c r="K11" s="193">
        <v>719</v>
      </c>
      <c r="L11" s="198">
        <v>719</v>
      </c>
      <c r="M11" s="196">
        <v>0</v>
      </c>
      <c r="N11" s="196">
        <v>0</v>
      </c>
      <c r="O11" s="193">
        <v>0</v>
      </c>
      <c r="P11" s="195">
        <v>0</v>
      </c>
      <c r="Q11" s="196">
        <v>0</v>
      </c>
      <c r="R11" s="196">
        <v>0</v>
      </c>
      <c r="S11" s="196">
        <v>0</v>
      </c>
      <c r="T11" s="196">
        <v>0</v>
      </c>
      <c r="U11" s="196">
        <v>0</v>
      </c>
      <c r="V11" s="193">
        <v>0</v>
      </c>
      <c r="W11" s="198">
        <v>0</v>
      </c>
    </row>
    <row r="12" spans="1:23" ht="21" customHeight="1" x14ac:dyDescent="0.2">
      <c r="A12" s="172" t="s">
        <v>9</v>
      </c>
      <c r="B12" s="196">
        <v>0</v>
      </c>
      <c r="C12" s="196">
        <v>0</v>
      </c>
      <c r="D12" s="193">
        <v>0</v>
      </c>
      <c r="E12" s="195">
        <v>0</v>
      </c>
      <c r="F12" s="196">
        <v>291</v>
      </c>
      <c r="G12" s="196">
        <v>232</v>
      </c>
      <c r="H12" s="196">
        <v>162</v>
      </c>
      <c r="I12" s="196">
        <v>118</v>
      </c>
      <c r="J12" s="196">
        <v>10</v>
      </c>
      <c r="K12" s="193">
        <v>813</v>
      </c>
      <c r="L12" s="198">
        <v>813</v>
      </c>
      <c r="M12" s="196">
        <v>0</v>
      </c>
      <c r="N12" s="196">
        <v>0</v>
      </c>
      <c r="O12" s="193">
        <v>0</v>
      </c>
      <c r="P12" s="195">
        <v>0</v>
      </c>
      <c r="Q12" s="196">
        <v>0</v>
      </c>
      <c r="R12" s="196">
        <v>4</v>
      </c>
      <c r="S12" s="196">
        <v>21</v>
      </c>
      <c r="T12" s="196">
        <v>0</v>
      </c>
      <c r="U12" s="196">
        <v>0</v>
      </c>
      <c r="V12" s="193">
        <v>25</v>
      </c>
      <c r="W12" s="198">
        <v>25</v>
      </c>
    </row>
    <row r="13" spans="1:23" ht="21" customHeight="1" x14ac:dyDescent="0.2">
      <c r="A13" s="172" t="s">
        <v>10</v>
      </c>
      <c r="B13" s="196">
        <v>0</v>
      </c>
      <c r="C13" s="196">
        <v>0</v>
      </c>
      <c r="D13" s="193">
        <v>0</v>
      </c>
      <c r="E13" s="195">
        <v>0</v>
      </c>
      <c r="F13" s="196">
        <v>334</v>
      </c>
      <c r="G13" s="196">
        <v>174</v>
      </c>
      <c r="H13" s="196">
        <v>48</v>
      </c>
      <c r="I13" s="196">
        <v>6</v>
      </c>
      <c r="J13" s="196">
        <v>9</v>
      </c>
      <c r="K13" s="193">
        <v>571</v>
      </c>
      <c r="L13" s="198">
        <v>571</v>
      </c>
      <c r="M13" s="196">
        <v>0</v>
      </c>
      <c r="N13" s="196">
        <v>0</v>
      </c>
      <c r="O13" s="193">
        <v>0</v>
      </c>
      <c r="P13" s="195">
        <v>0</v>
      </c>
      <c r="Q13" s="196">
        <v>16</v>
      </c>
      <c r="R13" s="196">
        <v>12</v>
      </c>
      <c r="S13" s="196">
        <v>8</v>
      </c>
      <c r="T13" s="196">
        <v>5</v>
      </c>
      <c r="U13" s="196">
        <v>0</v>
      </c>
      <c r="V13" s="193">
        <v>41</v>
      </c>
      <c r="W13" s="198">
        <v>41</v>
      </c>
    </row>
    <row r="14" spans="1:23" ht="21" customHeight="1" x14ac:dyDescent="0.2">
      <c r="A14" s="172" t="s">
        <v>11</v>
      </c>
      <c r="B14" s="196">
        <v>0</v>
      </c>
      <c r="C14" s="196">
        <v>0</v>
      </c>
      <c r="D14" s="193">
        <v>0</v>
      </c>
      <c r="E14" s="195">
        <v>0</v>
      </c>
      <c r="F14" s="196">
        <v>245</v>
      </c>
      <c r="G14" s="196">
        <v>42</v>
      </c>
      <c r="H14" s="196">
        <v>170</v>
      </c>
      <c r="I14" s="196">
        <v>33</v>
      </c>
      <c r="J14" s="196">
        <v>26</v>
      </c>
      <c r="K14" s="193">
        <v>516</v>
      </c>
      <c r="L14" s="198">
        <v>516</v>
      </c>
      <c r="M14" s="196">
        <v>0</v>
      </c>
      <c r="N14" s="196">
        <v>0</v>
      </c>
      <c r="O14" s="193">
        <v>0</v>
      </c>
      <c r="P14" s="195">
        <v>0</v>
      </c>
      <c r="Q14" s="196">
        <v>30</v>
      </c>
      <c r="R14" s="196">
        <v>20</v>
      </c>
      <c r="S14" s="196">
        <v>0</v>
      </c>
      <c r="T14" s="196">
        <v>0</v>
      </c>
      <c r="U14" s="196">
        <v>0</v>
      </c>
      <c r="V14" s="193">
        <v>50</v>
      </c>
      <c r="W14" s="198">
        <v>50</v>
      </c>
    </row>
    <row r="15" spans="1:23" ht="21" customHeight="1" x14ac:dyDescent="0.2">
      <c r="A15" s="172" t="s">
        <v>12</v>
      </c>
      <c r="B15" s="196">
        <v>0</v>
      </c>
      <c r="C15" s="196">
        <v>0</v>
      </c>
      <c r="D15" s="193">
        <v>0</v>
      </c>
      <c r="E15" s="195">
        <v>0</v>
      </c>
      <c r="F15" s="196">
        <v>254</v>
      </c>
      <c r="G15" s="196">
        <v>146</v>
      </c>
      <c r="H15" s="196">
        <v>79</v>
      </c>
      <c r="I15" s="196">
        <v>30</v>
      </c>
      <c r="J15" s="196">
        <v>24</v>
      </c>
      <c r="K15" s="193">
        <v>533</v>
      </c>
      <c r="L15" s="198">
        <v>533</v>
      </c>
      <c r="M15" s="196">
        <v>0</v>
      </c>
      <c r="N15" s="196">
        <v>0</v>
      </c>
      <c r="O15" s="193">
        <v>0</v>
      </c>
      <c r="P15" s="195">
        <v>0</v>
      </c>
      <c r="Q15" s="196">
        <v>0</v>
      </c>
      <c r="R15" s="196">
        <v>0</v>
      </c>
      <c r="S15" s="196">
        <v>0</v>
      </c>
      <c r="T15" s="196">
        <v>0</v>
      </c>
      <c r="U15" s="196">
        <v>0</v>
      </c>
      <c r="V15" s="193">
        <v>0</v>
      </c>
      <c r="W15" s="198">
        <v>0</v>
      </c>
    </row>
    <row r="16" spans="1:23" ht="21" customHeight="1" x14ac:dyDescent="0.2">
      <c r="A16" s="172" t="s">
        <v>13</v>
      </c>
      <c r="B16" s="196">
        <v>0</v>
      </c>
      <c r="C16" s="196">
        <v>0</v>
      </c>
      <c r="D16" s="193">
        <v>0</v>
      </c>
      <c r="E16" s="195">
        <v>0</v>
      </c>
      <c r="F16" s="196">
        <v>93</v>
      </c>
      <c r="G16" s="196">
        <v>60</v>
      </c>
      <c r="H16" s="196">
        <v>25</v>
      </c>
      <c r="I16" s="196">
        <v>18</v>
      </c>
      <c r="J16" s="196">
        <v>18</v>
      </c>
      <c r="K16" s="193">
        <v>214</v>
      </c>
      <c r="L16" s="198">
        <v>214</v>
      </c>
      <c r="M16" s="196">
        <v>0</v>
      </c>
      <c r="N16" s="196">
        <v>0</v>
      </c>
      <c r="O16" s="193">
        <v>0</v>
      </c>
      <c r="P16" s="195">
        <v>0</v>
      </c>
      <c r="Q16" s="196">
        <v>0</v>
      </c>
      <c r="R16" s="196">
        <v>12</v>
      </c>
      <c r="S16" s="196">
        <v>40</v>
      </c>
      <c r="T16" s="196">
        <v>4</v>
      </c>
      <c r="U16" s="196">
        <v>0</v>
      </c>
      <c r="V16" s="193">
        <v>56</v>
      </c>
      <c r="W16" s="198">
        <v>56</v>
      </c>
    </row>
    <row r="17" spans="1:23" ht="21" customHeight="1" x14ac:dyDescent="0.2">
      <c r="A17" s="172" t="s">
        <v>15</v>
      </c>
      <c r="B17" s="196">
        <v>0</v>
      </c>
      <c r="C17" s="196">
        <v>0</v>
      </c>
      <c r="D17" s="193">
        <v>0</v>
      </c>
      <c r="E17" s="195">
        <v>0</v>
      </c>
      <c r="F17" s="196">
        <v>36</v>
      </c>
      <c r="G17" s="196">
        <v>60</v>
      </c>
      <c r="H17" s="196">
        <v>7</v>
      </c>
      <c r="I17" s="196">
        <v>9</v>
      </c>
      <c r="J17" s="196">
        <v>0</v>
      </c>
      <c r="K17" s="193">
        <v>112</v>
      </c>
      <c r="L17" s="198">
        <v>112</v>
      </c>
      <c r="M17" s="196">
        <v>0</v>
      </c>
      <c r="N17" s="196">
        <v>0</v>
      </c>
      <c r="O17" s="193">
        <v>0</v>
      </c>
      <c r="P17" s="195">
        <v>0</v>
      </c>
      <c r="Q17" s="196">
        <v>0</v>
      </c>
      <c r="R17" s="196">
        <v>13</v>
      </c>
      <c r="S17" s="196">
        <v>0</v>
      </c>
      <c r="T17" s="196">
        <v>0</v>
      </c>
      <c r="U17" s="196">
        <v>0</v>
      </c>
      <c r="V17" s="193">
        <v>13</v>
      </c>
      <c r="W17" s="198">
        <v>13</v>
      </c>
    </row>
    <row r="18" spans="1:23" ht="21" customHeight="1" x14ac:dyDescent="0.2">
      <c r="A18" s="172" t="s">
        <v>16</v>
      </c>
      <c r="B18" s="196">
        <v>0</v>
      </c>
      <c r="C18" s="196">
        <v>0</v>
      </c>
      <c r="D18" s="193">
        <v>0</v>
      </c>
      <c r="E18" s="195">
        <v>0</v>
      </c>
      <c r="F18" s="196">
        <v>82</v>
      </c>
      <c r="G18" s="196">
        <v>93</v>
      </c>
      <c r="H18" s="196">
        <v>26</v>
      </c>
      <c r="I18" s="196">
        <v>27</v>
      </c>
      <c r="J18" s="196">
        <v>20</v>
      </c>
      <c r="K18" s="193">
        <v>248</v>
      </c>
      <c r="L18" s="198">
        <v>248</v>
      </c>
      <c r="M18" s="196">
        <v>0</v>
      </c>
      <c r="N18" s="196">
        <v>0</v>
      </c>
      <c r="O18" s="193">
        <v>0</v>
      </c>
      <c r="P18" s="195">
        <v>0</v>
      </c>
      <c r="Q18" s="196">
        <v>24</v>
      </c>
      <c r="R18" s="196">
        <v>0</v>
      </c>
      <c r="S18" s="196">
        <v>12</v>
      </c>
      <c r="T18" s="196">
        <v>0</v>
      </c>
      <c r="U18" s="196">
        <v>0</v>
      </c>
      <c r="V18" s="193">
        <v>36</v>
      </c>
      <c r="W18" s="198">
        <v>36</v>
      </c>
    </row>
    <row r="19" spans="1:23" ht="21" customHeight="1" x14ac:dyDescent="0.2">
      <c r="A19" s="172" t="s">
        <v>17</v>
      </c>
      <c r="B19" s="196">
        <v>0</v>
      </c>
      <c r="C19" s="196">
        <v>0</v>
      </c>
      <c r="D19" s="193">
        <v>0</v>
      </c>
      <c r="E19" s="195">
        <v>0</v>
      </c>
      <c r="F19" s="196">
        <v>159</v>
      </c>
      <c r="G19" s="196">
        <v>90</v>
      </c>
      <c r="H19" s="196">
        <v>93</v>
      </c>
      <c r="I19" s="196">
        <v>68</v>
      </c>
      <c r="J19" s="196">
        <v>3</v>
      </c>
      <c r="K19" s="193">
        <v>413</v>
      </c>
      <c r="L19" s="198">
        <v>413</v>
      </c>
      <c r="M19" s="196">
        <v>0</v>
      </c>
      <c r="N19" s="196">
        <v>0</v>
      </c>
      <c r="O19" s="193">
        <v>0</v>
      </c>
      <c r="P19" s="195">
        <v>0</v>
      </c>
      <c r="Q19" s="196">
        <v>8</v>
      </c>
      <c r="R19" s="196">
        <v>0</v>
      </c>
      <c r="S19" s="196">
        <v>17</v>
      </c>
      <c r="T19" s="196">
        <v>0</v>
      </c>
      <c r="U19" s="196">
        <v>0</v>
      </c>
      <c r="V19" s="193">
        <v>25</v>
      </c>
      <c r="W19" s="198">
        <v>25</v>
      </c>
    </row>
    <row r="20" spans="1:23" ht="21" customHeight="1" x14ac:dyDescent="0.2">
      <c r="A20" s="172" t="s">
        <v>18</v>
      </c>
      <c r="B20" s="196">
        <v>0</v>
      </c>
      <c r="C20" s="196">
        <v>0</v>
      </c>
      <c r="D20" s="193">
        <v>0</v>
      </c>
      <c r="E20" s="195">
        <v>0</v>
      </c>
      <c r="F20" s="196">
        <v>142</v>
      </c>
      <c r="G20" s="196">
        <v>198</v>
      </c>
      <c r="H20" s="196">
        <v>22</v>
      </c>
      <c r="I20" s="196">
        <v>2</v>
      </c>
      <c r="J20" s="196">
        <v>0</v>
      </c>
      <c r="K20" s="193">
        <v>364</v>
      </c>
      <c r="L20" s="198">
        <v>364</v>
      </c>
      <c r="M20" s="196">
        <v>0</v>
      </c>
      <c r="N20" s="196">
        <v>0</v>
      </c>
      <c r="O20" s="193">
        <v>0</v>
      </c>
      <c r="P20" s="195">
        <v>0</v>
      </c>
      <c r="Q20" s="196">
        <v>9</v>
      </c>
      <c r="R20" s="196">
        <v>0</v>
      </c>
      <c r="S20" s="196">
        <v>13</v>
      </c>
      <c r="T20" s="196">
        <v>11</v>
      </c>
      <c r="U20" s="196">
        <v>0</v>
      </c>
      <c r="V20" s="193">
        <v>33</v>
      </c>
      <c r="W20" s="198">
        <v>33</v>
      </c>
    </row>
    <row r="21" spans="1:23" ht="21" customHeight="1" x14ac:dyDescent="0.2">
      <c r="A21" s="172" t="s">
        <v>19</v>
      </c>
      <c r="B21" s="196">
        <v>0</v>
      </c>
      <c r="C21" s="196">
        <v>0</v>
      </c>
      <c r="D21" s="193">
        <v>0</v>
      </c>
      <c r="E21" s="195">
        <v>0</v>
      </c>
      <c r="F21" s="196">
        <v>56</v>
      </c>
      <c r="G21" s="196">
        <v>30</v>
      </c>
      <c r="H21" s="196">
        <v>11</v>
      </c>
      <c r="I21" s="196">
        <v>9</v>
      </c>
      <c r="J21" s="196">
        <v>0</v>
      </c>
      <c r="K21" s="193">
        <v>106</v>
      </c>
      <c r="L21" s="198">
        <v>106</v>
      </c>
      <c r="M21" s="196">
        <v>0</v>
      </c>
      <c r="N21" s="196">
        <v>0</v>
      </c>
      <c r="O21" s="193">
        <v>0</v>
      </c>
      <c r="P21" s="195">
        <v>0</v>
      </c>
      <c r="Q21" s="196">
        <v>0</v>
      </c>
      <c r="R21" s="196">
        <v>37</v>
      </c>
      <c r="S21" s="196">
        <v>10</v>
      </c>
      <c r="T21" s="196">
        <v>0</v>
      </c>
      <c r="U21" s="196">
        <v>0</v>
      </c>
      <c r="V21" s="193">
        <v>47</v>
      </c>
      <c r="W21" s="198">
        <v>47</v>
      </c>
    </row>
    <row r="22" spans="1:23" ht="21" customHeight="1" x14ac:dyDescent="0.2">
      <c r="A22" s="172" t="s">
        <v>20</v>
      </c>
      <c r="B22" s="196">
        <v>0</v>
      </c>
      <c r="C22" s="196">
        <v>0</v>
      </c>
      <c r="D22" s="193">
        <v>0</v>
      </c>
      <c r="E22" s="195">
        <v>0</v>
      </c>
      <c r="F22" s="196">
        <v>87</v>
      </c>
      <c r="G22" s="196">
        <v>102</v>
      </c>
      <c r="H22" s="196">
        <v>51</v>
      </c>
      <c r="I22" s="196">
        <v>0</v>
      </c>
      <c r="J22" s="196">
        <v>0</v>
      </c>
      <c r="K22" s="193">
        <v>240</v>
      </c>
      <c r="L22" s="198">
        <v>240</v>
      </c>
      <c r="M22" s="196">
        <v>0</v>
      </c>
      <c r="N22" s="196">
        <v>0</v>
      </c>
      <c r="O22" s="193">
        <v>0</v>
      </c>
      <c r="P22" s="195">
        <v>0</v>
      </c>
      <c r="Q22" s="196">
        <v>0</v>
      </c>
      <c r="R22" s="196">
        <v>0</v>
      </c>
      <c r="S22" s="196">
        <v>0</v>
      </c>
      <c r="T22" s="196">
        <v>0</v>
      </c>
      <c r="U22" s="196">
        <v>0</v>
      </c>
      <c r="V22" s="193">
        <v>0</v>
      </c>
      <c r="W22" s="198">
        <v>0</v>
      </c>
    </row>
    <row r="23" spans="1:23" ht="21" customHeight="1" x14ac:dyDescent="0.2">
      <c r="A23" s="172" t="s">
        <v>21</v>
      </c>
      <c r="B23" s="196">
        <v>0</v>
      </c>
      <c r="C23" s="196">
        <v>0</v>
      </c>
      <c r="D23" s="193">
        <v>0</v>
      </c>
      <c r="E23" s="195">
        <v>0</v>
      </c>
      <c r="F23" s="196">
        <v>82</v>
      </c>
      <c r="G23" s="196">
        <v>133</v>
      </c>
      <c r="H23" s="196">
        <v>46</v>
      </c>
      <c r="I23" s="196">
        <v>48</v>
      </c>
      <c r="J23" s="196">
        <v>10</v>
      </c>
      <c r="K23" s="193">
        <v>319</v>
      </c>
      <c r="L23" s="198">
        <v>319</v>
      </c>
      <c r="M23" s="196">
        <v>0</v>
      </c>
      <c r="N23" s="196">
        <v>0</v>
      </c>
      <c r="O23" s="193">
        <v>0</v>
      </c>
      <c r="P23" s="195">
        <v>0</v>
      </c>
      <c r="Q23" s="196">
        <v>0</v>
      </c>
      <c r="R23" s="196">
        <v>0</v>
      </c>
      <c r="S23" s="196">
        <v>0</v>
      </c>
      <c r="T23" s="196">
        <v>0</v>
      </c>
      <c r="U23" s="196">
        <v>0</v>
      </c>
      <c r="V23" s="193">
        <v>0</v>
      </c>
      <c r="W23" s="198">
        <v>0</v>
      </c>
    </row>
    <row r="24" spans="1:23" ht="21" customHeight="1" x14ac:dyDescent="0.2">
      <c r="A24" s="172" t="s">
        <v>22</v>
      </c>
      <c r="B24" s="196">
        <v>0</v>
      </c>
      <c r="C24" s="196">
        <v>0</v>
      </c>
      <c r="D24" s="193">
        <v>0</v>
      </c>
      <c r="E24" s="195">
        <v>0</v>
      </c>
      <c r="F24" s="196">
        <v>29</v>
      </c>
      <c r="G24" s="196">
        <v>26</v>
      </c>
      <c r="H24" s="196">
        <v>8</v>
      </c>
      <c r="I24" s="196">
        <v>16</v>
      </c>
      <c r="J24" s="196">
        <v>0</v>
      </c>
      <c r="K24" s="193">
        <v>79</v>
      </c>
      <c r="L24" s="198">
        <v>79</v>
      </c>
      <c r="M24" s="196">
        <v>0</v>
      </c>
      <c r="N24" s="196">
        <v>0</v>
      </c>
      <c r="O24" s="193">
        <v>0</v>
      </c>
      <c r="P24" s="195">
        <v>0</v>
      </c>
      <c r="Q24" s="196">
        <v>8</v>
      </c>
      <c r="R24" s="196">
        <v>0</v>
      </c>
      <c r="S24" s="196">
        <v>9</v>
      </c>
      <c r="T24" s="196">
        <v>13</v>
      </c>
      <c r="U24" s="196">
        <v>0</v>
      </c>
      <c r="V24" s="193">
        <v>30</v>
      </c>
      <c r="W24" s="198">
        <v>30</v>
      </c>
    </row>
    <row r="25" spans="1:23" ht="21" customHeight="1" x14ac:dyDescent="0.2">
      <c r="A25" s="172" t="s">
        <v>23</v>
      </c>
      <c r="B25" s="196">
        <v>0</v>
      </c>
      <c r="C25" s="196">
        <v>0</v>
      </c>
      <c r="D25" s="193">
        <v>0</v>
      </c>
      <c r="E25" s="195">
        <v>0</v>
      </c>
      <c r="F25" s="196">
        <v>37</v>
      </c>
      <c r="G25" s="196">
        <v>7</v>
      </c>
      <c r="H25" s="196">
        <v>6</v>
      </c>
      <c r="I25" s="196">
        <v>30</v>
      </c>
      <c r="J25" s="196">
        <v>0</v>
      </c>
      <c r="K25" s="193">
        <v>80</v>
      </c>
      <c r="L25" s="198">
        <v>80</v>
      </c>
      <c r="M25" s="196">
        <v>0</v>
      </c>
      <c r="N25" s="196">
        <v>0</v>
      </c>
      <c r="O25" s="193">
        <v>0</v>
      </c>
      <c r="P25" s="195">
        <v>0</v>
      </c>
      <c r="Q25" s="196">
        <v>0</v>
      </c>
      <c r="R25" s="196">
        <v>0</v>
      </c>
      <c r="S25" s="196">
        <v>0</v>
      </c>
      <c r="T25" s="196">
        <v>0</v>
      </c>
      <c r="U25" s="196">
        <v>0</v>
      </c>
      <c r="V25" s="193">
        <v>0</v>
      </c>
      <c r="W25" s="198">
        <v>0</v>
      </c>
    </row>
    <row r="26" spans="1:23" ht="21" customHeight="1" x14ac:dyDescent="0.2">
      <c r="A26" s="172" t="s">
        <v>24</v>
      </c>
      <c r="B26" s="196">
        <v>0</v>
      </c>
      <c r="C26" s="196">
        <v>0</v>
      </c>
      <c r="D26" s="193">
        <v>0</v>
      </c>
      <c r="E26" s="195">
        <v>0</v>
      </c>
      <c r="F26" s="196">
        <v>36</v>
      </c>
      <c r="G26" s="196">
        <v>3</v>
      </c>
      <c r="H26" s="196">
        <v>31</v>
      </c>
      <c r="I26" s="196">
        <v>23</v>
      </c>
      <c r="J26" s="196">
        <v>0</v>
      </c>
      <c r="K26" s="193">
        <v>93</v>
      </c>
      <c r="L26" s="198">
        <v>93</v>
      </c>
      <c r="M26" s="196">
        <v>0</v>
      </c>
      <c r="N26" s="196">
        <v>0</v>
      </c>
      <c r="O26" s="193">
        <v>0</v>
      </c>
      <c r="P26" s="195">
        <v>0</v>
      </c>
      <c r="Q26" s="196">
        <v>0</v>
      </c>
      <c r="R26" s="196">
        <v>0</v>
      </c>
      <c r="S26" s="196">
        <v>14</v>
      </c>
      <c r="T26" s="196">
        <v>0</v>
      </c>
      <c r="U26" s="196">
        <v>0</v>
      </c>
      <c r="V26" s="193">
        <v>14</v>
      </c>
      <c r="W26" s="198">
        <v>14</v>
      </c>
    </row>
    <row r="27" spans="1:23" ht="21" customHeight="1" x14ac:dyDescent="0.2">
      <c r="A27" s="172" t="s">
        <v>25</v>
      </c>
      <c r="B27" s="196">
        <v>0</v>
      </c>
      <c r="C27" s="196">
        <v>0</v>
      </c>
      <c r="D27" s="193">
        <v>0</v>
      </c>
      <c r="E27" s="195">
        <v>0</v>
      </c>
      <c r="F27" s="196">
        <v>49</v>
      </c>
      <c r="G27" s="196">
        <v>9</v>
      </c>
      <c r="H27" s="196">
        <v>0</v>
      </c>
      <c r="I27" s="196">
        <v>9</v>
      </c>
      <c r="J27" s="196">
        <v>0</v>
      </c>
      <c r="K27" s="193">
        <v>67</v>
      </c>
      <c r="L27" s="198">
        <v>67</v>
      </c>
      <c r="M27" s="196">
        <v>0</v>
      </c>
      <c r="N27" s="196">
        <v>0</v>
      </c>
      <c r="O27" s="193">
        <v>0</v>
      </c>
      <c r="P27" s="195">
        <v>0</v>
      </c>
      <c r="Q27" s="196">
        <v>0</v>
      </c>
      <c r="R27" s="196">
        <v>0</v>
      </c>
      <c r="S27" s="196">
        <v>0</v>
      </c>
      <c r="T27" s="196">
        <v>0</v>
      </c>
      <c r="U27" s="196">
        <v>0</v>
      </c>
      <c r="V27" s="193">
        <v>0</v>
      </c>
      <c r="W27" s="198">
        <v>0</v>
      </c>
    </row>
    <row r="28" spans="1:23" ht="21" customHeight="1" x14ac:dyDescent="0.2">
      <c r="A28" s="172" t="s">
        <v>26</v>
      </c>
      <c r="B28" s="196">
        <v>0</v>
      </c>
      <c r="C28" s="196">
        <v>0</v>
      </c>
      <c r="D28" s="193">
        <v>0</v>
      </c>
      <c r="E28" s="195">
        <v>0</v>
      </c>
      <c r="F28" s="196">
        <v>19</v>
      </c>
      <c r="G28" s="196">
        <v>37</v>
      </c>
      <c r="H28" s="196">
        <v>7</v>
      </c>
      <c r="I28" s="196">
        <v>0</v>
      </c>
      <c r="J28" s="196">
        <v>13</v>
      </c>
      <c r="K28" s="193">
        <v>76</v>
      </c>
      <c r="L28" s="198">
        <v>76</v>
      </c>
      <c r="M28" s="196">
        <v>0</v>
      </c>
      <c r="N28" s="196">
        <v>0</v>
      </c>
      <c r="O28" s="193">
        <v>0</v>
      </c>
      <c r="P28" s="195">
        <v>0</v>
      </c>
      <c r="Q28" s="196">
        <v>0</v>
      </c>
      <c r="R28" s="196">
        <v>0</v>
      </c>
      <c r="S28" s="196">
        <v>0</v>
      </c>
      <c r="T28" s="196">
        <v>0</v>
      </c>
      <c r="U28" s="196">
        <v>0</v>
      </c>
      <c r="V28" s="193">
        <v>0</v>
      </c>
      <c r="W28" s="198">
        <v>0</v>
      </c>
    </row>
    <row r="29" spans="1:23" ht="21" customHeight="1" x14ac:dyDescent="0.2">
      <c r="A29" s="172" t="s">
        <v>27</v>
      </c>
      <c r="B29" s="196">
        <v>0</v>
      </c>
      <c r="C29" s="196">
        <v>0</v>
      </c>
      <c r="D29" s="193">
        <v>0</v>
      </c>
      <c r="E29" s="195">
        <v>0</v>
      </c>
      <c r="F29" s="196">
        <v>7</v>
      </c>
      <c r="G29" s="196">
        <v>7</v>
      </c>
      <c r="H29" s="196">
        <v>0</v>
      </c>
      <c r="I29" s="196">
        <v>0</v>
      </c>
      <c r="J29" s="196">
        <v>0</v>
      </c>
      <c r="K29" s="193">
        <v>14</v>
      </c>
      <c r="L29" s="198">
        <v>14</v>
      </c>
      <c r="M29" s="196">
        <v>0</v>
      </c>
      <c r="N29" s="196">
        <v>0</v>
      </c>
      <c r="O29" s="193">
        <v>0</v>
      </c>
      <c r="P29" s="195">
        <v>0</v>
      </c>
      <c r="Q29" s="196">
        <v>13</v>
      </c>
      <c r="R29" s="196">
        <v>9</v>
      </c>
      <c r="S29" s="196">
        <v>0</v>
      </c>
      <c r="T29" s="196">
        <v>0</v>
      </c>
      <c r="U29" s="196">
        <v>0</v>
      </c>
      <c r="V29" s="193">
        <v>22</v>
      </c>
      <c r="W29" s="198">
        <v>22</v>
      </c>
    </row>
    <row r="30" spans="1:23" ht="21" customHeight="1" x14ac:dyDescent="0.2">
      <c r="A30" s="172" t="s">
        <v>28</v>
      </c>
      <c r="B30" s="196">
        <v>0</v>
      </c>
      <c r="C30" s="196">
        <v>0</v>
      </c>
      <c r="D30" s="193">
        <v>0</v>
      </c>
      <c r="E30" s="195">
        <v>0</v>
      </c>
      <c r="F30" s="196">
        <v>18</v>
      </c>
      <c r="G30" s="196">
        <v>16</v>
      </c>
      <c r="H30" s="196">
        <v>0</v>
      </c>
      <c r="I30" s="196">
        <v>0</v>
      </c>
      <c r="J30" s="196">
        <v>0</v>
      </c>
      <c r="K30" s="193">
        <v>34</v>
      </c>
      <c r="L30" s="198">
        <v>34</v>
      </c>
      <c r="M30" s="196">
        <v>0</v>
      </c>
      <c r="N30" s="196">
        <v>0</v>
      </c>
      <c r="O30" s="193">
        <v>0</v>
      </c>
      <c r="P30" s="195">
        <v>0</v>
      </c>
      <c r="Q30" s="196">
        <v>0</v>
      </c>
      <c r="R30" s="196">
        <v>0</v>
      </c>
      <c r="S30" s="196">
        <v>5</v>
      </c>
      <c r="T30" s="196">
        <v>0</v>
      </c>
      <c r="U30" s="196">
        <v>0</v>
      </c>
      <c r="V30" s="193">
        <v>5</v>
      </c>
      <c r="W30" s="198">
        <v>5</v>
      </c>
    </row>
    <row r="31" spans="1:23" ht="21" customHeight="1" x14ac:dyDescent="0.2">
      <c r="A31" s="172" t="s">
        <v>29</v>
      </c>
      <c r="B31" s="196">
        <v>0</v>
      </c>
      <c r="C31" s="196">
        <v>0</v>
      </c>
      <c r="D31" s="193">
        <v>0</v>
      </c>
      <c r="E31" s="195">
        <v>0</v>
      </c>
      <c r="F31" s="196">
        <v>10</v>
      </c>
      <c r="G31" s="196">
        <v>12</v>
      </c>
      <c r="H31" s="196">
        <v>0</v>
      </c>
      <c r="I31" s="196">
        <v>15</v>
      </c>
      <c r="J31" s="196">
        <v>0</v>
      </c>
      <c r="K31" s="193">
        <v>37</v>
      </c>
      <c r="L31" s="198">
        <v>37</v>
      </c>
      <c r="M31" s="196">
        <v>0</v>
      </c>
      <c r="N31" s="196">
        <v>0</v>
      </c>
      <c r="O31" s="193">
        <v>0</v>
      </c>
      <c r="P31" s="195">
        <v>0</v>
      </c>
      <c r="Q31" s="196">
        <v>0</v>
      </c>
      <c r="R31" s="196">
        <v>0</v>
      </c>
      <c r="S31" s="196">
        <v>0</v>
      </c>
      <c r="T31" s="196">
        <v>0</v>
      </c>
      <c r="U31" s="196">
        <v>0</v>
      </c>
      <c r="V31" s="193">
        <v>0</v>
      </c>
      <c r="W31" s="198">
        <v>0</v>
      </c>
    </row>
    <row r="32" spans="1:23" ht="21" customHeight="1" x14ac:dyDescent="0.2">
      <c r="A32" s="172" t="s">
        <v>30</v>
      </c>
      <c r="B32" s="196">
        <v>0</v>
      </c>
      <c r="C32" s="196">
        <v>0</v>
      </c>
      <c r="D32" s="193">
        <v>0</v>
      </c>
      <c r="E32" s="195">
        <v>0</v>
      </c>
      <c r="F32" s="196">
        <v>0</v>
      </c>
      <c r="G32" s="196">
        <v>16</v>
      </c>
      <c r="H32" s="196">
        <v>0</v>
      </c>
      <c r="I32" s="196">
        <v>0</v>
      </c>
      <c r="J32" s="196">
        <v>0</v>
      </c>
      <c r="K32" s="193">
        <v>16</v>
      </c>
      <c r="L32" s="198">
        <v>16</v>
      </c>
      <c r="M32" s="196">
        <v>4</v>
      </c>
      <c r="N32" s="196">
        <v>0</v>
      </c>
      <c r="O32" s="193">
        <v>4</v>
      </c>
      <c r="P32" s="195">
        <v>0</v>
      </c>
      <c r="Q32" s="196">
        <v>0</v>
      </c>
      <c r="R32" s="196">
        <v>0</v>
      </c>
      <c r="S32" s="196">
        <v>0</v>
      </c>
      <c r="T32" s="196">
        <v>0</v>
      </c>
      <c r="U32" s="196">
        <v>0</v>
      </c>
      <c r="V32" s="193">
        <v>0</v>
      </c>
      <c r="W32" s="198">
        <v>4</v>
      </c>
    </row>
    <row r="33" spans="1:23" ht="21" customHeight="1" x14ac:dyDescent="0.2">
      <c r="A33" s="172" t="s">
        <v>31</v>
      </c>
      <c r="B33" s="196">
        <v>0</v>
      </c>
      <c r="C33" s="196">
        <v>0</v>
      </c>
      <c r="D33" s="193">
        <v>0</v>
      </c>
      <c r="E33" s="195">
        <v>0</v>
      </c>
      <c r="F33" s="196">
        <v>4</v>
      </c>
      <c r="G33" s="196">
        <v>3</v>
      </c>
      <c r="H33" s="196">
        <v>0</v>
      </c>
      <c r="I33" s="196">
        <v>0</v>
      </c>
      <c r="J33" s="196">
        <v>0</v>
      </c>
      <c r="K33" s="193">
        <v>7</v>
      </c>
      <c r="L33" s="198">
        <v>7</v>
      </c>
      <c r="M33" s="196">
        <v>0</v>
      </c>
      <c r="N33" s="196">
        <v>0</v>
      </c>
      <c r="O33" s="193">
        <v>0</v>
      </c>
      <c r="P33" s="195">
        <v>0</v>
      </c>
      <c r="Q33" s="196">
        <v>0</v>
      </c>
      <c r="R33" s="196">
        <v>0</v>
      </c>
      <c r="S33" s="196">
        <v>13</v>
      </c>
      <c r="T33" s="196">
        <v>0</v>
      </c>
      <c r="U33" s="196">
        <v>0</v>
      </c>
      <c r="V33" s="193">
        <v>13</v>
      </c>
      <c r="W33" s="198">
        <v>13</v>
      </c>
    </row>
    <row r="34" spans="1:23" ht="21" customHeight="1" x14ac:dyDescent="0.2">
      <c r="A34" s="172" t="s">
        <v>32</v>
      </c>
      <c r="B34" s="196">
        <v>0</v>
      </c>
      <c r="C34" s="196">
        <v>0</v>
      </c>
      <c r="D34" s="193">
        <v>0</v>
      </c>
      <c r="E34" s="195">
        <v>0</v>
      </c>
      <c r="F34" s="196">
        <v>21</v>
      </c>
      <c r="G34" s="196">
        <v>23</v>
      </c>
      <c r="H34" s="196">
        <v>0</v>
      </c>
      <c r="I34" s="196">
        <v>0</v>
      </c>
      <c r="J34" s="196">
        <v>0</v>
      </c>
      <c r="K34" s="193">
        <v>44</v>
      </c>
      <c r="L34" s="198">
        <v>44</v>
      </c>
      <c r="M34" s="196">
        <v>0</v>
      </c>
      <c r="N34" s="196">
        <v>0</v>
      </c>
      <c r="O34" s="193">
        <v>0</v>
      </c>
      <c r="P34" s="195">
        <v>0</v>
      </c>
      <c r="Q34" s="196">
        <v>7</v>
      </c>
      <c r="R34" s="196">
        <v>0</v>
      </c>
      <c r="S34" s="196">
        <v>0</v>
      </c>
      <c r="T34" s="196">
        <v>0</v>
      </c>
      <c r="U34" s="196">
        <v>0</v>
      </c>
      <c r="V34" s="193">
        <v>7</v>
      </c>
      <c r="W34" s="198">
        <v>7</v>
      </c>
    </row>
    <row r="35" spans="1:23" ht="21" customHeight="1" x14ac:dyDescent="0.2">
      <c r="A35" s="172" t="s">
        <v>33</v>
      </c>
      <c r="B35" s="196">
        <v>0</v>
      </c>
      <c r="C35" s="196">
        <v>0</v>
      </c>
      <c r="D35" s="193">
        <v>0</v>
      </c>
      <c r="E35" s="195">
        <v>0</v>
      </c>
      <c r="F35" s="196">
        <v>9</v>
      </c>
      <c r="G35" s="196">
        <v>0</v>
      </c>
      <c r="H35" s="196">
        <v>0</v>
      </c>
      <c r="I35" s="196">
        <v>0</v>
      </c>
      <c r="J35" s="196">
        <v>0</v>
      </c>
      <c r="K35" s="193">
        <v>9</v>
      </c>
      <c r="L35" s="198">
        <v>9</v>
      </c>
      <c r="M35" s="196">
        <v>0</v>
      </c>
      <c r="N35" s="196">
        <v>0</v>
      </c>
      <c r="O35" s="193">
        <v>0</v>
      </c>
      <c r="P35" s="195">
        <v>0</v>
      </c>
      <c r="Q35" s="196">
        <v>0</v>
      </c>
      <c r="R35" s="196">
        <v>0</v>
      </c>
      <c r="S35" s="196">
        <v>0</v>
      </c>
      <c r="T35" s="196">
        <v>0</v>
      </c>
      <c r="U35" s="196">
        <v>0</v>
      </c>
      <c r="V35" s="193">
        <v>0</v>
      </c>
      <c r="W35" s="198">
        <v>0</v>
      </c>
    </row>
    <row r="36" spans="1:23" ht="21" customHeight="1" x14ac:dyDescent="0.2">
      <c r="A36" s="172" t="s">
        <v>34</v>
      </c>
      <c r="B36" s="196">
        <v>0</v>
      </c>
      <c r="C36" s="196">
        <v>0</v>
      </c>
      <c r="D36" s="193">
        <v>0</v>
      </c>
      <c r="E36" s="195">
        <v>0</v>
      </c>
      <c r="F36" s="196">
        <v>27</v>
      </c>
      <c r="G36" s="196">
        <v>0</v>
      </c>
      <c r="H36" s="196">
        <v>0</v>
      </c>
      <c r="I36" s="196">
        <v>0</v>
      </c>
      <c r="J36" s="196">
        <v>0</v>
      </c>
      <c r="K36" s="193">
        <v>27</v>
      </c>
      <c r="L36" s="198">
        <v>27</v>
      </c>
      <c r="M36" s="196">
        <v>0</v>
      </c>
      <c r="N36" s="196">
        <v>0</v>
      </c>
      <c r="O36" s="193">
        <v>0</v>
      </c>
      <c r="P36" s="195">
        <v>0</v>
      </c>
      <c r="Q36" s="196">
        <v>0</v>
      </c>
      <c r="R36" s="196">
        <v>0</v>
      </c>
      <c r="S36" s="196">
        <v>0</v>
      </c>
      <c r="T36" s="196">
        <v>0</v>
      </c>
      <c r="U36" s="196">
        <v>0</v>
      </c>
      <c r="V36" s="193">
        <v>0</v>
      </c>
      <c r="W36" s="198">
        <v>0</v>
      </c>
    </row>
    <row r="37" spans="1:23" ht="21" customHeight="1" x14ac:dyDescent="0.2">
      <c r="A37" s="172" t="s">
        <v>35</v>
      </c>
      <c r="B37" s="196">
        <v>0</v>
      </c>
      <c r="C37" s="196">
        <v>0</v>
      </c>
      <c r="D37" s="193">
        <v>0</v>
      </c>
      <c r="E37" s="195">
        <v>0</v>
      </c>
      <c r="F37" s="196">
        <v>0</v>
      </c>
      <c r="G37" s="196">
        <v>14</v>
      </c>
      <c r="H37" s="196">
        <v>0</v>
      </c>
      <c r="I37" s="196">
        <v>0</v>
      </c>
      <c r="J37" s="196">
        <v>0</v>
      </c>
      <c r="K37" s="193">
        <v>14</v>
      </c>
      <c r="L37" s="198">
        <v>14</v>
      </c>
      <c r="M37" s="196">
        <v>0</v>
      </c>
      <c r="N37" s="196">
        <v>0</v>
      </c>
      <c r="O37" s="193">
        <v>0</v>
      </c>
      <c r="P37" s="195">
        <v>0</v>
      </c>
      <c r="Q37" s="196">
        <v>0</v>
      </c>
      <c r="R37" s="196">
        <v>0</v>
      </c>
      <c r="S37" s="196">
        <v>0</v>
      </c>
      <c r="T37" s="196">
        <v>0</v>
      </c>
      <c r="U37" s="196">
        <v>0</v>
      </c>
      <c r="V37" s="193">
        <v>0</v>
      </c>
      <c r="W37" s="198">
        <v>0</v>
      </c>
    </row>
    <row r="38" spans="1:23" ht="21" customHeight="1" x14ac:dyDescent="0.2">
      <c r="A38" s="172" t="s">
        <v>36</v>
      </c>
      <c r="B38" s="196">
        <v>0</v>
      </c>
      <c r="C38" s="196">
        <v>0</v>
      </c>
      <c r="D38" s="193">
        <v>0</v>
      </c>
      <c r="E38" s="195">
        <v>0</v>
      </c>
      <c r="F38" s="196">
        <v>21</v>
      </c>
      <c r="G38" s="196">
        <v>5</v>
      </c>
      <c r="H38" s="196">
        <v>0</v>
      </c>
      <c r="I38" s="196">
        <v>0</v>
      </c>
      <c r="J38" s="196">
        <v>21</v>
      </c>
      <c r="K38" s="193">
        <v>47</v>
      </c>
      <c r="L38" s="198">
        <v>47</v>
      </c>
      <c r="M38" s="196">
        <v>0</v>
      </c>
      <c r="N38" s="196">
        <v>0</v>
      </c>
      <c r="O38" s="193">
        <v>0</v>
      </c>
      <c r="P38" s="195">
        <v>0</v>
      </c>
      <c r="Q38" s="196">
        <v>0</v>
      </c>
      <c r="R38" s="196">
        <v>0</v>
      </c>
      <c r="S38" s="196">
        <v>0</v>
      </c>
      <c r="T38" s="196">
        <v>0</v>
      </c>
      <c r="U38" s="196">
        <v>0</v>
      </c>
      <c r="V38" s="193">
        <v>0</v>
      </c>
      <c r="W38" s="198">
        <v>0</v>
      </c>
    </row>
    <row r="39" spans="1:23" ht="21" customHeight="1" thickBot="1" x14ac:dyDescent="0.25">
      <c r="A39" s="173" t="s">
        <v>37</v>
      </c>
      <c r="B39" s="203">
        <v>0</v>
      </c>
      <c r="C39" s="203">
        <v>0</v>
      </c>
      <c r="D39" s="200">
        <v>0</v>
      </c>
      <c r="E39" s="202">
        <v>0</v>
      </c>
      <c r="F39" s="203">
        <v>0</v>
      </c>
      <c r="G39" s="203">
        <v>0</v>
      </c>
      <c r="H39" s="203">
        <v>0</v>
      </c>
      <c r="I39" s="203">
        <v>0</v>
      </c>
      <c r="J39" s="203">
        <v>0</v>
      </c>
      <c r="K39" s="200">
        <v>0</v>
      </c>
      <c r="L39" s="205">
        <v>0</v>
      </c>
      <c r="M39" s="203">
        <v>0</v>
      </c>
      <c r="N39" s="203">
        <v>0</v>
      </c>
      <c r="O39" s="200">
        <v>0</v>
      </c>
      <c r="P39" s="202">
        <v>0</v>
      </c>
      <c r="Q39" s="203">
        <v>0</v>
      </c>
      <c r="R39" s="203">
        <v>0</v>
      </c>
      <c r="S39" s="203">
        <v>0</v>
      </c>
      <c r="T39" s="203">
        <v>0</v>
      </c>
      <c r="U39" s="203">
        <v>0</v>
      </c>
      <c r="V39" s="200">
        <v>0</v>
      </c>
      <c r="W39" s="205">
        <v>0</v>
      </c>
    </row>
  </sheetData>
  <mergeCells count="11">
    <mergeCell ref="M3:W3"/>
    <mergeCell ref="M4:O4"/>
    <mergeCell ref="P4:V4"/>
    <mergeCell ref="W4:W5"/>
    <mergeCell ref="G1:H1"/>
    <mergeCell ref="J1:K1"/>
    <mergeCell ref="A3:A5"/>
    <mergeCell ref="B3:L3"/>
    <mergeCell ref="B4:D4"/>
    <mergeCell ref="E4:K4"/>
    <mergeCell ref="L4:L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171"/>
    <col min="4" max="4" width="10" style="171" customWidth="1"/>
    <col min="5" max="5" width="7.77734375" style="171" customWidth="1"/>
    <col min="6" max="6" width="10.77734375" style="171" customWidth="1"/>
    <col min="7" max="15" width="9" style="171"/>
    <col min="16" max="16" width="7.6640625" style="171" customWidth="1"/>
    <col min="17" max="16384" width="9" style="171"/>
  </cols>
  <sheetData>
    <row r="1" spans="1:23" ht="17.25" customHeight="1" x14ac:dyDescent="0.2">
      <c r="A1" s="206" t="s">
        <v>125</v>
      </c>
      <c r="G1" s="487">
        <f>第１表!F2</f>
        <v>4</v>
      </c>
      <c r="H1" s="487"/>
      <c r="I1" s="163">
        <f>第１表!G2</f>
        <v>1</v>
      </c>
      <c r="J1" s="488">
        <f>IF(I1&lt;3,I1+12-2,I1-2)</f>
        <v>11</v>
      </c>
      <c r="K1" s="488"/>
    </row>
    <row r="2" spans="1:23" ht="21" customHeight="1" thickBot="1" x14ac:dyDescent="0.25">
      <c r="A2" s="206" t="s">
        <v>155</v>
      </c>
    </row>
    <row r="3" spans="1:23" ht="18.75" customHeight="1" x14ac:dyDescent="0.2">
      <c r="A3" s="500"/>
      <c r="B3" s="496" t="s">
        <v>142</v>
      </c>
      <c r="C3" s="496"/>
      <c r="D3" s="496"/>
      <c r="E3" s="496"/>
      <c r="F3" s="496"/>
      <c r="G3" s="496"/>
      <c r="H3" s="496"/>
      <c r="I3" s="496"/>
      <c r="J3" s="496"/>
      <c r="K3" s="496"/>
      <c r="L3" s="526"/>
      <c r="M3" s="496" t="s">
        <v>113</v>
      </c>
      <c r="N3" s="496"/>
      <c r="O3" s="496"/>
      <c r="P3" s="496"/>
      <c r="Q3" s="496"/>
      <c r="R3" s="496"/>
      <c r="S3" s="496"/>
      <c r="T3" s="496"/>
      <c r="U3" s="496"/>
      <c r="V3" s="496"/>
      <c r="W3" s="526"/>
    </row>
    <row r="4" spans="1:23" ht="18.75" customHeight="1" x14ac:dyDescent="0.2">
      <c r="A4" s="524"/>
      <c r="B4" s="527" t="s">
        <v>61</v>
      </c>
      <c r="C4" s="527"/>
      <c r="D4" s="528"/>
      <c r="E4" s="529" t="s">
        <v>62</v>
      </c>
      <c r="F4" s="527"/>
      <c r="G4" s="527"/>
      <c r="H4" s="527"/>
      <c r="I4" s="527"/>
      <c r="J4" s="527"/>
      <c r="K4" s="530"/>
      <c r="L4" s="531" t="s">
        <v>52</v>
      </c>
      <c r="M4" s="527" t="s">
        <v>61</v>
      </c>
      <c r="N4" s="527"/>
      <c r="O4" s="528"/>
      <c r="P4" s="529" t="s">
        <v>62</v>
      </c>
      <c r="Q4" s="527"/>
      <c r="R4" s="527"/>
      <c r="S4" s="527"/>
      <c r="T4" s="527"/>
      <c r="U4" s="527"/>
      <c r="V4" s="530"/>
      <c r="W4" s="531" t="s">
        <v>52</v>
      </c>
    </row>
    <row r="5" spans="1:23" ht="27" thickBot="1" x14ac:dyDescent="0.25">
      <c r="A5" s="525"/>
      <c r="B5" s="175" t="s">
        <v>43</v>
      </c>
      <c r="C5" s="175" t="s">
        <v>44</v>
      </c>
      <c r="D5" s="181" t="s">
        <v>45</v>
      </c>
      <c r="E5" s="183" t="s">
        <v>83</v>
      </c>
      <c r="F5" s="175" t="s">
        <v>47</v>
      </c>
      <c r="G5" s="175" t="s">
        <v>48</v>
      </c>
      <c r="H5" s="175" t="s">
        <v>49</v>
      </c>
      <c r="I5" s="175" t="s">
        <v>50</v>
      </c>
      <c r="J5" s="175" t="s">
        <v>51</v>
      </c>
      <c r="K5" s="181" t="s">
        <v>45</v>
      </c>
      <c r="L5" s="499"/>
      <c r="M5" s="175" t="s">
        <v>43</v>
      </c>
      <c r="N5" s="175" t="s">
        <v>44</v>
      </c>
      <c r="O5" s="181" t="s">
        <v>45</v>
      </c>
      <c r="P5" s="183" t="s">
        <v>83</v>
      </c>
      <c r="Q5" s="175" t="s">
        <v>47</v>
      </c>
      <c r="R5" s="175" t="s">
        <v>48</v>
      </c>
      <c r="S5" s="175" t="s">
        <v>49</v>
      </c>
      <c r="T5" s="175" t="s">
        <v>50</v>
      </c>
      <c r="U5" s="175" t="s">
        <v>51</v>
      </c>
      <c r="V5" s="181" t="s">
        <v>45</v>
      </c>
      <c r="W5" s="499"/>
    </row>
    <row r="6" spans="1:23" ht="21" customHeight="1" x14ac:dyDescent="0.2">
      <c r="A6" s="174" t="s">
        <v>4</v>
      </c>
      <c r="B6" s="189">
        <v>0</v>
      </c>
      <c r="C6" s="189">
        <v>0</v>
      </c>
      <c r="D6" s="186">
        <v>0</v>
      </c>
      <c r="E6" s="188">
        <v>0</v>
      </c>
      <c r="F6" s="189">
        <v>5623</v>
      </c>
      <c r="G6" s="189">
        <v>4577</v>
      </c>
      <c r="H6" s="189">
        <v>2464</v>
      </c>
      <c r="I6" s="189">
        <v>1310</v>
      </c>
      <c r="J6" s="189">
        <v>466</v>
      </c>
      <c r="K6" s="186">
        <v>14440</v>
      </c>
      <c r="L6" s="191">
        <v>14440</v>
      </c>
      <c r="M6" s="189">
        <v>0</v>
      </c>
      <c r="N6" s="189">
        <v>0</v>
      </c>
      <c r="O6" s="186">
        <v>0</v>
      </c>
      <c r="P6" s="188">
        <v>0</v>
      </c>
      <c r="Q6" s="189">
        <v>360</v>
      </c>
      <c r="R6" s="189">
        <v>800</v>
      </c>
      <c r="S6" s="189">
        <v>624</v>
      </c>
      <c r="T6" s="189">
        <v>223</v>
      </c>
      <c r="U6" s="189">
        <v>404</v>
      </c>
      <c r="V6" s="186">
        <v>2411</v>
      </c>
      <c r="W6" s="191">
        <v>2411</v>
      </c>
    </row>
    <row r="7" spans="1:23" ht="21" customHeight="1" x14ac:dyDescent="0.2">
      <c r="A7" s="172" t="s">
        <v>5</v>
      </c>
      <c r="B7" s="196">
        <v>0</v>
      </c>
      <c r="C7" s="196">
        <v>0</v>
      </c>
      <c r="D7" s="193">
        <v>0</v>
      </c>
      <c r="E7" s="195">
        <v>0</v>
      </c>
      <c r="F7" s="196">
        <v>2008</v>
      </c>
      <c r="G7" s="196">
        <v>2294</v>
      </c>
      <c r="H7" s="196">
        <v>1053</v>
      </c>
      <c r="I7" s="196">
        <v>593</v>
      </c>
      <c r="J7" s="196">
        <v>222</v>
      </c>
      <c r="K7" s="193">
        <v>6170</v>
      </c>
      <c r="L7" s="198">
        <v>6170</v>
      </c>
      <c r="M7" s="196">
        <v>0</v>
      </c>
      <c r="N7" s="196">
        <v>0</v>
      </c>
      <c r="O7" s="193">
        <v>0</v>
      </c>
      <c r="P7" s="195">
        <v>0</v>
      </c>
      <c r="Q7" s="196">
        <v>179</v>
      </c>
      <c r="R7" s="196">
        <v>502</v>
      </c>
      <c r="S7" s="196">
        <v>301</v>
      </c>
      <c r="T7" s="196">
        <v>133</v>
      </c>
      <c r="U7" s="196">
        <v>308</v>
      </c>
      <c r="V7" s="193">
        <v>1423</v>
      </c>
      <c r="W7" s="198">
        <v>1423</v>
      </c>
    </row>
    <row r="8" spans="1:23" ht="21" customHeight="1" x14ac:dyDescent="0.2">
      <c r="A8" s="172" t="s">
        <v>6</v>
      </c>
      <c r="B8" s="196">
        <v>0</v>
      </c>
      <c r="C8" s="196">
        <v>0</v>
      </c>
      <c r="D8" s="193">
        <v>0</v>
      </c>
      <c r="E8" s="195">
        <v>0</v>
      </c>
      <c r="F8" s="196">
        <v>1111</v>
      </c>
      <c r="G8" s="196">
        <v>561</v>
      </c>
      <c r="H8" s="196">
        <v>401</v>
      </c>
      <c r="I8" s="196">
        <v>166</v>
      </c>
      <c r="J8" s="196">
        <v>98</v>
      </c>
      <c r="K8" s="193">
        <v>2337</v>
      </c>
      <c r="L8" s="198">
        <v>2337</v>
      </c>
      <c r="M8" s="196">
        <v>0</v>
      </c>
      <c r="N8" s="196">
        <v>0</v>
      </c>
      <c r="O8" s="193">
        <v>0</v>
      </c>
      <c r="P8" s="195">
        <v>0</v>
      </c>
      <c r="Q8" s="196">
        <v>80</v>
      </c>
      <c r="R8" s="196">
        <v>168</v>
      </c>
      <c r="S8" s="196">
        <v>173</v>
      </c>
      <c r="T8" s="196">
        <v>35</v>
      </c>
      <c r="U8" s="196">
        <v>43</v>
      </c>
      <c r="V8" s="193">
        <v>499</v>
      </c>
      <c r="W8" s="198">
        <v>499</v>
      </c>
    </row>
    <row r="9" spans="1:23" ht="21" customHeight="1" x14ac:dyDescent="0.2">
      <c r="A9" s="172" t="s">
        <v>14</v>
      </c>
      <c r="B9" s="196">
        <v>0</v>
      </c>
      <c r="C9" s="196">
        <v>0</v>
      </c>
      <c r="D9" s="193">
        <v>0</v>
      </c>
      <c r="E9" s="195">
        <v>0</v>
      </c>
      <c r="F9" s="196">
        <v>377</v>
      </c>
      <c r="G9" s="196">
        <v>351</v>
      </c>
      <c r="H9" s="196">
        <v>78</v>
      </c>
      <c r="I9" s="196">
        <v>85</v>
      </c>
      <c r="J9" s="196">
        <v>23</v>
      </c>
      <c r="K9" s="193">
        <v>914</v>
      </c>
      <c r="L9" s="198">
        <v>914</v>
      </c>
      <c r="M9" s="196">
        <v>0</v>
      </c>
      <c r="N9" s="196">
        <v>0</v>
      </c>
      <c r="O9" s="193">
        <v>0</v>
      </c>
      <c r="P9" s="195">
        <v>0</v>
      </c>
      <c r="Q9" s="196">
        <v>7</v>
      </c>
      <c r="R9" s="196">
        <v>7</v>
      </c>
      <c r="S9" s="196">
        <v>1</v>
      </c>
      <c r="T9" s="196">
        <v>9</v>
      </c>
      <c r="U9" s="196">
        <v>13</v>
      </c>
      <c r="V9" s="193">
        <v>37</v>
      </c>
      <c r="W9" s="198">
        <v>37</v>
      </c>
    </row>
    <row r="10" spans="1:23" ht="21" customHeight="1" x14ac:dyDescent="0.2">
      <c r="A10" s="172" t="s">
        <v>7</v>
      </c>
      <c r="B10" s="196">
        <v>0</v>
      </c>
      <c r="C10" s="196">
        <v>0</v>
      </c>
      <c r="D10" s="193">
        <v>0</v>
      </c>
      <c r="E10" s="195">
        <v>0</v>
      </c>
      <c r="F10" s="196">
        <v>208</v>
      </c>
      <c r="G10" s="196">
        <v>117</v>
      </c>
      <c r="H10" s="196">
        <v>115</v>
      </c>
      <c r="I10" s="196">
        <v>60</v>
      </c>
      <c r="J10" s="196">
        <v>13</v>
      </c>
      <c r="K10" s="193">
        <v>513</v>
      </c>
      <c r="L10" s="198">
        <v>513</v>
      </c>
      <c r="M10" s="196">
        <v>0</v>
      </c>
      <c r="N10" s="196">
        <v>0</v>
      </c>
      <c r="O10" s="193">
        <v>0</v>
      </c>
      <c r="P10" s="195">
        <v>0</v>
      </c>
      <c r="Q10" s="196">
        <v>39</v>
      </c>
      <c r="R10" s="196">
        <v>22</v>
      </c>
      <c r="S10" s="196">
        <v>27</v>
      </c>
      <c r="T10" s="196">
        <v>28</v>
      </c>
      <c r="U10" s="196">
        <v>0</v>
      </c>
      <c r="V10" s="193">
        <v>116</v>
      </c>
      <c r="W10" s="198">
        <v>116</v>
      </c>
    </row>
    <row r="11" spans="1:23" ht="21" customHeight="1" x14ac:dyDescent="0.2">
      <c r="A11" s="172" t="s">
        <v>8</v>
      </c>
      <c r="B11" s="196">
        <v>0</v>
      </c>
      <c r="C11" s="196">
        <v>0</v>
      </c>
      <c r="D11" s="193">
        <v>0</v>
      </c>
      <c r="E11" s="195">
        <v>0</v>
      </c>
      <c r="F11" s="196">
        <v>183</v>
      </c>
      <c r="G11" s="196">
        <v>189</v>
      </c>
      <c r="H11" s="196">
        <v>89</v>
      </c>
      <c r="I11" s="196">
        <v>27</v>
      </c>
      <c r="J11" s="196">
        <v>4</v>
      </c>
      <c r="K11" s="193">
        <v>492</v>
      </c>
      <c r="L11" s="198">
        <v>492</v>
      </c>
      <c r="M11" s="196">
        <v>0</v>
      </c>
      <c r="N11" s="196">
        <v>0</v>
      </c>
      <c r="O11" s="193">
        <v>0</v>
      </c>
      <c r="P11" s="195">
        <v>0</v>
      </c>
      <c r="Q11" s="196">
        <v>0</v>
      </c>
      <c r="R11" s="196">
        <v>23</v>
      </c>
      <c r="S11" s="196">
        <v>0</v>
      </c>
      <c r="T11" s="196">
        <v>0</v>
      </c>
      <c r="U11" s="196">
        <v>0</v>
      </c>
      <c r="V11" s="193">
        <v>23</v>
      </c>
      <c r="W11" s="198">
        <v>23</v>
      </c>
    </row>
    <row r="12" spans="1:23" ht="21" customHeight="1" x14ac:dyDescent="0.2">
      <c r="A12" s="172" t="s">
        <v>9</v>
      </c>
      <c r="B12" s="196">
        <v>0</v>
      </c>
      <c r="C12" s="196">
        <v>0</v>
      </c>
      <c r="D12" s="193">
        <v>0</v>
      </c>
      <c r="E12" s="195">
        <v>0</v>
      </c>
      <c r="F12" s="196">
        <v>220</v>
      </c>
      <c r="G12" s="196">
        <v>250</v>
      </c>
      <c r="H12" s="196">
        <v>154</v>
      </c>
      <c r="I12" s="196">
        <v>92</v>
      </c>
      <c r="J12" s="196">
        <v>7</v>
      </c>
      <c r="K12" s="193">
        <v>723</v>
      </c>
      <c r="L12" s="198">
        <v>723</v>
      </c>
      <c r="M12" s="196">
        <v>0</v>
      </c>
      <c r="N12" s="196">
        <v>0</v>
      </c>
      <c r="O12" s="193">
        <v>0</v>
      </c>
      <c r="P12" s="195">
        <v>0</v>
      </c>
      <c r="Q12" s="196">
        <v>12</v>
      </c>
      <c r="R12" s="196">
        <v>0</v>
      </c>
      <c r="S12" s="196">
        <v>32</v>
      </c>
      <c r="T12" s="196">
        <v>0</v>
      </c>
      <c r="U12" s="196">
        <v>0</v>
      </c>
      <c r="V12" s="193">
        <v>44</v>
      </c>
      <c r="W12" s="198">
        <v>44</v>
      </c>
    </row>
    <row r="13" spans="1:23" ht="21" customHeight="1" x14ac:dyDescent="0.2">
      <c r="A13" s="172" t="s">
        <v>10</v>
      </c>
      <c r="B13" s="196">
        <v>0</v>
      </c>
      <c r="C13" s="196">
        <v>0</v>
      </c>
      <c r="D13" s="193">
        <v>0</v>
      </c>
      <c r="E13" s="195">
        <v>0</v>
      </c>
      <c r="F13" s="196">
        <v>298</v>
      </c>
      <c r="G13" s="196">
        <v>80</v>
      </c>
      <c r="H13" s="196">
        <v>76</v>
      </c>
      <c r="I13" s="196">
        <v>21</v>
      </c>
      <c r="J13" s="196">
        <v>5</v>
      </c>
      <c r="K13" s="193">
        <v>480</v>
      </c>
      <c r="L13" s="198">
        <v>480</v>
      </c>
      <c r="M13" s="196">
        <v>0</v>
      </c>
      <c r="N13" s="196">
        <v>0</v>
      </c>
      <c r="O13" s="193">
        <v>0</v>
      </c>
      <c r="P13" s="195">
        <v>0</v>
      </c>
      <c r="Q13" s="196">
        <v>14</v>
      </c>
      <c r="R13" s="196">
        <v>25</v>
      </c>
      <c r="S13" s="196">
        <v>12</v>
      </c>
      <c r="T13" s="196">
        <v>9</v>
      </c>
      <c r="U13" s="196">
        <v>2</v>
      </c>
      <c r="V13" s="193">
        <v>62</v>
      </c>
      <c r="W13" s="198">
        <v>62</v>
      </c>
    </row>
    <row r="14" spans="1:23" ht="21" customHeight="1" x14ac:dyDescent="0.2">
      <c r="A14" s="172" t="s">
        <v>11</v>
      </c>
      <c r="B14" s="196">
        <v>0</v>
      </c>
      <c r="C14" s="196">
        <v>0</v>
      </c>
      <c r="D14" s="193">
        <v>0</v>
      </c>
      <c r="E14" s="195">
        <v>0</v>
      </c>
      <c r="F14" s="196">
        <v>136</v>
      </c>
      <c r="G14" s="196">
        <v>44</v>
      </c>
      <c r="H14" s="196">
        <v>72</v>
      </c>
      <c r="I14" s="196">
        <v>32</v>
      </c>
      <c r="J14" s="196">
        <v>6</v>
      </c>
      <c r="K14" s="193">
        <v>290</v>
      </c>
      <c r="L14" s="198">
        <v>290</v>
      </c>
      <c r="M14" s="196">
        <v>0</v>
      </c>
      <c r="N14" s="196">
        <v>0</v>
      </c>
      <c r="O14" s="193">
        <v>0</v>
      </c>
      <c r="P14" s="195">
        <v>0</v>
      </c>
      <c r="Q14" s="196">
        <v>0</v>
      </c>
      <c r="R14" s="196">
        <v>0</v>
      </c>
      <c r="S14" s="196">
        <v>0</v>
      </c>
      <c r="T14" s="196">
        <v>0</v>
      </c>
      <c r="U14" s="196">
        <v>16</v>
      </c>
      <c r="V14" s="193">
        <v>16</v>
      </c>
      <c r="W14" s="198">
        <v>16</v>
      </c>
    </row>
    <row r="15" spans="1:23" ht="21" customHeight="1" x14ac:dyDescent="0.2">
      <c r="A15" s="172" t="s">
        <v>12</v>
      </c>
      <c r="B15" s="196">
        <v>0</v>
      </c>
      <c r="C15" s="196">
        <v>0</v>
      </c>
      <c r="D15" s="193">
        <v>0</v>
      </c>
      <c r="E15" s="195">
        <v>0</v>
      </c>
      <c r="F15" s="196">
        <v>174</v>
      </c>
      <c r="G15" s="196">
        <v>97</v>
      </c>
      <c r="H15" s="196">
        <v>116</v>
      </c>
      <c r="I15" s="196">
        <v>50</v>
      </c>
      <c r="J15" s="196">
        <v>0</v>
      </c>
      <c r="K15" s="193">
        <v>437</v>
      </c>
      <c r="L15" s="198">
        <v>437</v>
      </c>
      <c r="M15" s="196">
        <v>0</v>
      </c>
      <c r="N15" s="196">
        <v>0</v>
      </c>
      <c r="O15" s="193">
        <v>0</v>
      </c>
      <c r="P15" s="195">
        <v>0</v>
      </c>
      <c r="Q15" s="196">
        <v>5</v>
      </c>
      <c r="R15" s="196">
        <v>0</v>
      </c>
      <c r="S15" s="196">
        <v>0</v>
      </c>
      <c r="T15" s="196">
        <v>0</v>
      </c>
      <c r="U15" s="196">
        <v>0</v>
      </c>
      <c r="V15" s="193">
        <v>5</v>
      </c>
      <c r="W15" s="198">
        <v>5</v>
      </c>
    </row>
    <row r="16" spans="1:23" ht="21" customHeight="1" x14ac:dyDescent="0.2">
      <c r="A16" s="172" t="s">
        <v>13</v>
      </c>
      <c r="B16" s="196">
        <v>0</v>
      </c>
      <c r="C16" s="196">
        <v>0</v>
      </c>
      <c r="D16" s="193">
        <v>0</v>
      </c>
      <c r="E16" s="195">
        <v>0</v>
      </c>
      <c r="F16" s="196">
        <v>51</v>
      </c>
      <c r="G16" s="196">
        <v>60</v>
      </c>
      <c r="H16" s="196">
        <v>71</v>
      </c>
      <c r="I16" s="196">
        <v>19</v>
      </c>
      <c r="J16" s="196">
        <v>0</v>
      </c>
      <c r="K16" s="193">
        <v>201</v>
      </c>
      <c r="L16" s="198">
        <v>201</v>
      </c>
      <c r="M16" s="196">
        <v>0</v>
      </c>
      <c r="N16" s="196">
        <v>0</v>
      </c>
      <c r="O16" s="193">
        <v>0</v>
      </c>
      <c r="P16" s="195">
        <v>0</v>
      </c>
      <c r="Q16" s="196">
        <v>0</v>
      </c>
      <c r="R16" s="196">
        <v>0</v>
      </c>
      <c r="S16" s="196">
        <v>0</v>
      </c>
      <c r="T16" s="196">
        <v>0</v>
      </c>
      <c r="U16" s="196">
        <v>0</v>
      </c>
      <c r="V16" s="193">
        <v>0</v>
      </c>
      <c r="W16" s="198">
        <v>0</v>
      </c>
    </row>
    <row r="17" spans="1:23" ht="21" customHeight="1" x14ac:dyDescent="0.2">
      <c r="A17" s="172" t="s">
        <v>15</v>
      </c>
      <c r="B17" s="196">
        <v>0</v>
      </c>
      <c r="C17" s="196">
        <v>0</v>
      </c>
      <c r="D17" s="193">
        <v>0</v>
      </c>
      <c r="E17" s="195">
        <v>0</v>
      </c>
      <c r="F17" s="196">
        <v>53</v>
      </c>
      <c r="G17" s="196">
        <v>51</v>
      </c>
      <c r="H17" s="196">
        <v>7</v>
      </c>
      <c r="I17" s="196">
        <v>61</v>
      </c>
      <c r="J17" s="196">
        <v>8</v>
      </c>
      <c r="K17" s="193">
        <v>180</v>
      </c>
      <c r="L17" s="198">
        <v>180</v>
      </c>
      <c r="M17" s="196">
        <v>0</v>
      </c>
      <c r="N17" s="196">
        <v>0</v>
      </c>
      <c r="O17" s="193">
        <v>0</v>
      </c>
      <c r="P17" s="195">
        <v>0</v>
      </c>
      <c r="Q17" s="196">
        <v>0</v>
      </c>
      <c r="R17" s="196">
        <v>0</v>
      </c>
      <c r="S17" s="196">
        <v>12</v>
      </c>
      <c r="T17" s="196">
        <v>0</v>
      </c>
      <c r="U17" s="196">
        <v>0</v>
      </c>
      <c r="V17" s="193">
        <v>12</v>
      </c>
      <c r="W17" s="198">
        <v>12</v>
      </c>
    </row>
    <row r="18" spans="1:23" ht="21" customHeight="1" x14ac:dyDescent="0.2">
      <c r="A18" s="172" t="s">
        <v>16</v>
      </c>
      <c r="B18" s="196">
        <v>0</v>
      </c>
      <c r="C18" s="196">
        <v>0</v>
      </c>
      <c r="D18" s="193">
        <v>0</v>
      </c>
      <c r="E18" s="195">
        <v>0</v>
      </c>
      <c r="F18" s="196">
        <v>65</v>
      </c>
      <c r="G18" s="196">
        <v>43</v>
      </c>
      <c r="H18" s="196">
        <v>30</v>
      </c>
      <c r="I18" s="196">
        <v>4</v>
      </c>
      <c r="J18" s="196">
        <v>27</v>
      </c>
      <c r="K18" s="193">
        <v>169</v>
      </c>
      <c r="L18" s="198">
        <v>169</v>
      </c>
      <c r="M18" s="196">
        <v>0</v>
      </c>
      <c r="N18" s="196">
        <v>0</v>
      </c>
      <c r="O18" s="193">
        <v>0</v>
      </c>
      <c r="P18" s="195">
        <v>0</v>
      </c>
      <c r="Q18" s="196">
        <v>0</v>
      </c>
      <c r="R18" s="196">
        <v>17</v>
      </c>
      <c r="S18" s="196">
        <v>17</v>
      </c>
      <c r="T18" s="196">
        <v>0</v>
      </c>
      <c r="U18" s="196">
        <v>0</v>
      </c>
      <c r="V18" s="193">
        <v>34</v>
      </c>
      <c r="W18" s="198">
        <v>34</v>
      </c>
    </row>
    <row r="19" spans="1:23" ht="21" customHeight="1" x14ac:dyDescent="0.2">
      <c r="A19" s="172" t="s">
        <v>17</v>
      </c>
      <c r="B19" s="196">
        <v>0</v>
      </c>
      <c r="C19" s="196">
        <v>0</v>
      </c>
      <c r="D19" s="193">
        <v>0</v>
      </c>
      <c r="E19" s="195">
        <v>0</v>
      </c>
      <c r="F19" s="196">
        <v>103</v>
      </c>
      <c r="G19" s="196">
        <v>99</v>
      </c>
      <c r="H19" s="196">
        <v>65</v>
      </c>
      <c r="I19" s="196">
        <v>32</v>
      </c>
      <c r="J19" s="196">
        <v>12</v>
      </c>
      <c r="K19" s="193">
        <v>311</v>
      </c>
      <c r="L19" s="198">
        <v>311</v>
      </c>
      <c r="M19" s="196">
        <v>0</v>
      </c>
      <c r="N19" s="196">
        <v>0</v>
      </c>
      <c r="O19" s="193">
        <v>0</v>
      </c>
      <c r="P19" s="195">
        <v>0</v>
      </c>
      <c r="Q19" s="196">
        <v>9</v>
      </c>
      <c r="R19" s="196">
        <v>0</v>
      </c>
      <c r="S19" s="196">
        <v>0</v>
      </c>
      <c r="T19" s="196">
        <v>0</v>
      </c>
      <c r="U19" s="196">
        <v>0</v>
      </c>
      <c r="V19" s="193">
        <v>9</v>
      </c>
      <c r="W19" s="198">
        <v>9</v>
      </c>
    </row>
    <row r="20" spans="1:23" ht="21" customHeight="1" x14ac:dyDescent="0.2">
      <c r="A20" s="172" t="s">
        <v>18</v>
      </c>
      <c r="B20" s="196">
        <v>0</v>
      </c>
      <c r="C20" s="196">
        <v>0</v>
      </c>
      <c r="D20" s="193">
        <v>0</v>
      </c>
      <c r="E20" s="195">
        <v>0</v>
      </c>
      <c r="F20" s="196">
        <v>203</v>
      </c>
      <c r="G20" s="196">
        <v>109</v>
      </c>
      <c r="H20" s="196">
        <v>51</v>
      </c>
      <c r="I20" s="196">
        <v>10</v>
      </c>
      <c r="J20" s="196">
        <v>0</v>
      </c>
      <c r="K20" s="193">
        <v>373</v>
      </c>
      <c r="L20" s="198">
        <v>373</v>
      </c>
      <c r="M20" s="196">
        <v>0</v>
      </c>
      <c r="N20" s="196">
        <v>0</v>
      </c>
      <c r="O20" s="193">
        <v>0</v>
      </c>
      <c r="P20" s="195">
        <v>0</v>
      </c>
      <c r="Q20" s="196">
        <v>0</v>
      </c>
      <c r="R20" s="196">
        <v>0</v>
      </c>
      <c r="S20" s="196">
        <v>32</v>
      </c>
      <c r="T20" s="196">
        <v>0</v>
      </c>
      <c r="U20" s="196">
        <v>0</v>
      </c>
      <c r="V20" s="193">
        <v>32</v>
      </c>
      <c r="W20" s="198">
        <v>32</v>
      </c>
    </row>
    <row r="21" spans="1:23" ht="21" customHeight="1" x14ac:dyDescent="0.2">
      <c r="A21" s="172" t="s">
        <v>19</v>
      </c>
      <c r="B21" s="196">
        <v>0</v>
      </c>
      <c r="C21" s="196">
        <v>0</v>
      </c>
      <c r="D21" s="193">
        <v>0</v>
      </c>
      <c r="E21" s="195">
        <v>0</v>
      </c>
      <c r="F21" s="196">
        <v>72</v>
      </c>
      <c r="G21" s="196">
        <v>30</v>
      </c>
      <c r="H21" s="196">
        <v>32</v>
      </c>
      <c r="I21" s="196">
        <v>20</v>
      </c>
      <c r="J21" s="196">
        <v>0</v>
      </c>
      <c r="K21" s="193">
        <v>154</v>
      </c>
      <c r="L21" s="198">
        <v>154</v>
      </c>
      <c r="M21" s="196">
        <v>0</v>
      </c>
      <c r="N21" s="196">
        <v>0</v>
      </c>
      <c r="O21" s="193">
        <v>0</v>
      </c>
      <c r="P21" s="195">
        <v>0</v>
      </c>
      <c r="Q21" s="196">
        <v>4</v>
      </c>
      <c r="R21" s="196">
        <v>24</v>
      </c>
      <c r="S21" s="196">
        <v>4</v>
      </c>
      <c r="T21" s="196">
        <v>0</v>
      </c>
      <c r="U21" s="196">
        <v>0</v>
      </c>
      <c r="V21" s="193">
        <v>32</v>
      </c>
      <c r="W21" s="198">
        <v>32</v>
      </c>
    </row>
    <row r="22" spans="1:23" ht="21" customHeight="1" x14ac:dyDescent="0.2">
      <c r="A22" s="172" t="s">
        <v>20</v>
      </c>
      <c r="B22" s="196">
        <v>0</v>
      </c>
      <c r="C22" s="196">
        <v>0</v>
      </c>
      <c r="D22" s="193">
        <v>0</v>
      </c>
      <c r="E22" s="195">
        <v>0</v>
      </c>
      <c r="F22" s="196">
        <v>50</v>
      </c>
      <c r="G22" s="196">
        <v>43</v>
      </c>
      <c r="H22" s="196">
        <v>0</v>
      </c>
      <c r="I22" s="196">
        <v>8</v>
      </c>
      <c r="J22" s="196">
        <v>0</v>
      </c>
      <c r="K22" s="193">
        <v>101</v>
      </c>
      <c r="L22" s="198">
        <v>101</v>
      </c>
      <c r="M22" s="196">
        <v>0</v>
      </c>
      <c r="N22" s="196">
        <v>0</v>
      </c>
      <c r="O22" s="193">
        <v>0</v>
      </c>
      <c r="P22" s="195">
        <v>0</v>
      </c>
      <c r="Q22" s="196">
        <v>0</v>
      </c>
      <c r="R22" s="196">
        <v>0</v>
      </c>
      <c r="S22" s="196">
        <v>0</v>
      </c>
      <c r="T22" s="196">
        <v>9</v>
      </c>
      <c r="U22" s="196">
        <v>0</v>
      </c>
      <c r="V22" s="193">
        <v>9</v>
      </c>
      <c r="W22" s="198">
        <v>9</v>
      </c>
    </row>
    <row r="23" spans="1:23" ht="21" customHeight="1" x14ac:dyDescent="0.2">
      <c r="A23" s="172" t="s">
        <v>21</v>
      </c>
      <c r="B23" s="196">
        <v>0</v>
      </c>
      <c r="C23" s="196">
        <v>0</v>
      </c>
      <c r="D23" s="193">
        <v>0</v>
      </c>
      <c r="E23" s="195">
        <v>0</v>
      </c>
      <c r="F23" s="196">
        <v>80</v>
      </c>
      <c r="G23" s="196">
        <v>20</v>
      </c>
      <c r="H23" s="196">
        <v>19</v>
      </c>
      <c r="I23" s="196">
        <v>5</v>
      </c>
      <c r="J23" s="196">
        <v>0</v>
      </c>
      <c r="K23" s="193">
        <v>124</v>
      </c>
      <c r="L23" s="198">
        <v>124</v>
      </c>
      <c r="M23" s="196">
        <v>0</v>
      </c>
      <c r="N23" s="196">
        <v>0</v>
      </c>
      <c r="O23" s="193">
        <v>0</v>
      </c>
      <c r="P23" s="195">
        <v>0</v>
      </c>
      <c r="Q23" s="196">
        <v>0</v>
      </c>
      <c r="R23" s="196">
        <v>0</v>
      </c>
      <c r="S23" s="196">
        <v>0</v>
      </c>
      <c r="T23" s="196">
        <v>0</v>
      </c>
      <c r="U23" s="196">
        <v>0</v>
      </c>
      <c r="V23" s="193">
        <v>0</v>
      </c>
      <c r="W23" s="198">
        <v>0</v>
      </c>
    </row>
    <row r="24" spans="1:23" ht="21" customHeight="1" x14ac:dyDescent="0.2">
      <c r="A24" s="172" t="s">
        <v>22</v>
      </c>
      <c r="B24" s="196">
        <v>0</v>
      </c>
      <c r="C24" s="196">
        <v>0</v>
      </c>
      <c r="D24" s="193">
        <v>0</v>
      </c>
      <c r="E24" s="195">
        <v>0</v>
      </c>
      <c r="F24" s="196">
        <v>54</v>
      </c>
      <c r="G24" s="196">
        <v>17</v>
      </c>
      <c r="H24" s="196">
        <v>0</v>
      </c>
      <c r="I24" s="196">
        <v>0</v>
      </c>
      <c r="J24" s="196">
        <v>0</v>
      </c>
      <c r="K24" s="193">
        <v>71</v>
      </c>
      <c r="L24" s="198">
        <v>71</v>
      </c>
      <c r="M24" s="196">
        <v>0</v>
      </c>
      <c r="N24" s="196">
        <v>0</v>
      </c>
      <c r="O24" s="193">
        <v>0</v>
      </c>
      <c r="P24" s="195">
        <v>0</v>
      </c>
      <c r="Q24" s="196">
        <v>0</v>
      </c>
      <c r="R24" s="196">
        <v>0</v>
      </c>
      <c r="S24" s="196">
        <v>3</v>
      </c>
      <c r="T24" s="196">
        <v>0</v>
      </c>
      <c r="U24" s="196">
        <v>0</v>
      </c>
      <c r="V24" s="193">
        <v>3</v>
      </c>
      <c r="W24" s="198">
        <v>3</v>
      </c>
    </row>
    <row r="25" spans="1:23" ht="21" customHeight="1" x14ac:dyDescent="0.2">
      <c r="A25" s="172" t="s">
        <v>23</v>
      </c>
      <c r="B25" s="196">
        <v>0</v>
      </c>
      <c r="C25" s="196">
        <v>0</v>
      </c>
      <c r="D25" s="193">
        <v>0</v>
      </c>
      <c r="E25" s="195">
        <v>0</v>
      </c>
      <c r="F25" s="196">
        <v>14</v>
      </c>
      <c r="G25" s="196">
        <v>14</v>
      </c>
      <c r="H25" s="196">
        <v>0</v>
      </c>
      <c r="I25" s="196">
        <v>0</v>
      </c>
      <c r="J25" s="196">
        <v>20</v>
      </c>
      <c r="K25" s="193">
        <v>48</v>
      </c>
      <c r="L25" s="198">
        <v>48</v>
      </c>
      <c r="M25" s="196">
        <v>0</v>
      </c>
      <c r="N25" s="196">
        <v>0</v>
      </c>
      <c r="O25" s="193">
        <v>0</v>
      </c>
      <c r="P25" s="195">
        <v>0</v>
      </c>
      <c r="Q25" s="196">
        <v>0</v>
      </c>
      <c r="R25" s="196">
        <v>0</v>
      </c>
      <c r="S25" s="196">
        <v>0</v>
      </c>
      <c r="T25" s="196">
        <v>0</v>
      </c>
      <c r="U25" s="196">
        <v>0</v>
      </c>
      <c r="V25" s="193">
        <v>0</v>
      </c>
      <c r="W25" s="198">
        <v>0</v>
      </c>
    </row>
    <row r="26" spans="1:23" ht="21" customHeight="1" x14ac:dyDescent="0.2">
      <c r="A26" s="172" t="s">
        <v>24</v>
      </c>
      <c r="B26" s="196">
        <v>0</v>
      </c>
      <c r="C26" s="196">
        <v>0</v>
      </c>
      <c r="D26" s="193">
        <v>0</v>
      </c>
      <c r="E26" s="195">
        <v>0</v>
      </c>
      <c r="F26" s="196">
        <v>12</v>
      </c>
      <c r="G26" s="196">
        <v>21</v>
      </c>
      <c r="H26" s="196">
        <v>14</v>
      </c>
      <c r="I26" s="196">
        <v>0</v>
      </c>
      <c r="J26" s="196">
        <v>0</v>
      </c>
      <c r="K26" s="193">
        <v>47</v>
      </c>
      <c r="L26" s="198">
        <v>47</v>
      </c>
      <c r="M26" s="196">
        <v>0</v>
      </c>
      <c r="N26" s="196">
        <v>0</v>
      </c>
      <c r="O26" s="193">
        <v>0</v>
      </c>
      <c r="P26" s="195">
        <v>0</v>
      </c>
      <c r="Q26" s="196">
        <v>0</v>
      </c>
      <c r="R26" s="196">
        <v>7</v>
      </c>
      <c r="S26" s="196">
        <v>0</v>
      </c>
      <c r="T26" s="196">
        <v>0</v>
      </c>
      <c r="U26" s="196">
        <v>22</v>
      </c>
      <c r="V26" s="193">
        <v>29</v>
      </c>
      <c r="W26" s="198">
        <v>29</v>
      </c>
    </row>
    <row r="27" spans="1:23" ht="21" customHeight="1" x14ac:dyDescent="0.2">
      <c r="A27" s="172" t="s">
        <v>25</v>
      </c>
      <c r="B27" s="196">
        <v>0</v>
      </c>
      <c r="C27" s="196">
        <v>0</v>
      </c>
      <c r="D27" s="193">
        <v>0</v>
      </c>
      <c r="E27" s="195">
        <v>0</v>
      </c>
      <c r="F27" s="196">
        <v>19</v>
      </c>
      <c r="G27" s="196">
        <v>0</v>
      </c>
      <c r="H27" s="196">
        <v>0</v>
      </c>
      <c r="I27" s="196">
        <v>0</v>
      </c>
      <c r="J27" s="196">
        <v>0</v>
      </c>
      <c r="K27" s="193">
        <v>19</v>
      </c>
      <c r="L27" s="198">
        <v>19</v>
      </c>
      <c r="M27" s="196">
        <v>0</v>
      </c>
      <c r="N27" s="196">
        <v>0</v>
      </c>
      <c r="O27" s="193">
        <v>0</v>
      </c>
      <c r="P27" s="195">
        <v>0</v>
      </c>
      <c r="Q27" s="196">
        <v>0</v>
      </c>
      <c r="R27" s="196">
        <v>0</v>
      </c>
      <c r="S27" s="196">
        <v>0</v>
      </c>
      <c r="T27" s="196">
        <v>0</v>
      </c>
      <c r="U27" s="196">
        <v>0</v>
      </c>
      <c r="V27" s="193">
        <v>0</v>
      </c>
      <c r="W27" s="198">
        <v>0</v>
      </c>
    </row>
    <row r="28" spans="1:23" ht="21" customHeight="1" x14ac:dyDescent="0.2">
      <c r="A28" s="172" t="s">
        <v>26</v>
      </c>
      <c r="B28" s="196">
        <v>0</v>
      </c>
      <c r="C28" s="196">
        <v>0</v>
      </c>
      <c r="D28" s="193">
        <v>0</v>
      </c>
      <c r="E28" s="195">
        <v>0</v>
      </c>
      <c r="F28" s="196">
        <v>23</v>
      </c>
      <c r="G28" s="196">
        <v>17</v>
      </c>
      <c r="H28" s="196">
        <v>0</v>
      </c>
      <c r="I28" s="196">
        <v>0</v>
      </c>
      <c r="J28" s="196">
        <v>17</v>
      </c>
      <c r="K28" s="193">
        <v>57</v>
      </c>
      <c r="L28" s="198">
        <v>57</v>
      </c>
      <c r="M28" s="196">
        <v>0</v>
      </c>
      <c r="N28" s="196">
        <v>0</v>
      </c>
      <c r="O28" s="193">
        <v>0</v>
      </c>
      <c r="P28" s="195">
        <v>0</v>
      </c>
      <c r="Q28" s="196">
        <v>0</v>
      </c>
      <c r="R28" s="196">
        <v>0</v>
      </c>
      <c r="S28" s="196">
        <v>0</v>
      </c>
      <c r="T28" s="196">
        <v>0</v>
      </c>
      <c r="U28" s="196">
        <v>0</v>
      </c>
      <c r="V28" s="193">
        <v>0</v>
      </c>
      <c r="W28" s="198">
        <v>0</v>
      </c>
    </row>
    <row r="29" spans="1:23" ht="21" customHeight="1" x14ac:dyDescent="0.2">
      <c r="A29" s="172" t="s">
        <v>27</v>
      </c>
      <c r="B29" s="196">
        <v>0</v>
      </c>
      <c r="C29" s="196">
        <v>0</v>
      </c>
      <c r="D29" s="193">
        <v>0</v>
      </c>
      <c r="E29" s="195">
        <v>0</v>
      </c>
      <c r="F29" s="196">
        <v>0</v>
      </c>
      <c r="G29" s="196">
        <v>0</v>
      </c>
      <c r="H29" s="196">
        <v>1</v>
      </c>
      <c r="I29" s="196">
        <v>0</v>
      </c>
      <c r="J29" s="196">
        <v>0</v>
      </c>
      <c r="K29" s="193">
        <v>1</v>
      </c>
      <c r="L29" s="198">
        <v>1</v>
      </c>
      <c r="M29" s="196">
        <v>0</v>
      </c>
      <c r="N29" s="196">
        <v>0</v>
      </c>
      <c r="O29" s="193">
        <v>0</v>
      </c>
      <c r="P29" s="195">
        <v>0</v>
      </c>
      <c r="Q29" s="196">
        <v>11</v>
      </c>
      <c r="R29" s="196">
        <v>0</v>
      </c>
      <c r="S29" s="196">
        <v>0</v>
      </c>
      <c r="T29" s="196">
        <v>0</v>
      </c>
      <c r="U29" s="196">
        <v>0</v>
      </c>
      <c r="V29" s="193">
        <v>11</v>
      </c>
      <c r="W29" s="198">
        <v>11</v>
      </c>
    </row>
    <row r="30" spans="1:23" ht="21" customHeight="1" x14ac:dyDescent="0.2">
      <c r="A30" s="172" t="s">
        <v>28</v>
      </c>
      <c r="B30" s="196">
        <v>0</v>
      </c>
      <c r="C30" s="196">
        <v>0</v>
      </c>
      <c r="D30" s="193">
        <v>0</v>
      </c>
      <c r="E30" s="195">
        <v>0</v>
      </c>
      <c r="F30" s="196">
        <v>22</v>
      </c>
      <c r="G30" s="196">
        <v>13</v>
      </c>
      <c r="H30" s="196">
        <v>0</v>
      </c>
      <c r="I30" s="196">
        <v>0</v>
      </c>
      <c r="J30" s="196">
        <v>0</v>
      </c>
      <c r="K30" s="193">
        <v>35</v>
      </c>
      <c r="L30" s="198">
        <v>35</v>
      </c>
      <c r="M30" s="196">
        <v>0</v>
      </c>
      <c r="N30" s="196">
        <v>0</v>
      </c>
      <c r="O30" s="193">
        <v>0</v>
      </c>
      <c r="P30" s="195">
        <v>0</v>
      </c>
      <c r="Q30" s="196">
        <v>0</v>
      </c>
      <c r="R30" s="196">
        <v>0</v>
      </c>
      <c r="S30" s="196">
        <v>2</v>
      </c>
      <c r="T30" s="196">
        <v>0</v>
      </c>
      <c r="U30" s="196">
        <v>0</v>
      </c>
      <c r="V30" s="193">
        <v>2</v>
      </c>
      <c r="W30" s="198">
        <v>2</v>
      </c>
    </row>
    <row r="31" spans="1:23" ht="21" customHeight="1" x14ac:dyDescent="0.2">
      <c r="A31" s="172" t="s">
        <v>29</v>
      </c>
      <c r="B31" s="196">
        <v>0</v>
      </c>
      <c r="C31" s="196">
        <v>0</v>
      </c>
      <c r="D31" s="193">
        <v>0</v>
      </c>
      <c r="E31" s="195">
        <v>0</v>
      </c>
      <c r="F31" s="196">
        <v>0</v>
      </c>
      <c r="G31" s="196">
        <v>3</v>
      </c>
      <c r="H31" s="196">
        <v>0</v>
      </c>
      <c r="I31" s="196">
        <v>0</v>
      </c>
      <c r="J31" s="196">
        <v>0</v>
      </c>
      <c r="K31" s="193">
        <v>3</v>
      </c>
      <c r="L31" s="198">
        <v>3</v>
      </c>
      <c r="M31" s="196">
        <v>0</v>
      </c>
      <c r="N31" s="196">
        <v>0</v>
      </c>
      <c r="O31" s="193">
        <v>0</v>
      </c>
      <c r="P31" s="195">
        <v>0</v>
      </c>
      <c r="Q31" s="196">
        <v>0</v>
      </c>
      <c r="R31" s="196">
        <v>0</v>
      </c>
      <c r="S31" s="196">
        <v>8</v>
      </c>
      <c r="T31" s="196">
        <v>0</v>
      </c>
      <c r="U31" s="196">
        <v>0</v>
      </c>
      <c r="V31" s="193">
        <v>8</v>
      </c>
      <c r="W31" s="198">
        <v>8</v>
      </c>
    </row>
    <row r="32" spans="1:23" ht="21" customHeight="1" x14ac:dyDescent="0.2">
      <c r="A32" s="172" t="s">
        <v>30</v>
      </c>
      <c r="B32" s="196">
        <v>0</v>
      </c>
      <c r="C32" s="196">
        <v>0</v>
      </c>
      <c r="D32" s="193">
        <v>0</v>
      </c>
      <c r="E32" s="195">
        <v>0</v>
      </c>
      <c r="F32" s="196">
        <v>26</v>
      </c>
      <c r="G32" s="196">
        <v>0</v>
      </c>
      <c r="H32" s="196">
        <v>0</v>
      </c>
      <c r="I32" s="196">
        <v>0</v>
      </c>
      <c r="J32" s="196">
        <v>0</v>
      </c>
      <c r="K32" s="193">
        <v>26</v>
      </c>
      <c r="L32" s="198">
        <v>26</v>
      </c>
      <c r="M32" s="196">
        <v>0</v>
      </c>
      <c r="N32" s="196">
        <v>0</v>
      </c>
      <c r="O32" s="193">
        <v>0</v>
      </c>
      <c r="P32" s="195">
        <v>0</v>
      </c>
      <c r="Q32" s="196">
        <v>0</v>
      </c>
      <c r="R32" s="196">
        <v>5</v>
      </c>
      <c r="S32" s="196">
        <v>0</v>
      </c>
      <c r="T32" s="196">
        <v>0</v>
      </c>
      <c r="U32" s="196">
        <v>0</v>
      </c>
      <c r="V32" s="193">
        <v>5</v>
      </c>
      <c r="W32" s="198">
        <v>5</v>
      </c>
    </row>
    <row r="33" spans="1:23" ht="21" customHeight="1" x14ac:dyDescent="0.2">
      <c r="A33" s="172" t="s">
        <v>31</v>
      </c>
      <c r="B33" s="196">
        <v>0</v>
      </c>
      <c r="C33" s="196">
        <v>0</v>
      </c>
      <c r="D33" s="193">
        <v>0</v>
      </c>
      <c r="E33" s="195">
        <v>0</v>
      </c>
      <c r="F33" s="196">
        <v>9</v>
      </c>
      <c r="G33" s="196">
        <v>11</v>
      </c>
      <c r="H33" s="196">
        <v>7</v>
      </c>
      <c r="I33" s="196">
        <v>0</v>
      </c>
      <c r="J33" s="196">
        <v>0</v>
      </c>
      <c r="K33" s="193">
        <v>27</v>
      </c>
      <c r="L33" s="198">
        <v>27</v>
      </c>
      <c r="M33" s="196">
        <v>0</v>
      </c>
      <c r="N33" s="196">
        <v>0</v>
      </c>
      <c r="O33" s="193">
        <v>0</v>
      </c>
      <c r="P33" s="195">
        <v>0</v>
      </c>
      <c r="Q33" s="196">
        <v>0</v>
      </c>
      <c r="R33" s="196">
        <v>0</v>
      </c>
      <c r="S33" s="196">
        <v>0</v>
      </c>
      <c r="T33" s="196">
        <v>0</v>
      </c>
      <c r="U33" s="196">
        <v>0</v>
      </c>
      <c r="V33" s="193">
        <v>0</v>
      </c>
      <c r="W33" s="198">
        <v>0</v>
      </c>
    </row>
    <row r="34" spans="1:23" ht="21" customHeight="1" x14ac:dyDescent="0.2">
      <c r="A34" s="172" t="s">
        <v>32</v>
      </c>
      <c r="B34" s="196">
        <v>0</v>
      </c>
      <c r="C34" s="196">
        <v>0</v>
      </c>
      <c r="D34" s="193">
        <v>0</v>
      </c>
      <c r="E34" s="195">
        <v>0</v>
      </c>
      <c r="F34" s="196">
        <v>14</v>
      </c>
      <c r="G34" s="196">
        <v>10</v>
      </c>
      <c r="H34" s="196">
        <v>2</v>
      </c>
      <c r="I34" s="196">
        <v>0</v>
      </c>
      <c r="J34" s="196">
        <v>0</v>
      </c>
      <c r="K34" s="193">
        <v>26</v>
      </c>
      <c r="L34" s="198">
        <v>26</v>
      </c>
      <c r="M34" s="196">
        <v>0</v>
      </c>
      <c r="N34" s="196">
        <v>0</v>
      </c>
      <c r="O34" s="193">
        <v>0</v>
      </c>
      <c r="P34" s="195">
        <v>0</v>
      </c>
      <c r="Q34" s="196">
        <v>0</v>
      </c>
      <c r="R34" s="196">
        <v>0</v>
      </c>
      <c r="S34" s="196">
        <v>0</v>
      </c>
      <c r="T34" s="196">
        <v>0</v>
      </c>
      <c r="U34" s="196">
        <v>0</v>
      </c>
      <c r="V34" s="193">
        <v>0</v>
      </c>
      <c r="W34" s="198">
        <v>0</v>
      </c>
    </row>
    <row r="35" spans="1:23" ht="21" customHeight="1" x14ac:dyDescent="0.2">
      <c r="A35" s="172" t="s">
        <v>33</v>
      </c>
      <c r="B35" s="196">
        <v>0</v>
      </c>
      <c r="C35" s="196">
        <v>0</v>
      </c>
      <c r="D35" s="193">
        <v>0</v>
      </c>
      <c r="E35" s="195">
        <v>0</v>
      </c>
      <c r="F35" s="196">
        <v>18</v>
      </c>
      <c r="G35" s="196">
        <v>0</v>
      </c>
      <c r="H35" s="196">
        <v>11</v>
      </c>
      <c r="I35" s="196">
        <v>0</v>
      </c>
      <c r="J35" s="196">
        <v>0</v>
      </c>
      <c r="K35" s="193">
        <v>29</v>
      </c>
      <c r="L35" s="198">
        <v>29</v>
      </c>
      <c r="M35" s="196">
        <v>0</v>
      </c>
      <c r="N35" s="196">
        <v>0</v>
      </c>
      <c r="O35" s="193">
        <v>0</v>
      </c>
      <c r="P35" s="195">
        <v>0</v>
      </c>
      <c r="Q35" s="196">
        <v>0</v>
      </c>
      <c r="R35" s="196">
        <v>0</v>
      </c>
      <c r="S35" s="196">
        <v>0</v>
      </c>
      <c r="T35" s="196">
        <v>0</v>
      </c>
      <c r="U35" s="196">
        <v>0</v>
      </c>
      <c r="V35" s="193">
        <v>0</v>
      </c>
      <c r="W35" s="198">
        <v>0</v>
      </c>
    </row>
    <row r="36" spans="1:23" ht="21" customHeight="1" x14ac:dyDescent="0.2">
      <c r="A36" s="172" t="s">
        <v>34</v>
      </c>
      <c r="B36" s="196">
        <v>0</v>
      </c>
      <c r="C36" s="196">
        <v>0</v>
      </c>
      <c r="D36" s="193">
        <v>0</v>
      </c>
      <c r="E36" s="195">
        <v>0</v>
      </c>
      <c r="F36" s="196">
        <v>0</v>
      </c>
      <c r="G36" s="196">
        <v>0</v>
      </c>
      <c r="H36" s="196">
        <v>0</v>
      </c>
      <c r="I36" s="196">
        <v>0</v>
      </c>
      <c r="J36" s="196">
        <v>0</v>
      </c>
      <c r="K36" s="193">
        <v>0</v>
      </c>
      <c r="L36" s="198">
        <v>0</v>
      </c>
      <c r="M36" s="196">
        <v>0</v>
      </c>
      <c r="N36" s="196">
        <v>0</v>
      </c>
      <c r="O36" s="193">
        <v>0</v>
      </c>
      <c r="P36" s="195">
        <v>0</v>
      </c>
      <c r="Q36" s="196">
        <v>0</v>
      </c>
      <c r="R36" s="196">
        <v>0</v>
      </c>
      <c r="S36" s="196">
        <v>0</v>
      </c>
      <c r="T36" s="196">
        <v>0</v>
      </c>
      <c r="U36" s="196">
        <v>0</v>
      </c>
      <c r="V36" s="193">
        <v>0</v>
      </c>
      <c r="W36" s="198">
        <v>0</v>
      </c>
    </row>
    <row r="37" spans="1:23" ht="21" customHeight="1" x14ac:dyDescent="0.2">
      <c r="A37" s="172" t="s">
        <v>35</v>
      </c>
      <c r="B37" s="196">
        <v>0</v>
      </c>
      <c r="C37" s="196">
        <v>0</v>
      </c>
      <c r="D37" s="193">
        <v>0</v>
      </c>
      <c r="E37" s="195">
        <v>0</v>
      </c>
      <c r="F37" s="196">
        <v>16</v>
      </c>
      <c r="G37" s="196">
        <v>0</v>
      </c>
      <c r="H37" s="196">
        <v>0</v>
      </c>
      <c r="I37" s="196">
        <v>0</v>
      </c>
      <c r="J37" s="196">
        <v>0</v>
      </c>
      <c r="K37" s="193">
        <v>16</v>
      </c>
      <c r="L37" s="198">
        <v>16</v>
      </c>
      <c r="M37" s="196">
        <v>0</v>
      </c>
      <c r="N37" s="196">
        <v>0</v>
      </c>
      <c r="O37" s="193">
        <v>0</v>
      </c>
      <c r="P37" s="195">
        <v>0</v>
      </c>
      <c r="Q37" s="196">
        <v>0</v>
      </c>
      <c r="R37" s="196">
        <v>0</v>
      </c>
      <c r="S37" s="196">
        <v>0</v>
      </c>
      <c r="T37" s="196">
        <v>0</v>
      </c>
      <c r="U37" s="196">
        <v>0</v>
      </c>
      <c r="V37" s="193">
        <v>0</v>
      </c>
      <c r="W37" s="198">
        <v>0</v>
      </c>
    </row>
    <row r="38" spans="1:23" ht="21" customHeight="1" x14ac:dyDescent="0.2">
      <c r="A38" s="172" t="s">
        <v>36</v>
      </c>
      <c r="B38" s="196">
        <v>0</v>
      </c>
      <c r="C38" s="196">
        <v>0</v>
      </c>
      <c r="D38" s="193">
        <v>0</v>
      </c>
      <c r="E38" s="195">
        <v>0</v>
      </c>
      <c r="F38" s="196">
        <v>4</v>
      </c>
      <c r="G38" s="196">
        <v>33</v>
      </c>
      <c r="H38" s="196">
        <v>0</v>
      </c>
      <c r="I38" s="196">
        <v>25</v>
      </c>
      <c r="J38" s="196">
        <v>0</v>
      </c>
      <c r="K38" s="193">
        <v>62</v>
      </c>
      <c r="L38" s="198">
        <v>62</v>
      </c>
      <c r="M38" s="196">
        <v>0</v>
      </c>
      <c r="N38" s="196">
        <v>0</v>
      </c>
      <c r="O38" s="193">
        <v>0</v>
      </c>
      <c r="P38" s="195">
        <v>0</v>
      </c>
      <c r="Q38" s="196">
        <v>0</v>
      </c>
      <c r="R38" s="196">
        <v>0</v>
      </c>
      <c r="S38" s="196">
        <v>0</v>
      </c>
      <c r="T38" s="196">
        <v>0</v>
      </c>
      <c r="U38" s="196">
        <v>0</v>
      </c>
      <c r="V38" s="193">
        <v>0</v>
      </c>
      <c r="W38" s="198">
        <v>0</v>
      </c>
    </row>
    <row r="39" spans="1:23" ht="21" customHeight="1" thickBot="1" x14ac:dyDescent="0.25">
      <c r="A39" s="173" t="s">
        <v>37</v>
      </c>
      <c r="B39" s="203">
        <v>0</v>
      </c>
      <c r="C39" s="203">
        <v>0</v>
      </c>
      <c r="D39" s="200">
        <v>0</v>
      </c>
      <c r="E39" s="202">
        <v>0</v>
      </c>
      <c r="F39" s="203">
        <v>0</v>
      </c>
      <c r="G39" s="203">
        <v>0</v>
      </c>
      <c r="H39" s="203">
        <v>0</v>
      </c>
      <c r="I39" s="203">
        <v>0</v>
      </c>
      <c r="J39" s="203">
        <v>4</v>
      </c>
      <c r="K39" s="200">
        <v>4</v>
      </c>
      <c r="L39" s="205">
        <v>4</v>
      </c>
      <c r="M39" s="203">
        <v>0</v>
      </c>
      <c r="N39" s="203">
        <v>0</v>
      </c>
      <c r="O39" s="200">
        <v>0</v>
      </c>
      <c r="P39" s="202">
        <v>0</v>
      </c>
      <c r="Q39" s="203">
        <v>0</v>
      </c>
      <c r="R39" s="203">
        <v>0</v>
      </c>
      <c r="S39" s="203">
        <v>0</v>
      </c>
      <c r="T39" s="203">
        <v>0</v>
      </c>
      <c r="U39" s="203">
        <v>0</v>
      </c>
      <c r="V39" s="200">
        <v>0</v>
      </c>
      <c r="W39" s="205">
        <v>0</v>
      </c>
    </row>
  </sheetData>
  <mergeCells count="11">
    <mergeCell ref="W4:W5"/>
    <mergeCell ref="G1:H1"/>
    <mergeCell ref="J1:K1"/>
    <mergeCell ref="A3:A5"/>
    <mergeCell ref="B3:L3"/>
    <mergeCell ref="M3:W3"/>
    <mergeCell ref="B4:D4"/>
    <mergeCell ref="E4:K4"/>
    <mergeCell ref="L4:L5"/>
    <mergeCell ref="M4:O4"/>
    <mergeCell ref="P4:V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B219"/>
  <sheetViews>
    <sheetView zoomScaleNormal="100" zoomScaleSheetLayoutView="55"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8" style="1" customWidth="1"/>
    <col min="3" max="3" width="8.109375" style="1" customWidth="1"/>
    <col min="4" max="4" width="10.109375" style="1" bestFit="1" customWidth="1"/>
    <col min="5" max="10" width="9" style="1"/>
    <col min="11" max="11" width="9.6640625" style="1" customWidth="1"/>
    <col min="12" max="14" width="8.109375" style="1" customWidth="1"/>
    <col min="15" max="20" width="9.21875" style="1" customWidth="1"/>
    <col min="21" max="21" width="7.77734375" style="1" customWidth="1"/>
    <col min="22" max="24" width="8.33203125" style="1" customWidth="1"/>
    <col min="25" max="29" width="8.44140625" style="1" customWidth="1"/>
    <col min="30" max="31" width="7.109375" style="1" customWidth="1"/>
    <col min="32" max="41" width="8.77734375" style="1" customWidth="1"/>
    <col min="42" max="51" width="8.44140625" style="1" customWidth="1"/>
    <col min="52" max="131" width="9.6640625" style="1" customWidth="1"/>
    <col min="132" max="16384" width="9" style="1"/>
  </cols>
  <sheetData>
    <row r="1" spans="1:132" ht="25.5" customHeight="1" x14ac:dyDescent="0.2">
      <c r="A1" s="19" t="s">
        <v>56</v>
      </c>
      <c r="D1" s="251">
        <f>第１表!F2</f>
        <v>4</v>
      </c>
      <c r="E1" s="166">
        <f>第１表!G2</f>
        <v>1</v>
      </c>
      <c r="F1" s="514">
        <f>IF(E1&lt;3,E1-2+12,E1-2)</f>
        <v>11</v>
      </c>
      <c r="G1" s="514"/>
    </row>
    <row r="2" spans="1:132" ht="17.25" customHeight="1" thickBot="1" x14ac:dyDescent="0.25"/>
    <row r="3" spans="1:132" ht="24.75" customHeight="1" thickBot="1" x14ac:dyDescent="0.25">
      <c r="A3" s="560"/>
      <c r="B3" s="550" t="s">
        <v>57</v>
      </c>
      <c r="C3" s="551"/>
      <c r="D3" s="551"/>
      <c r="E3" s="551"/>
      <c r="F3" s="551"/>
      <c r="G3" s="551"/>
      <c r="H3" s="551"/>
      <c r="I3" s="551"/>
      <c r="J3" s="551"/>
      <c r="K3" s="551"/>
      <c r="L3" s="551"/>
      <c r="M3" s="551"/>
      <c r="N3" s="551"/>
      <c r="O3" s="551"/>
      <c r="P3" s="551"/>
      <c r="Q3" s="551"/>
      <c r="R3" s="551"/>
      <c r="S3" s="551"/>
      <c r="T3" s="551"/>
      <c r="U3" s="551"/>
      <c r="V3" s="551"/>
      <c r="W3" s="551"/>
      <c r="X3" s="551"/>
      <c r="Y3" s="551"/>
      <c r="Z3" s="551"/>
      <c r="AA3" s="551"/>
      <c r="AB3" s="551"/>
      <c r="AC3" s="551"/>
      <c r="AD3" s="551"/>
      <c r="AE3" s="552"/>
      <c r="AF3" s="550" t="s">
        <v>58</v>
      </c>
      <c r="AG3" s="563"/>
      <c r="AH3" s="563"/>
      <c r="AI3" s="563"/>
      <c r="AJ3" s="563"/>
      <c r="AK3" s="563"/>
      <c r="AL3" s="563"/>
      <c r="AM3" s="563"/>
      <c r="AN3" s="563"/>
      <c r="AO3" s="563"/>
      <c r="AP3" s="563"/>
      <c r="AQ3" s="563"/>
      <c r="AR3" s="563"/>
      <c r="AS3" s="563"/>
      <c r="AT3" s="563"/>
      <c r="AU3" s="563"/>
      <c r="AV3" s="563"/>
      <c r="AW3" s="563"/>
      <c r="AX3" s="563"/>
      <c r="AY3" s="563"/>
      <c r="AZ3" s="563"/>
      <c r="BA3" s="563"/>
      <c r="BB3" s="563"/>
      <c r="BC3" s="563"/>
      <c r="BD3" s="563"/>
      <c r="BE3" s="563"/>
      <c r="BF3" s="563"/>
      <c r="BG3" s="563"/>
      <c r="BH3" s="563"/>
      <c r="BI3" s="564"/>
      <c r="BJ3" s="550" t="s">
        <v>59</v>
      </c>
      <c r="BK3" s="551"/>
      <c r="BL3" s="551"/>
      <c r="BM3" s="551"/>
      <c r="BN3" s="551"/>
      <c r="BO3" s="551"/>
      <c r="BP3" s="551"/>
      <c r="BQ3" s="551"/>
      <c r="BR3" s="551"/>
      <c r="BS3" s="551"/>
      <c r="BT3" s="551"/>
      <c r="BU3" s="551"/>
      <c r="BV3" s="551"/>
      <c r="BW3" s="551"/>
      <c r="BX3" s="551"/>
      <c r="BY3" s="551"/>
      <c r="BZ3" s="551"/>
      <c r="CA3" s="551"/>
      <c r="CB3" s="551"/>
      <c r="CC3" s="551"/>
      <c r="CD3" s="551"/>
      <c r="CE3" s="551"/>
      <c r="CF3" s="551"/>
      <c r="CG3" s="551"/>
      <c r="CH3" s="551"/>
      <c r="CI3" s="551"/>
      <c r="CJ3" s="551"/>
      <c r="CK3" s="551"/>
      <c r="CL3" s="551"/>
      <c r="CM3" s="552"/>
      <c r="CN3" s="559" t="s">
        <v>151</v>
      </c>
      <c r="CO3" s="551"/>
      <c r="CP3" s="551"/>
      <c r="CQ3" s="551"/>
      <c r="CR3" s="551"/>
      <c r="CS3" s="551"/>
      <c r="CT3" s="551"/>
      <c r="CU3" s="551"/>
      <c r="CV3" s="551"/>
      <c r="CW3" s="551"/>
      <c r="CX3" s="551"/>
      <c r="CY3" s="551"/>
      <c r="CZ3" s="551"/>
      <c r="DA3" s="551"/>
      <c r="DB3" s="551"/>
      <c r="DC3" s="551"/>
      <c r="DD3" s="551"/>
      <c r="DE3" s="551"/>
      <c r="DF3" s="551"/>
      <c r="DG3" s="551"/>
      <c r="DH3" s="551"/>
      <c r="DI3" s="551"/>
      <c r="DJ3" s="551"/>
      <c r="DK3" s="551"/>
      <c r="DL3" s="551"/>
      <c r="DM3" s="551"/>
      <c r="DN3" s="551"/>
      <c r="DO3" s="551"/>
      <c r="DP3" s="551"/>
      <c r="DQ3" s="552"/>
      <c r="DR3" s="553" t="s">
        <v>60</v>
      </c>
      <c r="DS3" s="462"/>
      <c r="DT3" s="462"/>
      <c r="DU3" s="462"/>
      <c r="DV3" s="462"/>
      <c r="DW3" s="462"/>
      <c r="DX3" s="462"/>
      <c r="DY3" s="462"/>
      <c r="DZ3" s="462"/>
      <c r="EA3" s="463"/>
    </row>
    <row r="4" spans="1:132" ht="24.75" customHeight="1" thickBot="1" x14ac:dyDescent="0.25">
      <c r="A4" s="561"/>
      <c r="B4" s="554"/>
      <c r="C4" s="545"/>
      <c r="D4" s="545"/>
      <c r="E4" s="545"/>
      <c r="F4" s="545"/>
      <c r="G4" s="545"/>
      <c r="H4" s="545"/>
      <c r="I4" s="545"/>
      <c r="J4" s="545"/>
      <c r="K4" s="545"/>
      <c r="L4" s="556" t="s">
        <v>39</v>
      </c>
      <c r="M4" s="557"/>
      <c r="N4" s="557"/>
      <c r="O4" s="557"/>
      <c r="P4" s="557"/>
      <c r="Q4" s="557"/>
      <c r="R4" s="557"/>
      <c r="S4" s="557"/>
      <c r="T4" s="557"/>
      <c r="U4" s="558"/>
      <c r="V4" s="556" t="s">
        <v>40</v>
      </c>
      <c r="W4" s="557"/>
      <c r="X4" s="557"/>
      <c r="Y4" s="557"/>
      <c r="Z4" s="557"/>
      <c r="AA4" s="557"/>
      <c r="AB4" s="557"/>
      <c r="AC4" s="557"/>
      <c r="AD4" s="557"/>
      <c r="AE4" s="558"/>
      <c r="AF4" s="554"/>
      <c r="AG4" s="545"/>
      <c r="AH4" s="545"/>
      <c r="AI4" s="545"/>
      <c r="AJ4" s="545"/>
      <c r="AK4" s="545"/>
      <c r="AL4" s="545"/>
      <c r="AM4" s="545"/>
      <c r="AN4" s="545"/>
      <c r="AO4" s="545"/>
      <c r="AP4" s="556" t="s">
        <v>39</v>
      </c>
      <c r="AQ4" s="557"/>
      <c r="AR4" s="557"/>
      <c r="AS4" s="557"/>
      <c r="AT4" s="557"/>
      <c r="AU4" s="557"/>
      <c r="AV4" s="557"/>
      <c r="AW4" s="557"/>
      <c r="AX4" s="557"/>
      <c r="AY4" s="558"/>
      <c r="AZ4" s="556" t="s">
        <v>40</v>
      </c>
      <c r="BA4" s="557"/>
      <c r="BB4" s="557"/>
      <c r="BC4" s="557"/>
      <c r="BD4" s="557"/>
      <c r="BE4" s="557"/>
      <c r="BF4" s="557"/>
      <c r="BG4" s="557"/>
      <c r="BH4" s="557"/>
      <c r="BI4" s="558"/>
      <c r="BJ4" s="554"/>
      <c r="BK4" s="545"/>
      <c r="BL4" s="545"/>
      <c r="BM4" s="545"/>
      <c r="BN4" s="545"/>
      <c r="BO4" s="545"/>
      <c r="BP4" s="545"/>
      <c r="BQ4" s="545"/>
      <c r="BR4" s="545"/>
      <c r="BS4" s="545"/>
      <c r="BT4" s="556" t="s">
        <v>39</v>
      </c>
      <c r="BU4" s="557"/>
      <c r="BV4" s="557"/>
      <c r="BW4" s="557"/>
      <c r="BX4" s="557"/>
      <c r="BY4" s="557"/>
      <c r="BZ4" s="557"/>
      <c r="CA4" s="557"/>
      <c r="CB4" s="557"/>
      <c r="CC4" s="558"/>
      <c r="CD4" s="556" t="s">
        <v>40</v>
      </c>
      <c r="CE4" s="557"/>
      <c r="CF4" s="557"/>
      <c r="CG4" s="557"/>
      <c r="CH4" s="557"/>
      <c r="CI4" s="557"/>
      <c r="CJ4" s="557"/>
      <c r="CK4" s="557"/>
      <c r="CL4" s="557"/>
      <c r="CM4" s="558"/>
      <c r="CN4" s="554"/>
      <c r="CO4" s="545"/>
      <c r="CP4" s="545"/>
      <c r="CQ4" s="545"/>
      <c r="CR4" s="545"/>
      <c r="CS4" s="545"/>
      <c r="CT4" s="545"/>
      <c r="CU4" s="545"/>
      <c r="CV4" s="545"/>
      <c r="CW4" s="545"/>
      <c r="CX4" s="556" t="s">
        <v>39</v>
      </c>
      <c r="CY4" s="557"/>
      <c r="CZ4" s="557"/>
      <c r="DA4" s="557"/>
      <c r="DB4" s="557"/>
      <c r="DC4" s="557"/>
      <c r="DD4" s="557"/>
      <c r="DE4" s="557"/>
      <c r="DF4" s="557"/>
      <c r="DG4" s="558"/>
      <c r="DH4" s="556" t="s">
        <v>40</v>
      </c>
      <c r="DI4" s="557"/>
      <c r="DJ4" s="557"/>
      <c r="DK4" s="557"/>
      <c r="DL4" s="557"/>
      <c r="DM4" s="557"/>
      <c r="DN4" s="557"/>
      <c r="DO4" s="557"/>
      <c r="DP4" s="557"/>
      <c r="DQ4" s="558"/>
      <c r="DR4" s="554"/>
      <c r="DS4" s="545"/>
      <c r="DT4" s="545"/>
      <c r="DU4" s="545"/>
      <c r="DV4" s="545"/>
      <c r="DW4" s="545"/>
      <c r="DX4" s="545"/>
      <c r="DY4" s="545"/>
      <c r="DZ4" s="545"/>
      <c r="EA4" s="555"/>
    </row>
    <row r="5" spans="1:132" ht="24.75" customHeight="1" x14ac:dyDescent="0.2">
      <c r="A5" s="562"/>
      <c r="B5" s="532" t="s">
        <v>61</v>
      </c>
      <c r="C5" s="533"/>
      <c r="D5" s="534"/>
      <c r="E5" s="535" t="s">
        <v>62</v>
      </c>
      <c r="F5" s="536"/>
      <c r="G5" s="536"/>
      <c r="H5" s="536"/>
      <c r="I5" s="536"/>
      <c r="J5" s="537"/>
      <c r="K5" s="547" t="s">
        <v>52</v>
      </c>
      <c r="L5" s="549" t="s">
        <v>61</v>
      </c>
      <c r="M5" s="542"/>
      <c r="N5" s="543"/>
      <c r="O5" s="544" t="s">
        <v>62</v>
      </c>
      <c r="P5" s="545"/>
      <c r="Q5" s="545"/>
      <c r="R5" s="545"/>
      <c r="S5" s="545"/>
      <c r="T5" s="546"/>
      <c r="U5" s="540" t="s">
        <v>52</v>
      </c>
      <c r="V5" s="541" t="s">
        <v>61</v>
      </c>
      <c r="W5" s="542"/>
      <c r="X5" s="543"/>
      <c r="Y5" s="544" t="s">
        <v>62</v>
      </c>
      <c r="Z5" s="545"/>
      <c r="AA5" s="545"/>
      <c r="AB5" s="545"/>
      <c r="AC5" s="545"/>
      <c r="AD5" s="546"/>
      <c r="AE5" s="540" t="s">
        <v>52</v>
      </c>
      <c r="AF5" s="532" t="s">
        <v>61</v>
      </c>
      <c r="AG5" s="533"/>
      <c r="AH5" s="534"/>
      <c r="AI5" s="535" t="s">
        <v>62</v>
      </c>
      <c r="AJ5" s="536"/>
      <c r="AK5" s="536"/>
      <c r="AL5" s="536"/>
      <c r="AM5" s="536"/>
      <c r="AN5" s="537"/>
      <c r="AO5" s="538" t="s">
        <v>52</v>
      </c>
      <c r="AP5" s="549" t="s">
        <v>61</v>
      </c>
      <c r="AQ5" s="542"/>
      <c r="AR5" s="543"/>
      <c r="AS5" s="544" t="s">
        <v>62</v>
      </c>
      <c r="AT5" s="545"/>
      <c r="AU5" s="545"/>
      <c r="AV5" s="545"/>
      <c r="AW5" s="545"/>
      <c r="AX5" s="546"/>
      <c r="AY5" s="565" t="s">
        <v>52</v>
      </c>
      <c r="AZ5" s="549" t="s">
        <v>61</v>
      </c>
      <c r="BA5" s="542"/>
      <c r="BB5" s="543"/>
      <c r="BC5" s="544" t="s">
        <v>62</v>
      </c>
      <c r="BD5" s="545"/>
      <c r="BE5" s="545"/>
      <c r="BF5" s="545"/>
      <c r="BG5" s="545"/>
      <c r="BH5" s="546"/>
      <c r="BI5" s="540" t="s">
        <v>52</v>
      </c>
      <c r="BJ5" s="532" t="s">
        <v>61</v>
      </c>
      <c r="BK5" s="533"/>
      <c r="BL5" s="534"/>
      <c r="BM5" s="535" t="s">
        <v>62</v>
      </c>
      <c r="BN5" s="536"/>
      <c r="BO5" s="536"/>
      <c r="BP5" s="536"/>
      <c r="BQ5" s="536"/>
      <c r="BR5" s="537"/>
      <c r="BS5" s="547" t="s">
        <v>52</v>
      </c>
      <c r="BT5" s="549" t="s">
        <v>61</v>
      </c>
      <c r="BU5" s="542"/>
      <c r="BV5" s="543"/>
      <c r="BW5" s="544" t="s">
        <v>62</v>
      </c>
      <c r="BX5" s="545"/>
      <c r="BY5" s="545"/>
      <c r="BZ5" s="545"/>
      <c r="CA5" s="545"/>
      <c r="CB5" s="546"/>
      <c r="CC5" s="540" t="s">
        <v>52</v>
      </c>
      <c r="CD5" s="541" t="s">
        <v>61</v>
      </c>
      <c r="CE5" s="542"/>
      <c r="CF5" s="543"/>
      <c r="CG5" s="544" t="s">
        <v>62</v>
      </c>
      <c r="CH5" s="545"/>
      <c r="CI5" s="545"/>
      <c r="CJ5" s="545"/>
      <c r="CK5" s="545"/>
      <c r="CL5" s="546"/>
      <c r="CM5" s="540" t="s">
        <v>52</v>
      </c>
      <c r="CN5" s="532" t="s">
        <v>61</v>
      </c>
      <c r="CO5" s="533"/>
      <c r="CP5" s="534"/>
      <c r="CQ5" s="535" t="s">
        <v>62</v>
      </c>
      <c r="CR5" s="536"/>
      <c r="CS5" s="536"/>
      <c r="CT5" s="536"/>
      <c r="CU5" s="536"/>
      <c r="CV5" s="537"/>
      <c r="CW5" s="547" t="s">
        <v>52</v>
      </c>
      <c r="CX5" s="549" t="s">
        <v>61</v>
      </c>
      <c r="CY5" s="542"/>
      <c r="CZ5" s="543"/>
      <c r="DA5" s="544" t="s">
        <v>62</v>
      </c>
      <c r="DB5" s="545"/>
      <c r="DC5" s="545"/>
      <c r="DD5" s="545"/>
      <c r="DE5" s="545"/>
      <c r="DF5" s="546"/>
      <c r="DG5" s="540" t="s">
        <v>52</v>
      </c>
      <c r="DH5" s="541" t="s">
        <v>61</v>
      </c>
      <c r="DI5" s="542"/>
      <c r="DJ5" s="543"/>
      <c r="DK5" s="544" t="s">
        <v>62</v>
      </c>
      <c r="DL5" s="545"/>
      <c r="DM5" s="545"/>
      <c r="DN5" s="545"/>
      <c r="DO5" s="545"/>
      <c r="DP5" s="546"/>
      <c r="DQ5" s="540" t="s">
        <v>52</v>
      </c>
      <c r="DR5" s="532" t="s">
        <v>61</v>
      </c>
      <c r="DS5" s="533"/>
      <c r="DT5" s="534"/>
      <c r="DU5" s="535" t="s">
        <v>62</v>
      </c>
      <c r="DV5" s="536"/>
      <c r="DW5" s="536"/>
      <c r="DX5" s="536"/>
      <c r="DY5" s="536"/>
      <c r="DZ5" s="537"/>
      <c r="EA5" s="538" t="s">
        <v>52</v>
      </c>
    </row>
    <row r="6" spans="1:132" ht="24.75" customHeight="1" thickBot="1" x14ac:dyDescent="0.25">
      <c r="A6" s="213" t="s">
        <v>42</v>
      </c>
      <c r="B6" s="59" t="s">
        <v>43</v>
      </c>
      <c r="C6" s="31" t="s">
        <v>44</v>
      </c>
      <c r="D6" s="31" t="s">
        <v>45</v>
      </c>
      <c r="E6" s="32" t="s">
        <v>47</v>
      </c>
      <c r="F6" s="33" t="s">
        <v>48</v>
      </c>
      <c r="G6" s="33" t="s">
        <v>49</v>
      </c>
      <c r="H6" s="34" t="s">
        <v>50</v>
      </c>
      <c r="I6" s="31" t="s">
        <v>51</v>
      </c>
      <c r="J6" s="35" t="s">
        <v>95</v>
      </c>
      <c r="K6" s="548"/>
      <c r="L6" s="30" t="s">
        <v>43</v>
      </c>
      <c r="M6" s="31" t="s">
        <v>44</v>
      </c>
      <c r="N6" s="35" t="s">
        <v>45</v>
      </c>
      <c r="O6" s="32" t="s">
        <v>47</v>
      </c>
      <c r="P6" s="33" t="s">
        <v>48</v>
      </c>
      <c r="Q6" s="33" t="s">
        <v>49</v>
      </c>
      <c r="R6" s="34" t="s">
        <v>50</v>
      </c>
      <c r="S6" s="31" t="s">
        <v>51</v>
      </c>
      <c r="T6" s="35" t="s">
        <v>45</v>
      </c>
      <c r="U6" s="539"/>
      <c r="V6" s="15" t="s">
        <v>43</v>
      </c>
      <c r="W6" s="31" t="s">
        <v>44</v>
      </c>
      <c r="X6" s="35" t="s">
        <v>45</v>
      </c>
      <c r="Y6" s="15" t="s">
        <v>47</v>
      </c>
      <c r="Z6" s="33" t="s">
        <v>48</v>
      </c>
      <c r="AA6" s="33" t="s">
        <v>49</v>
      </c>
      <c r="AB6" s="34" t="s">
        <v>50</v>
      </c>
      <c r="AC6" s="31" t="s">
        <v>51</v>
      </c>
      <c r="AD6" s="35" t="s">
        <v>45</v>
      </c>
      <c r="AE6" s="539"/>
      <c r="AF6" s="30" t="s">
        <v>43</v>
      </c>
      <c r="AG6" s="31" t="s">
        <v>44</v>
      </c>
      <c r="AH6" s="35" t="s">
        <v>45</v>
      </c>
      <c r="AI6" s="15" t="s">
        <v>47</v>
      </c>
      <c r="AJ6" s="33" t="s">
        <v>48</v>
      </c>
      <c r="AK6" s="33" t="s">
        <v>49</v>
      </c>
      <c r="AL6" s="34" t="s">
        <v>50</v>
      </c>
      <c r="AM6" s="31" t="s">
        <v>51</v>
      </c>
      <c r="AN6" s="35" t="s">
        <v>45</v>
      </c>
      <c r="AO6" s="539"/>
      <c r="AP6" s="30" t="s">
        <v>43</v>
      </c>
      <c r="AQ6" s="31" t="s">
        <v>44</v>
      </c>
      <c r="AR6" s="35" t="s">
        <v>45</v>
      </c>
      <c r="AS6" s="32" t="s">
        <v>47</v>
      </c>
      <c r="AT6" s="33" t="s">
        <v>48</v>
      </c>
      <c r="AU6" s="33" t="s">
        <v>49</v>
      </c>
      <c r="AV6" s="34" t="s">
        <v>50</v>
      </c>
      <c r="AW6" s="31" t="s">
        <v>51</v>
      </c>
      <c r="AX6" s="35" t="s">
        <v>45</v>
      </c>
      <c r="AY6" s="548"/>
      <c r="AZ6" s="30" t="s">
        <v>43</v>
      </c>
      <c r="BA6" s="31" t="s">
        <v>44</v>
      </c>
      <c r="BB6" s="31" t="s">
        <v>45</v>
      </c>
      <c r="BC6" s="32" t="s">
        <v>47</v>
      </c>
      <c r="BD6" s="33" t="s">
        <v>48</v>
      </c>
      <c r="BE6" s="33" t="s">
        <v>49</v>
      </c>
      <c r="BF6" s="34" t="s">
        <v>50</v>
      </c>
      <c r="BG6" s="31" t="s">
        <v>51</v>
      </c>
      <c r="BH6" s="35" t="s">
        <v>45</v>
      </c>
      <c r="BI6" s="539"/>
      <c r="BJ6" s="30" t="s">
        <v>43</v>
      </c>
      <c r="BK6" s="31" t="s">
        <v>44</v>
      </c>
      <c r="BL6" s="31" t="s">
        <v>45</v>
      </c>
      <c r="BM6" s="32" t="s">
        <v>47</v>
      </c>
      <c r="BN6" s="33" t="s">
        <v>48</v>
      </c>
      <c r="BO6" s="33" t="s">
        <v>49</v>
      </c>
      <c r="BP6" s="34" t="s">
        <v>50</v>
      </c>
      <c r="BQ6" s="31" t="s">
        <v>51</v>
      </c>
      <c r="BR6" s="35" t="s">
        <v>45</v>
      </c>
      <c r="BS6" s="548"/>
      <c r="BT6" s="30" t="s">
        <v>43</v>
      </c>
      <c r="BU6" s="31" t="s">
        <v>44</v>
      </c>
      <c r="BV6" s="31" t="s">
        <v>45</v>
      </c>
      <c r="BW6" s="32" t="s">
        <v>47</v>
      </c>
      <c r="BX6" s="33" t="s">
        <v>48</v>
      </c>
      <c r="BY6" s="33" t="s">
        <v>49</v>
      </c>
      <c r="BZ6" s="34" t="s">
        <v>50</v>
      </c>
      <c r="CA6" s="31" t="s">
        <v>51</v>
      </c>
      <c r="CB6" s="35" t="s">
        <v>45</v>
      </c>
      <c r="CC6" s="539"/>
      <c r="CD6" s="15" t="s">
        <v>43</v>
      </c>
      <c r="CE6" s="31" t="s">
        <v>44</v>
      </c>
      <c r="CF6" s="31" t="s">
        <v>45</v>
      </c>
      <c r="CG6" s="32" t="s">
        <v>47</v>
      </c>
      <c r="CH6" s="33" t="s">
        <v>48</v>
      </c>
      <c r="CI6" s="33" t="s">
        <v>49</v>
      </c>
      <c r="CJ6" s="34" t="s">
        <v>50</v>
      </c>
      <c r="CK6" s="31" t="s">
        <v>51</v>
      </c>
      <c r="CL6" s="35" t="s">
        <v>45</v>
      </c>
      <c r="CM6" s="539"/>
      <c r="CN6" s="30" t="s">
        <v>43</v>
      </c>
      <c r="CO6" s="31" t="s">
        <v>44</v>
      </c>
      <c r="CP6" s="31" t="s">
        <v>45</v>
      </c>
      <c r="CQ6" s="32" t="s">
        <v>47</v>
      </c>
      <c r="CR6" s="33" t="s">
        <v>48</v>
      </c>
      <c r="CS6" s="33" t="s">
        <v>49</v>
      </c>
      <c r="CT6" s="34" t="s">
        <v>50</v>
      </c>
      <c r="CU6" s="31" t="s">
        <v>51</v>
      </c>
      <c r="CV6" s="35" t="s">
        <v>45</v>
      </c>
      <c r="CW6" s="548"/>
      <c r="CX6" s="30" t="s">
        <v>43</v>
      </c>
      <c r="CY6" s="31" t="s">
        <v>44</v>
      </c>
      <c r="CZ6" s="31" t="s">
        <v>45</v>
      </c>
      <c r="DA6" s="32" t="s">
        <v>47</v>
      </c>
      <c r="DB6" s="33" t="s">
        <v>48</v>
      </c>
      <c r="DC6" s="33" t="s">
        <v>49</v>
      </c>
      <c r="DD6" s="34" t="s">
        <v>50</v>
      </c>
      <c r="DE6" s="31" t="s">
        <v>51</v>
      </c>
      <c r="DF6" s="35" t="s">
        <v>45</v>
      </c>
      <c r="DG6" s="539"/>
      <c r="DH6" s="15" t="s">
        <v>43</v>
      </c>
      <c r="DI6" s="31" t="s">
        <v>44</v>
      </c>
      <c r="DJ6" s="31" t="s">
        <v>45</v>
      </c>
      <c r="DK6" s="32" t="s">
        <v>47</v>
      </c>
      <c r="DL6" s="33" t="s">
        <v>48</v>
      </c>
      <c r="DM6" s="33" t="s">
        <v>49</v>
      </c>
      <c r="DN6" s="34" t="s">
        <v>50</v>
      </c>
      <c r="DO6" s="31" t="s">
        <v>51</v>
      </c>
      <c r="DP6" s="35" t="s">
        <v>45</v>
      </c>
      <c r="DQ6" s="539"/>
      <c r="DR6" s="30" t="s">
        <v>43</v>
      </c>
      <c r="DS6" s="31" t="s">
        <v>44</v>
      </c>
      <c r="DT6" s="31" t="s">
        <v>45</v>
      </c>
      <c r="DU6" s="32" t="s">
        <v>47</v>
      </c>
      <c r="DV6" s="33" t="s">
        <v>48</v>
      </c>
      <c r="DW6" s="33" t="s">
        <v>49</v>
      </c>
      <c r="DX6" s="34" t="s">
        <v>50</v>
      </c>
      <c r="DY6" s="31" t="s">
        <v>51</v>
      </c>
      <c r="DZ6" s="35" t="s">
        <v>45</v>
      </c>
      <c r="EA6" s="539"/>
    </row>
    <row r="7" spans="1:132" ht="20.25" customHeight="1" x14ac:dyDescent="0.2">
      <c r="A7" s="212" t="s">
        <v>4</v>
      </c>
      <c r="B7" s="113">
        <v>0</v>
      </c>
      <c r="C7" s="114">
        <v>0</v>
      </c>
      <c r="D7" s="114">
        <v>0</v>
      </c>
      <c r="E7" s="115">
        <v>441</v>
      </c>
      <c r="F7" s="116">
        <v>1545</v>
      </c>
      <c r="G7" s="116">
        <v>9795</v>
      </c>
      <c r="H7" s="116">
        <v>14248</v>
      </c>
      <c r="I7" s="114">
        <v>10223</v>
      </c>
      <c r="J7" s="117">
        <v>36252</v>
      </c>
      <c r="K7" s="118">
        <v>36252</v>
      </c>
      <c r="L7" s="113">
        <v>0</v>
      </c>
      <c r="M7" s="114">
        <v>0</v>
      </c>
      <c r="N7" s="117">
        <v>0</v>
      </c>
      <c r="O7" s="115">
        <v>438</v>
      </c>
      <c r="P7" s="116">
        <v>1538</v>
      </c>
      <c r="Q7" s="116">
        <v>9716</v>
      </c>
      <c r="R7" s="116">
        <v>14124</v>
      </c>
      <c r="S7" s="114">
        <v>10068</v>
      </c>
      <c r="T7" s="117">
        <v>35884</v>
      </c>
      <c r="U7" s="119">
        <v>35884</v>
      </c>
      <c r="V7" s="120">
        <v>0</v>
      </c>
      <c r="W7" s="114">
        <v>0</v>
      </c>
      <c r="X7" s="117">
        <v>0</v>
      </c>
      <c r="Y7" s="120">
        <v>3</v>
      </c>
      <c r="Z7" s="116">
        <v>7</v>
      </c>
      <c r="AA7" s="116">
        <v>79</v>
      </c>
      <c r="AB7" s="116">
        <v>124</v>
      </c>
      <c r="AC7" s="114">
        <v>155</v>
      </c>
      <c r="AD7" s="117">
        <v>368</v>
      </c>
      <c r="AE7" s="121">
        <v>368</v>
      </c>
      <c r="AF7" s="120">
        <v>0</v>
      </c>
      <c r="AG7" s="114">
        <v>0</v>
      </c>
      <c r="AH7" s="117">
        <v>0</v>
      </c>
      <c r="AI7" s="120">
        <v>1797</v>
      </c>
      <c r="AJ7" s="116">
        <v>3535</v>
      </c>
      <c r="AK7" s="116">
        <v>4616</v>
      </c>
      <c r="AL7" s="116">
        <v>5338</v>
      </c>
      <c r="AM7" s="114">
        <v>2871</v>
      </c>
      <c r="AN7" s="117">
        <v>18157</v>
      </c>
      <c r="AO7" s="121">
        <v>18157</v>
      </c>
      <c r="AP7" s="120">
        <v>0</v>
      </c>
      <c r="AQ7" s="114">
        <v>0</v>
      </c>
      <c r="AR7" s="117">
        <v>0</v>
      </c>
      <c r="AS7" s="115">
        <v>1780</v>
      </c>
      <c r="AT7" s="116">
        <v>3498</v>
      </c>
      <c r="AU7" s="116">
        <v>4534</v>
      </c>
      <c r="AV7" s="116">
        <v>5233</v>
      </c>
      <c r="AW7" s="114">
        <v>2798</v>
      </c>
      <c r="AX7" s="117">
        <v>17843</v>
      </c>
      <c r="AY7" s="118">
        <v>17843</v>
      </c>
      <c r="AZ7" s="113">
        <v>0</v>
      </c>
      <c r="BA7" s="114">
        <v>0</v>
      </c>
      <c r="BB7" s="114">
        <v>0</v>
      </c>
      <c r="BC7" s="115">
        <v>17</v>
      </c>
      <c r="BD7" s="116">
        <v>37</v>
      </c>
      <c r="BE7" s="116">
        <v>82</v>
      </c>
      <c r="BF7" s="116">
        <v>105</v>
      </c>
      <c r="BG7" s="114">
        <v>73</v>
      </c>
      <c r="BH7" s="117">
        <v>314</v>
      </c>
      <c r="BI7" s="119">
        <v>314</v>
      </c>
      <c r="BJ7" s="120">
        <v>0</v>
      </c>
      <c r="BK7" s="114">
        <v>0</v>
      </c>
      <c r="BL7" s="114">
        <v>0</v>
      </c>
      <c r="BM7" s="115">
        <v>1</v>
      </c>
      <c r="BN7" s="116">
        <v>2</v>
      </c>
      <c r="BO7" s="116">
        <v>21</v>
      </c>
      <c r="BP7" s="116">
        <v>186</v>
      </c>
      <c r="BQ7" s="114">
        <v>273</v>
      </c>
      <c r="BR7" s="117">
        <v>483</v>
      </c>
      <c r="BS7" s="118">
        <v>483</v>
      </c>
      <c r="BT7" s="113">
        <v>0</v>
      </c>
      <c r="BU7" s="114">
        <v>0</v>
      </c>
      <c r="BV7" s="114">
        <v>0</v>
      </c>
      <c r="BW7" s="115">
        <v>1</v>
      </c>
      <c r="BX7" s="116">
        <v>2</v>
      </c>
      <c r="BY7" s="116">
        <v>21</v>
      </c>
      <c r="BZ7" s="116">
        <v>184</v>
      </c>
      <c r="CA7" s="114">
        <v>269</v>
      </c>
      <c r="CB7" s="117">
        <v>477</v>
      </c>
      <c r="CC7" s="119">
        <v>477</v>
      </c>
      <c r="CD7" s="120">
        <v>0</v>
      </c>
      <c r="CE7" s="114">
        <v>0</v>
      </c>
      <c r="CF7" s="114">
        <v>0</v>
      </c>
      <c r="CG7" s="115">
        <v>0</v>
      </c>
      <c r="CH7" s="116">
        <v>0</v>
      </c>
      <c r="CI7" s="116">
        <v>0</v>
      </c>
      <c r="CJ7" s="116">
        <v>2</v>
      </c>
      <c r="CK7" s="114">
        <v>4</v>
      </c>
      <c r="CL7" s="117">
        <v>6</v>
      </c>
      <c r="CM7" s="119">
        <v>6</v>
      </c>
      <c r="CN7" s="120">
        <v>0</v>
      </c>
      <c r="CO7" s="114">
        <v>0</v>
      </c>
      <c r="CP7" s="114">
        <v>0</v>
      </c>
      <c r="CQ7" s="115">
        <v>14</v>
      </c>
      <c r="CR7" s="116">
        <v>23</v>
      </c>
      <c r="CS7" s="116">
        <v>64</v>
      </c>
      <c r="CT7" s="116">
        <v>288</v>
      </c>
      <c r="CU7" s="114">
        <v>366</v>
      </c>
      <c r="CV7" s="117">
        <v>755</v>
      </c>
      <c r="CW7" s="118">
        <v>755</v>
      </c>
      <c r="CX7" s="113">
        <v>0</v>
      </c>
      <c r="CY7" s="114">
        <v>0</v>
      </c>
      <c r="CZ7" s="114">
        <v>0</v>
      </c>
      <c r="DA7" s="115">
        <v>13</v>
      </c>
      <c r="DB7" s="116">
        <v>22</v>
      </c>
      <c r="DC7" s="116">
        <v>64</v>
      </c>
      <c r="DD7" s="116">
        <v>284</v>
      </c>
      <c r="DE7" s="114">
        <v>354</v>
      </c>
      <c r="DF7" s="117">
        <v>737</v>
      </c>
      <c r="DG7" s="119">
        <v>737</v>
      </c>
      <c r="DH7" s="120">
        <v>0</v>
      </c>
      <c r="DI7" s="114">
        <v>0</v>
      </c>
      <c r="DJ7" s="114">
        <v>0</v>
      </c>
      <c r="DK7" s="115">
        <v>1</v>
      </c>
      <c r="DL7" s="116">
        <v>1</v>
      </c>
      <c r="DM7" s="116">
        <v>0</v>
      </c>
      <c r="DN7" s="116">
        <v>4</v>
      </c>
      <c r="DO7" s="114">
        <v>12</v>
      </c>
      <c r="DP7" s="117">
        <v>18</v>
      </c>
      <c r="DQ7" s="119">
        <v>18</v>
      </c>
      <c r="DR7" s="120">
        <v>0</v>
      </c>
      <c r="DS7" s="114">
        <v>0</v>
      </c>
      <c r="DT7" s="114">
        <v>0</v>
      </c>
      <c r="DU7" s="115">
        <v>2252</v>
      </c>
      <c r="DV7" s="116">
        <v>5105</v>
      </c>
      <c r="DW7" s="116">
        <v>14479</v>
      </c>
      <c r="DX7" s="116">
        <v>20020</v>
      </c>
      <c r="DY7" s="114">
        <v>13719</v>
      </c>
      <c r="DZ7" s="117">
        <v>55575</v>
      </c>
      <c r="EA7" s="119">
        <v>55575</v>
      </c>
      <c r="EB7" s="36"/>
    </row>
    <row r="8" spans="1:132" ht="20.25" customHeight="1" x14ac:dyDescent="0.2">
      <c r="A8" s="61" t="s">
        <v>5</v>
      </c>
      <c r="B8" s="122">
        <v>0</v>
      </c>
      <c r="C8" s="123">
        <v>0</v>
      </c>
      <c r="D8" s="123">
        <v>0</v>
      </c>
      <c r="E8" s="124">
        <v>223</v>
      </c>
      <c r="F8" s="125">
        <v>922</v>
      </c>
      <c r="G8" s="125">
        <v>4184</v>
      </c>
      <c r="H8" s="125">
        <v>5961</v>
      </c>
      <c r="I8" s="123">
        <v>4466</v>
      </c>
      <c r="J8" s="126">
        <v>15756</v>
      </c>
      <c r="K8" s="127">
        <v>15756</v>
      </c>
      <c r="L8" s="122">
        <v>0</v>
      </c>
      <c r="M8" s="123">
        <v>0</v>
      </c>
      <c r="N8" s="126">
        <v>0</v>
      </c>
      <c r="O8" s="124">
        <v>220</v>
      </c>
      <c r="P8" s="125">
        <v>917</v>
      </c>
      <c r="Q8" s="125">
        <v>4146</v>
      </c>
      <c r="R8" s="125">
        <v>5898</v>
      </c>
      <c r="S8" s="123">
        <v>4385</v>
      </c>
      <c r="T8" s="126">
        <v>15566</v>
      </c>
      <c r="U8" s="128">
        <v>15566</v>
      </c>
      <c r="V8" s="129">
        <v>0</v>
      </c>
      <c r="W8" s="123">
        <v>0</v>
      </c>
      <c r="X8" s="126">
        <v>0</v>
      </c>
      <c r="Y8" s="129">
        <v>3</v>
      </c>
      <c r="Z8" s="125">
        <v>5</v>
      </c>
      <c r="AA8" s="125">
        <v>38</v>
      </c>
      <c r="AB8" s="125">
        <v>63</v>
      </c>
      <c r="AC8" s="123">
        <v>81</v>
      </c>
      <c r="AD8" s="126">
        <v>190</v>
      </c>
      <c r="AE8" s="130">
        <v>190</v>
      </c>
      <c r="AF8" s="129">
        <v>0</v>
      </c>
      <c r="AG8" s="123">
        <v>0</v>
      </c>
      <c r="AH8" s="126">
        <v>0</v>
      </c>
      <c r="AI8" s="129">
        <v>644</v>
      </c>
      <c r="AJ8" s="125">
        <v>1581</v>
      </c>
      <c r="AK8" s="125">
        <v>1999</v>
      </c>
      <c r="AL8" s="125">
        <v>2341</v>
      </c>
      <c r="AM8" s="123">
        <v>1365</v>
      </c>
      <c r="AN8" s="126">
        <v>7930</v>
      </c>
      <c r="AO8" s="130">
        <v>7930</v>
      </c>
      <c r="AP8" s="129">
        <v>0</v>
      </c>
      <c r="AQ8" s="123">
        <v>0</v>
      </c>
      <c r="AR8" s="126">
        <v>0</v>
      </c>
      <c r="AS8" s="124">
        <v>640</v>
      </c>
      <c r="AT8" s="125">
        <v>1564</v>
      </c>
      <c r="AU8" s="125">
        <v>1966</v>
      </c>
      <c r="AV8" s="125">
        <v>2305</v>
      </c>
      <c r="AW8" s="123">
        <v>1335</v>
      </c>
      <c r="AX8" s="126">
        <v>7810</v>
      </c>
      <c r="AY8" s="127">
        <v>7810</v>
      </c>
      <c r="AZ8" s="122">
        <v>0</v>
      </c>
      <c r="BA8" s="123">
        <v>0</v>
      </c>
      <c r="BB8" s="123">
        <v>0</v>
      </c>
      <c r="BC8" s="124">
        <v>4</v>
      </c>
      <c r="BD8" s="125">
        <v>17</v>
      </c>
      <c r="BE8" s="125">
        <v>33</v>
      </c>
      <c r="BF8" s="125">
        <v>36</v>
      </c>
      <c r="BG8" s="123">
        <v>30</v>
      </c>
      <c r="BH8" s="126">
        <v>120</v>
      </c>
      <c r="BI8" s="128">
        <v>120</v>
      </c>
      <c r="BJ8" s="129">
        <v>0</v>
      </c>
      <c r="BK8" s="123">
        <v>0</v>
      </c>
      <c r="BL8" s="123">
        <v>0</v>
      </c>
      <c r="BM8" s="124">
        <v>0</v>
      </c>
      <c r="BN8" s="125">
        <v>2</v>
      </c>
      <c r="BO8" s="125">
        <v>6</v>
      </c>
      <c r="BP8" s="125">
        <v>62</v>
      </c>
      <c r="BQ8" s="123">
        <v>97</v>
      </c>
      <c r="BR8" s="126">
        <v>167</v>
      </c>
      <c r="BS8" s="127">
        <v>167</v>
      </c>
      <c r="BT8" s="122">
        <v>0</v>
      </c>
      <c r="BU8" s="123">
        <v>0</v>
      </c>
      <c r="BV8" s="123">
        <v>0</v>
      </c>
      <c r="BW8" s="124">
        <v>0</v>
      </c>
      <c r="BX8" s="125">
        <v>2</v>
      </c>
      <c r="BY8" s="125">
        <v>6</v>
      </c>
      <c r="BZ8" s="125">
        <v>61</v>
      </c>
      <c r="CA8" s="123">
        <v>95</v>
      </c>
      <c r="CB8" s="126">
        <v>164</v>
      </c>
      <c r="CC8" s="128">
        <v>164</v>
      </c>
      <c r="CD8" s="129">
        <v>0</v>
      </c>
      <c r="CE8" s="123">
        <v>0</v>
      </c>
      <c r="CF8" s="123">
        <v>0</v>
      </c>
      <c r="CG8" s="124">
        <v>0</v>
      </c>
      <c r="CH8" s="125">
        <v>0</v>
      </c>
      <c r="CI8" s="125">
        <v>0</v>
      </c>
      <c r="CJ8" s="125">
        <v>1</v>
      </c>
      <c r="CK8" s="123">
        <v>2</v>
      </c>
      <c r="CL8" s="126">
        <v>3</v>
      </c>
      <c r="CM8" s="128">
        <v>3</v>
      </c>
      <c r="CN8" s="129">
        <v>0</v>
      </c>
      <c r="CO8" s="123">
        <v>0</v>
      </c>
      <c r="CP8" s="123">
        <v>0</v>
      </c>
      <c r="CQ8" s="124">
        <v>2</v>
      </c>
      <c r="CR8" s="125">
        <v>6</v>
      </c>
      <c r="CS8" s="125">
        <v>14</v>
      </c>
      <c r="CT8" s="125">
        <v>87</v>
      </c>
      <c r="CU8" s="123">
        <v>89</v>
      </c>
      <c r="CV8" s="126">
        <v>198</v>
      </c>
      <c r="CW8" s="127">
        <v>198</v>
      </c>
      <c r="CX8" s="122">
        <v>0</v>
      </c>
      <c r="CY8" s="123">
        <v>0</v>
      </c>
      <c r="CZ8" s="123">
        <v>0</v>
      </c>
      <c r="DA8" s="124">
        <v>2</v>
      </c>
      <c r="DB8" s="125">
        <v>6</v>
      </c>
      <c r="DC8" s="125">
        <v>14</v>
      </c>
      <c r="DD8" s="125">
        <v>85</v>
      </c>
      <c r="DE8" s="123">
        <v>87</v>
      </c>
      <c r="DF8" s="126">
        <v>194</v>
      </c>
      <c r="DG8" s="128">
        <v>194</v>
      </c>
      <c r="DH8" s="129">
        <v>0</v>
      </c>
      <c r="DI8" s="123">
        <v>0</v>
      </c>
      <c r="DJ8" s="123">
        <v>0</v>
      </c>
      <c r="DK8" s="124">
        <v>0</v>
      </c>
      <c r="DL8" s="125">
        <v>0</v>
      </c>
      <c r="DM8" s="125">
        <v>0</v>
      </c>
      <c r="DN8" s="125">
        <v>2</v>
      </c>
      <c r="DO8" s="123">
        <v>2</v>
      </c>
      <c r="DP8" s="126">
        <v>4</v>
      </c>
      <c r="DQ8" s="128">
        <v>4</v>
      </c>
      <c r="DR8" s="129">
        <v>0</v>
      </c>
      <c r="DS8" s="123">
        <v>0</v>
      </c>
      <c r="DT8" s="123">
        <v>0</v>
      </c>
      <c r="DU8" s="124">
        <v>869</v>
      </c>
      <c r="DV8" s="125">
        <v>2511</v>
      </c>
      <c r="DW8" s="125">
        <v>6203</v>
      </c>
      <c r="DX8" s="125">
        <v>8451</v>
      </c>
      <c r="DY8" s="123">
        <v>6017</v>
      </c>
      <c r="DZ8" s="126">
        <v>24051</v>
      </c>
      <c r="EA8" s="128">
        <v>24051</v>
      </c>
      <c r="EB8" s="36"/>
    </row>
    <row r="9" spans="1:132" ht="20.25" customHeight="1" x14ac:dyDescent="0.2">
      <c r="A9" s="61" t="s">
        <v>6</v>
      </c>
      <c r="B9" s="122">
        <v>0</v>
      </c>
      <c r="C9" s="123">
        <v>0</v>
      </c>
      <c r="D9" s="123">
        <v>0</v>
      </c>
      <c r="E9" s="124">
        <v>79</v>
      </c>
      <c r="F9" s="125">
        <v>191</v>
      </c>
      <c r="G9" s="125">
        <v>1246</v>
      </c>
      <c r="H9" s="125">
        <v>1676</v>
      </c>
      <c r="I9" s="123">
        <v>1292</v>
      </c>
      <c r="J9" s="126">
        <v>4484</v>
      </c>
      <c r="K9" s="127">
        <v>4484</v>
      </c>
      <c r="L9" s="122">
        <v>0</v>
      </c>
      <c r="M9" s="123">
        <v>0</v>
      </c>
      <c r="N9" s="126">
        <v>0</v>
      </c>
      <c r="O9" s="124">
        <v>79</v>
      </c>
      <c r="P9" s="125">
        <v>191</v>
      </c>
      <c r="Q9" s="125">
        <v>1232</v>
      </c>
      <c r="R9" s="125">
        <v>1661</v>
      </c>
      <c r="S9" s="123">
        <v>1280</v>
      </c>
      <c r="T9" s="126">
        <v>4443</v>
      </c>
      <c r="U9" s="128">
        <v>4443</v>
      </c>
      <c r="V9" s="129">
        <v>0</v>
      </c>
      <c r="W9" s="123">
        <v>0</v>
      </c>
      <c r="X9" s="126">
        <v>0</v>
      </c>
      <c r="Y9" s="129">
        <v>0</v>
      </c>
      <c r="Z9" s="125">
        <v>0</v>
      </c>
      <c r="AA9" s="125">
        <v>14</v>
      </c>
      <c r="AB9" s="125">
        <v>15</v>
      </c>
      <c r="AC9" s="123">
        <v>12</v>
      </c>
      <c r="AD9" s="126">
        <v>41</v>
      </c>
      <c r="AE9" s="130">
        <v>41</v>
      </c>
      <c r="AF9" s="129">
        <v>0</v>
      </c>
      <c r="AG9" s="123">
        <v>0</v>
      </c>
      <c r="AH9" s="126">
        <v>0</v>
      </c>
      <c r="AI9" s="129">
        <v>222</v>
      </c>
      <c r="AJ9" s="125">
        <v>335</v>
      </c>
      <c r="AK9" s="125">
        <v>491</v>
      </c>
      <c r="AL9" s="125">
        <v>671</v>
      </c>
      <c r="AM9" s="123">
        <v>325</v>
      </c>
      <c r="AN9" s="126">
        <v>2044</v>
      </c>
      <c r="AO9" s="130">
        <v>2044</v>
      </c>
      <c r="AP9" s="129">
        <v>0</v>
      </c>
      <c r="AQ9" s="123">
        <v>0</v>
      </c>
      <c r="AR9" s="126">
        <v>0</v>
      </c>
      <c r="AS9" s="124">
        <v>217</v>
      </c>
      <c r="AT9" s="125">
        <v>333</v>
      </c>
      <c r="AU9" s="125">
        <v>485</v>
      </c>
      <c r="AV9" s="125">
        <v>649</v>
      </c>
      <c r="AW9" s="123">
        <v>309</v>
      </c>
      <c r="AX9" s="126">
        <v>1993</v>
      </c>
      <c r="AY9" s="127">
        <v>1993</v>
      </c>
      <c r="AZ9" s="122">
        <v>0</v>
      </c>
      <c r="BA9" s="123">
        <v>0</v>
      </c>
      <c r="BB9" s="123">
        <v>0</v>
      </c>
      <c r="BC9" s="124">
        <v>5</v>
      </c>
      <c r="BD9" s="125">
        <v>2</v>
      </c>
      <c r="BE9" s="125">
        <v>6</v>
      </c>
      <c r="BF9" s="125">
        <v>22</v>
      </c>
      <c r="BG9" s="123">
        <v>16</v>
      </c>
      <c r="BH9" s="126">
        <v>51</v>
      </c>
      <c r="BI9" s="128">
        <v>51</v>
      </c>
      <c r="BJ9" s="129">
        <v>0</v>
      </c>
      <c r="BK9" s="123">
        <v>0</v>
      </c>
      <c r="BL9" s="123">
        <v>0</v>
      </c>
      <c r="BM9" s="124">
        <v>1</v>
      </c>
      <c r="BN9" s="125">
        <v>0</v>
      </c>
      <c r="BO9" s="125">
        <v>10</v>
      </c>
      <c r="BP9" s="125">
        <v>68</v>
      </c>
      <c r="BQ9" s="123">
        <v>92</v>
      </c>
      <c r="BR9" s="126">
        <v>171</v>
      </c>
      <c r="BS9" s="127">
        <v>171</v>
      </c>
      <c r="BT9" s="122">
        <v>0</v>
      </c>
      <c r="BU9" s="123">
        <v>0</v>
      </c>
      <c r="BV9" s="123">
        <v>0</v>
      </c>
      <c r="BW9" s="124">
        <v>1</v>
      </c>
      <c r="BX9" s="125">
        <v>0</v>
      </c>
      <c r="BY9" s="125">
        <v>10</v>
      </c>
      <c r="BZ9" s="125">
        <v>67</v>
      </c>
      <c r="CA9" s="123">
        <v>90</v>
      </c>
      <c r="CB9" s="126">
        <v>168</v>
      </c>
      <c r="CC9" s="128">
        <v>168</v>
      </c>
      <c r="CD9" s="129">
        <v>0</v>
      </c>
      <c r="CE9" s="123">
        <v>0</v>
      </c>
      <c r="CF9" s="123">
        <v>0</v>
      </c>
      <c r="CG9" s="124">
        <v>0</v>
      </c>
      <c r="CH9" s="125">
        <v>0</v>
      </c>
      <c r="CI9" s="125">
        <v>0</v>
      </c>
      <c r="CJ9" s="125">
        <v>1</v>
      </c>
      <c r="CK9" s="123">
        <v>2</v>
      </c>
      <c r="CL9" s="126">
        <v>3</v>
      </c>
      <c r="CM9" s="128">
        <v>3</v>
      </c>
      <c r="CN9" s="129">
        <v>0</v>
      </c>
      <c r="CO9" s="123">
        <v>0</v>
      </c>
      <c r="CP9" s="123">
        <v>0</v>
      </c>
      <c r="CQ9" s="124">
        <v>0</v>
      </c>
      <c r="CR9" s="125">
        <v>1</v>
      </c>
      <c r="CS9" s="125">
        <v>4</v>
      </c>
      <c r="CT9" s="125">
        <v>36</v>
      </c>
      <c r="CU9" s="123">
        <v>56</v>
      </c>
      <c r="CV9" s="126">
        <v>97</v>
      </c>
      <c r="CW9" s="127">
        <v>97</v>
      </c>
      <c r="CX9" s="122">
        <v>0</v>
      </c>
      <c r="CY9" s="123">
        <v>0</v>
      </c>
      <c r="CZ9" s="123">
        <v>0</v>
      </c>
      <c r="DA9" s="124">
        <v>0</v>
      </c>
      <c r="DB9" s="125">
        <v>1</v>
      </c>
      <c r="DC9" s="125">
        <v>4</v>
      </c>
      <c r="DD9" s="125">
        <v>35</v>
      </c>
      <c r="DE9" s="123">
        <v>56</v>
      </c>
      <c r="DF9" s="126">
        <v>96</v>
      </c>
      <c r="DG9" s="128">
        <v>96</v>
      </c>
      <c r="DH9" s="129">
        <v>0</v>
      </c>
      <c r="DI9" s="123">
        <v>0</v>
      </c>
      <c r="DJ9" s="123">
        <v>0</v>
      </c>
      <c r="DK9" s="124">
        <v>0</v>
      </c>
      <c r="DL9" s="125">
        <v>0</v>
      </c>
      <c r="DM9" s="125">
        <v>0</v>
      </c>
      <c r="DN9" s="125">
        <v>1</v>
      </c>
      <c r="DO9" s="123">
        <v>0</v>
      </c>
      <c r="DP9" s="126">
        <v>1</v>
      </c>
      <c r="DQ9" s="128">
        <v>1</v>
      </c>
      <c r="DR9" s="129">
        <v>0</v>
      </c>
      <c r="DS9" s="123">
        <v>0</v>
      </c>
      <c r="DT9" s="123">
        <v>0</v>
      </c>
      <c r="DU9" s="124">
        <v>302</v>
      </c>
      <c r="DV9" s="125">
        <v>527</v>
      </c>
      <c r="DW9" s="125">
        <v>1751</v>
      </c>
      <c r="DX9" s="125">
        <v>2451</v>
      </c>
      <c r="DY9" s="123">
        <v>1765</v>
      </c>
      <c r="DZ9" s="126">
        <v>6796</v>
      </c>
      <c r="EA9" s="128">
        <v>6796</v>
      </c>
      <c r="EB9" s="36"/>
    </row>
    <row r="10" spans="1:132" ht="20.25" customHeight="1" x14ac:dyDescent="0.2">
      <c r="A10" s="61" t="s">
        <v>14</v>
      </c>
      <c r="B10" s="122">
        <v>0</v>
      </c>
      <c r="C10" s="123">
        <v>0</v>
      </c>
      <c r="D10" s="123">
        <v>0</v>
      </c>
      <c r="E10" s="124">
        <v>13</v>
      </c>
      <c r="F10" s="125">
        <v>63</v>
      </c>
      <c r="G10" s="125">
        <v>849</v>
      </c>
      <c r="H10" s="125">
        <v>1249</v>
      </c>
      <c r="I10" s="123">
        <v>730</v>
      </c>
      <c r="J10" s="126">
        <v>2904</v>
      </c>
      <c r="K10" s="127">
        <v>2904</v>
      </c>
      <c r="L10" s="122">
        <v>0</v>
      </c>
      <c r="M10" s="123">
        <v>0</v>
      </c>
      <c r="N10" s="126">
        <v>0</v>
      </c>
      <c r="O10" s="124">
        <v>13</v>
      </c>
      <c r="P10" s="125">
        <v>62</v>
      </c>
      <c r="Q10" s="125">
        <v>847</v>
      </c>
      <c r="R10" s="125">
        <v>1240</v>
      </c>
      <c r="S10" s="123">
        <v>723</v>
      </c>
      <c r="T10" s="126">
        <v>2885</v>
      </c>
      <c r="U10" s="128">
        <v>2885</v>
      </c>
      <c r="V10" s="129">
        <v>0</v>
      </c>
      <c r="W10" s="123">
        <v>0</v>
      </c>
      <c r="X10" s="126">
        <v>0</v>
      </c>
      <c r="Y10" s="129">
        <v>0</v>
      </c>
      <c r="Z10" s="125">
        <v>1</v>
      </c>
      <c r="AA10" s="125">
        <v>2</v>
      </c>
      <c r="AB10" s="125">
        <v>9</v>
      </c>
      <c r="AC10" s="123">
        <v>7</v>
      </c>
      <c r="AD10" s="126">
        <v>19</v>
      </c>
      <c r="AE10" s="130">
        <v>19</v>
      </c>
      <c r="AF10" s="129">
        <v>0</v>
      </c>
      <c r="AG10" s="123">
        <v>0</v>
      </c>
      <c r="AH10" s="126">
        <v>0</v>
      </c>
      <c r="AI10" s="129">
        <v>87</v>
      </c>
      <c r="AJ10" s="125">
        <v>215</v>
      </c>
      <c r="AK10" s="125">
        <v>301</v>
      </c>
      <c r="AL10" s="125">
        <v>346</v>
      </c>
      <c r="AM10" s="123">
        <v>194</v>
      </c>
      <c r="AN10" s="126">
        <v>1143</v>
      </c>
      <c r="AO10" s="130">
        <v>1143</v>
      </c>
      <c r="AP10" s="129">
        <v>0</v>
      </c>
      <c r="AQ10" s="123">
        <v>0</v>
      </c>
      <c r="AR10" s="126">
        <v>0</v>
      </c>
      <c r="AS10" s="124">
        <v>86</v>
      </c>
      <c r="AT10" s="125">
        <v>212</v>
      </c>
      <c r="AU10" s="125">
        <v>296</v>
      </c>
      <c r="AV10" s="125">
        <v>341</v>
      </c>
      <c r="AW10" s="123">
        <v>188</v>
      </c>
      <c r="AX10" s="126">
        <v>1123</v>
      </c>
      <c r="AY10" s="127">
        <v>1123</v>
      </c>
      <c r="AZ10" s="122">
        <v>0</v>
      </c>
      <c r="BA10" s="123">
        <v>0</v>
      </c>
      <c r="BB10" s="123">
        <v>0</v>
      </c>
      <c r="BC10" s="124">
        <v>1</v>
      </c>
      <c r="BD10" s="125">
        <v>3</v>
      </c>
      <c r="BE10" s="125">
        <v>5</v>
      </c>
      <c r="BF10" s="125">
        <v>5</v>
      </c>
      <c r="BG10" s="123">
        <v>6</v>
      </c>
      <c r="BH10" s="126">
        <v>20</v>
      </c>
      <c r="BI10" s="128">
        <v>20</v>
      </c>
      <c r="BJ10" s="129">
        <v>0</v>
      </c>
      <c r="BK10" s="123">
        <v>0</v>
      </c>
      <c r="BL10" s="123">
        <v>0</v>
      </c>
      <c r="BM10" s="124">
        <v>0</v>
      </c>
      <c r="BN10" s="125">
        <v>0</v>
      </c>
      <c r="BO10" s="125">
        <v>1</v>
      </c>
      <c r="BP10" s="125">
        <v>26</v>
      </c>
      <c r="BQ10" s="123">
        <v>25</v>
      </c>
      <c r="BR10" s="126">
        <v>52</v>
      </c>
      <c r="BS10" s="127">
        <v>52</v>
      </c>
      <c r="BT10" s="122">
        <v>0</v>
      </c>
      <c r="BU10" s="123">
        <v>0</v>
      </c>
      <c r="BV10" s="123">
        <v>0</v>
      </c>
      <c r="BW10" s="124">
        <v>0</v>
      </c>
      <c r="BX10" s="125">
        <v>0</v>
      </c>
      <c r="BY10" s="125">
        <v>1</v>
      </c>
      <c r="BZ10" s="125">
        <v>26</v>
      </c>
      <c r="CA10" s="123">
        <v>25</v>
      </c>
      <c r="CB10" s="126">
        <v>52</v>
      </c>
      <c r="CC10" s="128">
        <v>52</v>
      </c>
      <c r="CD10" s="129">
        <v>0</v>
      </c>
      <c r="CE10" s="123">
        <v>0</v>
      </c>
      <c r="CF10" s="123">
        <v>0</v>
      </c>
      <c r="CG10" s="124">
        <v>0</v>
      </c>
      <c r="CH10" s="125">
        <v>0</v>
      </c>
      <c r="CI10" s="125">
        <v>0</v>
      </c>
      <c r="CJ10" s="125">
        <v>0</v>
      </c>
      <c r="CK10" s="123">
        <v>0</v>
      </c>
      <c r="CL10" s="126">
        <v>0</v>
      </c>
      <c r="CM10" s="128">
        <v>0</v>
      </c>
      <c r="CN10" s="129">
        <v>0</v>
      </c>
      <c r="CO10" s="123">
        <v>0</v>
      </c>
      <c r="CP10" s="123">
        <v>0</v>
      </c>
      <c r="CQ10" s="124">
        <v>0</v>
      </c>
      <c r="CR10" s="125">
        <v>0</v>
      </c>
      <c r="CS10" s="125">
        <v>8</v>
      </c>
      <c r="CT10" s="125">
        <v>72</v>
      </c>
      <c r="CU10" s="123">
        <v>69</v>
      </c>
      <c r="CV10" s="126">
        <v>149</v>
      </c>
      <c r="CW10" s="127">
        <v>149</v>
      </c>
      <c r="CX10" s="122">
        <v>0</v>
      </c>
      <c r="CY10" s="123">
        <v>0</v>
      </c>
      <c r="CZ10" s="123">
        <v>0</v>
      </c>
      <c r="DA10" s="124">
        <v>0</v>
      </c>
      <c r="DB10" s="125">
        <v>0</v>
      </c>
      <c r="DC10" s="125">
        <v>8</v>
      </c>
      <c r="DD10" s="125">
        <v>72</v>
      </c>
      <c r="DE10" s="123">
        <v>66</v>
      </c>
      <c r="DF10" s="126">
        <v>146</v>
      </c>
      <c r="DG10" s="128">
        <v>146</v>
      </c>
      <c r="DH10" s="129">
        <v>0</v>
      </c>
      <c r="DI10" s="123">
        <v>0</v>
      </c>
      <c r="DJ10" s="123">
        <v>0</v>
      </c>
      <c r="DK10" s="124">
        <v>0</v>
      </c>
      <c r="DL10" s="125">
        <v>0</v>
      </c>
      <c r="DM10" s="125">
        <v>0</v>
      </c>
      <c r="DN10" s="125">
        <v>0</v>
      </c>
      <c r="DO10" s="123">
        <v>3</v>
      </c>
      <c r="DP10" s="126">
        <v>3</v>
      </c>
      <c r="DQ10" s="128">
        <v>3</v>
      </c>
      <c r="DR10" s="129">
        <v>0</v>
      </c>
      <c r="DS10" s="123">
        <v>0</v>
      </c>
      <c r="DT10" s="123">
        <v>0</v>
      </c>
      <c r="DU10" s="124">
        <v>100</v>
      </c>
      <c r="DV10" s="125">
        <v>278</v>
      </c>
      <c r="DW10" s="125">
        <v>1155</v>
      </c>
      <c r="DX10" s="125">
        <v>1684</v>
      </c>
      <c r="DY10" s="123">
        <v>1015</v>
      </c>
      <c r="DZ10" s="126">
        <v>4232</v>
      </c>
      <c r="EA10" s="128">
        <v>4232</v>
      </c>
      <c r="EB10" s="36"/>
    </row>
    <row r="11" spans="1:132" ht="20.25" customHeight="1" x14ac:dyDescent="0.2">
      <c r="A11" s="61" t="s">
        <v>7</v>
      </c>
      <c r="B11" s="122">
        <v>0</v>
      </c>
      <c r="C11" s="123">
        <v>0</v>
      </c>
      <c r="D11" s="123">
        <v>0</v>
      </c>
      <c r="E11" s="124">
        <v>18</v>
      </c>
      <c r="F11" s="125">
        <v>55</v>
      </c>
      <c r="G11" s="125">
        <v>531</v>
      </c>
      <c r="H11" s="125">
        <v>918</v>
      </c>
      <c r="I11" s="123">
        <v>571</v>
      </c>
      <c r="J11" s="126">
        <v>2093</v>
      </c>
      <c r="K11" s="127">
        <v>2093</v>
      </c>
      <c r="L11" s="122">
        <v>0</v>
      </c>
      <c r="M11" s="123">
        <v>0</v>
      </c>
      <c r="N11" s="126">
        <v>0</v>
      </c>
      <c r="O11" s="124">
        <v>18</v>
      </c>
      <c r="P11" s="125">
        <v>55</v>
      </c>
      <c r="Q11" s="125">
        <v>526</v>
      </c>
      <c r="R11" s="125">
        <v>907</v>
      </c>
      <c r="S11" s="123">
        <v>560</v>
      </c>
      <c r="T11" s="126">
        <v>2066</v>
      </c>
      <c r="U11" s="128">
        <v>2066</v>
      </c>
      <c r="V11" s="129">
        <v>0</v>
      </c>
      <c r="W11" s="123">
        <v>0</v>
      </c>
      <c r="X11" s="126">
        <v>0</v>
      </c>
      <c r="Y11" s="129">
        <v>0</v>
      </c>
      <c r="Z11" s="125">
        <v>0</v>
      </c>
      <c r="AA11" s="125">
        <v>5</v>
      </c>
      <c r="AB11" s="125">
        <v>11</v>
      </c>
      <c r="AC11" s="123">
        <v>11</v>
      </c>
      <c r="AD11" s="126">
        <v>27</v>
      </c>
      <c r="AE11" s="130">
        <v>27</v>
      </c>
      <c r="AF11" s="129">
        <v>0</v>
      </c>
      <c r="AG11" s="123">
        <v>0</v>
      </c>
      <c r="AH11" s="126">
        <v>0</v>
      </c>
      <c r="AI11" s="129">
        <v>166</v>
      </c>
      <c r="AJ11" s="125">
        <v>235</v>
      </c>
      <c r="AK11" s="125">
        <v>249</v>
      </c>
      <c r="AL11" s="125">
        <v>275</v>
      </c>
      <c r="AM11" s="123">
        <v>116</v>
      </c>
      <c r="AN11" s="126">
        <v>1041</v>
      </c>
      <c r="AO11" s="130">
        <v>1041</v>
      </c>
      <c r="AP11" s="129">
        <v>0</v>
      </c>
      <c r="AQ11" s="123">
        <v>0</v>
      </c>
      <c r="AR11" s="126">
        <v>0</v>
      </c>
      <c r="AS11" s="124">
        <v>165</v>
      </c>
      <c r="AT11" s="125">
        <v>233</v>
      </c>
      <c r="AU11" s="125">
        <v>244</v>
      </c>
      <c r="AV11" s="125">
        <v>269</v>
      </c>
      <c r="AW11" s="123">
        <v>115</v>
      </c>
      <c r="AX11" s="126">
        <v>1026</v>
      </c>
      <c r="AY11" s="127">
        <v>1026</v>
      </c>
      <c r="AZ11" s="122">
        <v>0</v>
      </c>
      <c r="BA11" s="123">
        <v>0</v>
      </c>
      <c r="BB11" s="123">
        <v>0</v>
      </c>
      <c r="BC11" s="124">
        <v>1</v>
      </c>
      <c r="BD11" s="125">
        <v>2</v>
      </c>
      <c r="BE11" s="125">
        <v>5</v>
      </c>
      <c r="BF11" s="125">
        <v>6</v>
      </c>
      <c r="BG11" s="123">
        <v>1</v>
      </c>
      <c r="BH11" s="126">
        <v>15</v>
      </c>
      <c r="BI11" s="128">
        <v>15</v>
      </c>
      <c r="BJ11" s="129">
        <v>0</v>
      </c>
      <c r="BK11" s="123">
        <v>0</v>
      </c>
      <c r="BL11" s="123">
        <v>0</v>
      </c>
      <c r="BM11" s="124">
        <v>0</v>
      </c>
      <c r="BN11" s="125">
        <v>0</v>
      </c>
      <c r="BO11" s="125">
        <v>0</v>
      </c>
      <c r="BP11" s="125">
        <v>3</v>
      </c>
      <c r="BQ11" s="123">
        <v>5</v>
      </c>
      <c r="BR11" s="126">
        <v>8</v>
      </c>
      <c r="BS11" s="127">
        <v>8</v>
      </c>
      <c r="BT11" s="122">
        <v>0</v>
      </c>
      <c r="BU11" s="123">
        <v>0</v>
      </c>
      <c r="BV11" s="123">
        <v>0</v>
      </c>
      <c r="BW11" s="124">
        <v>0</v>
      </c>
      <c r="BX11" s="125">
        <v>0</v>
      </c>
      <c r="BY11" s="125">
        <v>0</v>
      </c>
      <c r="BZ11" s="125">
        <v>3</v>
      </c>
      <c r="CA11" s="123">
        <v>5</v>
      </c>
      <c r="CB11" s="126">
        <v>8</v>
      </c>
      <c r="CC11" s="128">
        <v>8</v>
      </c>
      <c r="CD11" s="129">
        <v>0</v>
      </c>
      <c r="CE11" s="123">
        <v>0</v>
      </c>
      <c r="CF11" s="123">
        <v>0</v>
      </c>
      <c r="CG11" s="124">
        <v>0</v>
      </c>
      <c r="CH11" s="125">
        <v>0</v>
      </c>
      <c r="CI11" s="125">
        <v>0</v>
      </c>
      <c r="CJ11" s="125">
        <v>0</v>
      </c>
      <c r="CK11" s="123">
        <v>0</v>
      </c>
      <c r="CL11" s="126">
        <v>0</v>
      </c>
      <c r="CM11" s="128">
        <v>0</v>
      </c>
      <c r="CN11" s="129">
        <v>0</v>
      </c>
      <c r="CO11" s="123">
        <v>0</v>
      </c>
      <c r="CP11" s="123">
        <v>0</v>
      </c>
      <c r="CQ11" s="124">
        <v>0</v>
      </c>
      <c r="CR11" s="125">
        <v>0</v>
      </c>
      <c r="CS11" s="125">
        <v>2</v>
      </c>
      <c r="CT11" s="125">
        <v>1</v>
      </c>
      <c r="CU11" s="123">
        <v>4</v>
      </c>
      <c r="CV11" s="126">
        <v>7</v>
      </c>
      <c r="CW11" s="127">
        <v>7</v>
      </c>
      <c r="CX11" s="122">
        <v>0</v>
      </c>
      <c r="CY11" s="123">
        <v>0</v>
      </c>
      <c r="CZ11" s="123">
        <v>0</v>
      </c>
      <c r="DA11" s="124">
        <v>0</v>
      </c>
      <c r="DB11" s="125">
        <v>0</v>
      </c>
      <c r="DC11" s="125">
        <v>2</v>
      </c>
      <c r="DD11" s="125">
        <v>1</v>
      </c>
      <c r="DE11" s="123">
        <v>4</v>
      </c>
      <c r="DF11" s="126">
        <v>7</v>
      </c>
      <c r="DG11" s="128">
        <v>7</v>
      </c>
      <c r="DH11" s="129">
        <v>0</v>
      </c>
      <c r="DI11" s="123">
        <v>0</v>
      </c>
      <c r="DJ11" s="123">
        <v>0</v>
      </c>
      <c r="DK11" s="124">
        <v>0</v>
      </c>
      <c r="DL11" s="125">
        <v>0</v>
      </c>
      <c r="DM11" s="125">
        <v>0</v>
      </c>
      <c r="DN11" s="125">
        <v>0</v>
      </c>
      <c r="DO11" s="123">
        <v>0</v>
      </c>
      <c r="DP11" s="126">
        <v>0</v>
      </c>
      <c r="DQ11" s="128">
        <v>0</v>
      </c>
      <c r="DR11" s="129">
        <v>0</v>
      </c>
      <c r="DS11" s="123">
        <v>0</v>
      </c>
      <c r="DT11" s="123">
        <v>0</v>
      </c>
      <c r="DU11" s="124">
        <v>184</v>
      </c>
      <c r="DV11" s="125">
        <v>290</v>
      </c>
      <c r="DW11" s="125">
        <v>782</v>
      </c>
      <c r="DX11" s="125">
        <v>1192</v>
      </c>
      <c r="DY11" s="123">
        <v>693</v>
      </c>
      <c r="DZ11" s="126">
        <v>3141</v>
      </c>
      <c r="EA11" s="128">
        <v>3141</v>
      </c>
      <c r="EB11" s="36"/>
    </row>
    <row r="12" spans="1:132" ht="20.25" customHeight="1" x14ac:dyDescent="0.2">
      <c r="A12" s="61" t="s">
        <v>8</v>
      </c>
      <c r="B12" s="122">
        <v>0</v>
      </c>
      <c r="C12" s="123">
        <v>0</v>
      </c>
      <c r="D12" s="123">
        <v>0</v>
      </c>
      <c r="E12" s="124">
        <v>27</v>
      </c>
      <c r="F12" s="125">
        <v>69</v>
      </c>
      <c r="G12" s="125">
        <v>345</v>
      </c>
      <c r="H12" s="125">
        <v>398</v>
      </c>
      <c r="I12" s="123">
        <v>231</v>
      </c>
      <c r="J12" s="126">
        <v>1070</v>
      </c>
      <c r="K12" s="127">
        <v>1070</v>
      </c>
      <c r="L12" s="122">
        <v>0</v>
      </c>
      <c r="M12" s="123">
        <v>0</v>
      </c>
      <c r="N12" s="126">
        <v>0</v>
      </c>
      <c r="O12" s="124">
        <v>27</v>
      </c>
      <c r="P12" s="125">
        <v>69</v>
      </c>
      <c r="Q12" s="125">
        <v>342</v>
      </c>
      <c r="R12" s="125">
        <v>395</v>
      </c>
      <c r="S12" s="123">
        <v>231</v>
      </c>
      <c r="T12" s="126">
        <v>1064</v>
      </c>
      <c r="U12" s="128">
        <v>1064</v>
      </c>
      <c r="V12" s="129">
        <v>0</v>
      </c>
      <c r="W12" s="123">
        <v>0</v>
      </c>
      <c r="X12" s="126">
        <v>0</v>
      </c>
      <c r="Y12" s="129">
        <v>0</v>
      </c>
      <c r="Z12" s="125">
        <v>0</v>
      </c>
      <c r="AA12" s="125">
        <v>3</v>
      </c>
      <c r="AB12" s="125">
        <v>3</v>
      </c>
      <c r="AC12" s="123">
        <v>0</v>
      </c>
      <c r="AD12" s="126">
        <v>6</v>
      </c>
      <c r="AE12" s="130">
        <v>6</v>
      </c>
      <c r="AF12" s="129">
        <v>0</v>
      </c>
      <c r="AG12" s="123">
        <v>0</v>
      </c>
      <c r="AH12" s="126">
        <v>0</v>
      </c>
      <c r="AI12" s="129">
        <v>48</v>
      </c>
      <c r="AJ12" s="125">
        <v>99</v>
      </c>
      <c r="AK12" s="125">
        <v>153</v>
      </c>
      <c r="AL12" s="125">
        <v>133</v>
      </c>
      <c r="AM12" s="123">
        <v>68</v>
      </c>
      <c r="AN12" s="126">
        <v>501</v>
      </c>
      <c r="AO12" s="130">
        <v>501</v>
      </c>
      <c r="AP12" s="129">
        <v>0</v>
      </c>
      <c r="AQ12" s="123">
        <v>0</v>
      </c>
      <c r="AR12" s="126">
        <v>0</v>
      </c>
      <c r="AS12" s="124">
        <v>47</v>
      </c>
      <c r="AT12" s="125">
        <v>96</v>
      </c>
      <c r="AU12" s="125">
        <v>149</v>
      </c>
      <c r="AV12" s="125">
        <v>130</v>
      </c>
      <c r="AW12" s="123">
        <v>66</v>
      </c>
      <c r="AX12" s="126">
        <v>488</v>
      </c>
      <c r="AY12" s="127">
        <v>488</v>
      </c>
      <c r="AZ12" s="122">
        <v>0</v>
      </c>
      <c r="BA12" s="123">
        <v>0</v>
      </c>
      <c r="BB12" s="123">
        <v>0</v>
      </c>
      <c r="BC12" s="124">
        <v>1</v>
      </c>
      <c r="BD12" s="125">
        <v>3</v>
      </c>
      <c r="BE12" s="125">
        <v>4</v>
      </c>
      <c r="BF12" s="125">
        <v>3</v>
      </c>
      <c r="BG12" s="123">
        <v>2</v>
      </c>
      <c r="BH12" s="126">
        <v>13</v>
      </c>
      <c r="BI12" s="128">
        <v>13</v>
      </c>
      <c r="BJ12" s="129">
        <v>0</v>
      </c>
      <c r="BK12" s="123">
        <v>0</v>
      </c>
      <c r="BL12" s="123">
        <v>0</v>
      </c>
      <c r="BM12" s="124">
        <v>0</v>
      </c>
      <c r="BN12" s="125">
        <v>0</v>
      </c>
      <c r="BO12" s="125">
        <v>0</v>
      </c>
      <c r="BP12" s="125">
        <v>4</v>
      </c>
      <c r="BQ12" s="123">
        <v>2</v>
      </c>
      <c r="BR12" s="126">
        <v>6</v>
      </c>
      <c r="BS12" s="127">
        <v>6</v>
      </c>
      <c r="BT12" s="122">
        <v>0</v>
      </c>
      <c r="BU12" s="123">
        <v>0</v>
      </c>
      <c r="BV12" s="123">
        <v>0</v>
      </c>
      <c r="BW12" s="124">
        <v>0</v>
      </c>
      <c r="BX12" s="125">
        <v>0</v>
      </c>
      <c r="BY12" s="125">
        <v>0</v>
      </c>
      <c r="BZ12" s="125">
        <v>4</v>
      </c>
      <c r="CA12" s="123">
        <v>2</v>
      </c>
      <c r="CB12" s="126">
        <v>6</v>
      </c>
      <c r="CC12" s="128">
        <v>6</v>
      </c>
      <c r="CD12" s="129">
        <v>0</v>
      </c>
      <c r="CE12" s="123">
        <v>0</v>
      </c>
      <c r="CF12" s="123">
        <v>0</v>
      </c>
      <c r="CG12" s="124">
        <v>0</v>
      </c>
      <c r="CH12" s="125">
        <v>0</v>
      </c>
      <c r="CI12" s="125">
        <v>0</v>
      </c>
      <c r="CJ12" s="125">
        <v>0</v>
      </c>
      <c r="CK12" s="123">
        <v>0</v>
      </c>
      <c r="CL12" s="126">
        <v>0</v>
      </c>
      <c r="CM12" s="128">
        <v>0</v>
      </c>
      <c r="CN12" s="129">
        <v>0</v>
      </c>
      <c r="CO12" s="123">
        <v>0</v>
      </c>
      <c r="CP12" s="123">
        <v>0</v>
      </c>
      <c r="CQ12" s="124">
        <v>1</v>
      </c>
      <c r="CR12" s="125">
        <v>0</v>
      </c>
      <c r="CS12" s="125">
        <v>1</v>
      </c>
      <c r="CT12" s="125">
        <v>7</v>
      </c>
      <c r="CU12" s="123">
        <v>5</v>
      </c>
      <c r="CV12" s="126">
        <v>14</v>
      </c>
      <c r="CW12" s="127">
        <v>14</v>
      </c>
      <c r="CX12" s="122">
        <v>0</v>
      </c>
      <c r="CY12" s="123">
        <v>0</v>
      </c>
      <c r="CZ12" s="123">
        <v>0</v>
      </c>
      <c r="DA12" s="124">
        <v>1</v>
      </c>
      <c r="DB12" s="125">
        <v>0</v>
      </c>
      <c r="DC12" s="125">
        <v>1</v>
      </c>
      <c r="DD12" s="125">
        <v>7</v>
      </c>
      <c r="DE12" s="123">
        <v>5</v>
      </c>
      <c r="DF12" s="126">
        <v>14</v>
      </c>
      <c r="DG12" s="128">
        <v>14</v>
      </c>
      <c r="DH12" s="129">
        <v>0</v>
      </c>
      <c r="DI12" s="123">
        <v>0</v>
      </c>
      <c r="DJ12" s="123">
        <v>0</v>
      </c>
      <c r="DK12" s="124">
        <v>0</v>
      </c>
      <c r="DL12" s="125">
        <v>0</v>
      </c>
      <c r="DM12" s="125">
        <v>0</v>
      </c>
      <c r="DN12" s="125">
        <v>0</v>
      </c>
      <c r="DO12" s="123">
        <v>0</v>
      </c>
      <c r="DP12" s="126">
        <v>0</v>
      </c>
      <c r="DQ12" s="128">
        <v>0</v>
      </c>
      <c r="DR12" s="129">
        <v>0</v>
      </c>
      <c r="DS12" s="123">
        <v>0</v>
      </c>
      <c r="DT12" s="123">
        <v>0</v>
      </c>
      <c r="DU12" s="124">
        <v>76</v>
      </c>
      <c r="DV12" s="125">
        <v>168</v>
      </c>
      <c r="DW12" s="125">
        <v>499</v>
      </c>
      <c r="DX12" s="125">
        <v>542</v>
      </c>
      <c r="DY12" s="123">
        <v>306</v>
      </c>
      <c r="DZ12" s="126">
        <v>1591</v>
      </c>
      <c r="EA12" s="128">
        <v>1591</v>
      </c>
      <c r="EB12" s="36"/>
    </row>
    <row r="13" spans="1:132" ht="20.25" customHeight="1" x14ac:dyDescent="0.2">
      <c r="A13" s="61" t="s">
        <v>9</v>
      </c>
      <c r="B13" s="122">
        <v>0</v>
      </c>
      <c r="C13" s="123">
        <v>0</v>
      </c>
      <c r="D13" s="123">
        <v>0</v>
      </c>
      <c r="E13" s="124">
        <v>6</v>
      </c>
      <c r="F13" s="125">
        <v>2</v>
      </c>
      <c r="G13" s="125">
        <v>204</v>
      </c>
      <c r="H13" s="125">
        <v>378</v>
      </c>
      <c r="I13" s="123">
        <v>291</v>
      </c>
      <c r="J13" s="126">
        <v>881</v>
      </c>
      <c r="K13" s="127">
        <v>881</v>
      </c>
      <c r="L13" s="122">
        <v>0</v>
      </c>
      <c r="M13" s="123">
        <v>0</v>
      </c>
      <c r="N13" s="126">
        <v>0</v>
      </c>
      <c r="O13" s="124">
        <v>6</v>
      </c>
      <c r="P13" s="125">
        <v>2</v>
      </c>
      <c r="Q13" s="125">
        <v>203</v>
      </c>
      <c r="R13" s="125">
        <v>374</v>
      </c>
      <c r="S13" s="123">
        <v>289</v>
      </c>
      <c r="T13" s="126">
        <v>874</v>
      </c>
      <c r="U13" s="128">
        <v>874</v>
      </c>
      <c r="V13" s="129">
        <v>0</v>
      </c>
      <c r="W13" s="123">
        <v>0</v>
      </c>
      <c r="X13" s="126">
        <v>0</v>
      </c>
      <c r="Y13" s="129">
        <v>0</v>
      </c>
      <c r="Z13" s="125">
        <v>0</v>
      </c>
      <c r="AA13" s="125">
        <v>1</v>
      </c>
      <c r="AB13" s="125">
        <v>4</v>
      </c>
      <c r="AC13" s="123">
        <v>2</v>
      </c>
      <c r="AD13" s="126">
        <v>7</v>
      </c>
      <c r="AE13" s="130">
        <v>7</v>
      </c>
      <c r="AF13" s="129">
        <v>0</v>
      </c>
      <c r="AG13" s="123">
        <v>0</v>
      </c>
      <c r="AH13" s="126">
        <v>0</v>
      </c>
      <c r="AI13" s="129">
        <v>29</v>
      </c>
      <c r="AJ13" s="125">
        <v>64</v>
      </c>
      <c r="AK13" s="125">
        <v>89</v>
      </c>
      <c r="AL13" s="125">
        <v>110</v>
      </c>
      <c r="AM13" s="123">
        <v>72</v>
      </c>
      <c r="AN13" s="126">
        <v>364</v>
      </c>
      <c r="AO13" s="130">
        <v>364</v>
      </c>
      <c r="AP13" s="129">
        <v>0</v>
      </c>
      <c r="AQ13" s="123">
        <v>0</v>
      </c>
      <c r="AR13" s="126">
        <v>0</v>
      </c>
      <c r="AS13" s="124">
        <v>29</v>
      </c>
      <c r="AT13" s="125">
        <v>64</v>
      </c>
      <c r="AU13" s="125">
        <v>87</v>
      </c>
      <c r="AV13" s="125">
        <v>109</v>
      </c>
      <c r="AW13" s="123">
        <v>70</v>
      </c>
      <c r="AX13" s="126">
        <v>359</v>
      </c>
      <c r="AY13" s="127">
        <v>359</v>
      </c>
      <c r="AZ13" s="122">
        <v>0</v>
      </c>
      <c r="BA13" s="123">
        <v>0</v>
      </c>
      <c r="BB13" s="123">
        <v>0</v>
      </c>
      <c r="BC13" s="124">
        <v>0</v>
      </c>
      <c r="BD13" s="125">
        <v>0</v>
      </c>
      <c r="BE13" s="125">
        <v>2</v>
      </c>
      <c r="BF13" s="125">
        <v>1</v>
      </c>
      <c r="BG13" s="123">
        <v>2</v>
      </c>
      <c r="BH13" s="126">
        <v>5</v>
      </c>
      <c r="BI13" s="128">
        <v>5</v>
      </c>
      <c r="BJ13" s="129">
        <v>0</v>
      </c>
      <c r="BK13" s="123">
        <v>0</v>
      </c>
      <c r="BL13" s="123">
        <v>0</v>
      </c>
      <c r="BM13" s="124">
        <v>0</v>
      </c>
      <c r="BN13" s="125">
        <v>0</v>
      </c>
      <c r="BO13" s="125">
        <v>0</v>
      </c>
      <c r="BP13" s="125">
        <v>3</v>
      </c>
      <c r="BQ13" s="123">
        <v>1</v>
      </c>
      <c r="BR13" s="126">
        <v>4</v>
      </c>
      <c r="BS13" s="127">
        <v>4</v>
      </c>
      <c r="BT13" s="122">
        <v>0</v>
      </c>
      <c r="BU13" s="123">
        <v>0</v>
      </c>
      <c r="BV13" s="123">
        <v>0</v>
      </c>
      <c r="BW13" s="124">
        <v>0</v>
      </c>
      <c r="BX13" s="125">
        <v>0</v>
      </c>
      <c r="BY13" s="125">
        <v>0</v>
      </c>
      <c r="BZ13" s="125">
        <v>3</v>
      </c>
      <c r="CA13" s="123">
        <v>1</v>
      </c>
      <c r="CB13" s="126">
        <v>4</v>
      </c>
      <c r="CC13" s="128">
        <v>4</v>
      </c>
      <c r="CD13" s="129">
        <v>0</v>
      </c>
      <c r="CE13" s="123">
        <v>0</v>
      </c>
      <c r="CF13" s="123">
        <v>0</v>
      </c>
      <c r="CG13" s="124">
        <v>0</v>
      </c>
      <c r="CH13" s="125">
        <v>0</v>
      </c>
      <c r="CI13" s="125">
        <v>0</v>
      </c>
      <c r="CJ13" s="125">
        <v>0</v>
      </c>
      <c r="CK13" s="123">
        <v>0</v>
      </c>
      <c r="CL13" s="126">
        <v>0</v>
      </c>
      <c r="CM13" s="128">
        <v>0</v>
      </c>
      <c r="CN13" s="129">
        <v>0</v>
      </c>
      <c r="CO13" s="123">
        <v>0</v>
      </c>
      <c r="CP13" s="123">
        <v>0</v>
      </c>
      <c r="CQ13" s="124">
        <v>0</v>
      </c>
      <c r="CR13" s="125">
        <v>0</v>
      </c>
      <c r="CS13" s="125">
        <v>2</v>
      </c>
      <c r="CT13" s="125">
        <v>2</v>
      </c>
      <c r="CU13" s="123">
        <v>6</v>
      </c>
      <c r="CV13" s="126">
        <v>10</v>
      </c>
      <c r="CW13" s="127">
        <v>10</v>
      </c>
      <c r="CX13" s="122">
        <v>0</v>
      </c>
      <c r="CY13" s="123">
        <v>0</v>
      </c>
      <c r="CZ13" s="123">
        <v>0</v>
      </c>
      <c r="DA13" s="124">
        <v>0</v>
      </c>
      <c r="DB13" s="125">
        <v>0</v>
      </c>
      <c r="DC13" s="125">
        <v>2</v>
      </c>
      <c r="DD13" s="125">
        <v>2</v>
      </c>
      <c r="DE13" s="123">
        <v>6</v>
      </c>
      <c r="DF13" s="126">
        <v>10</v>
      </c>
      <c r="DG13" s="128">
        <v>10</v>
      </c>
      <c r="DH13" s="129">
        <v>0</v>
      </c>
      <c r="DI13" s="123">
        <v>0</v>
      </c>
      <c r="DJ13" s="123">
        <v>0</v>
      </c>
      <c r="DK13" s="124">
        <v>0</v>
      </c>
      <c r="DL13" s="125">
        <v>0</v>
      </c>
      <c r="DM13" s="125">
        <v>0</v>
      </c>
      <c r="DN13" s="125">
        <v>0</v>
      </c>
      <c r="DO13" s="123">
        <v>0</v>
      </c>
      <c r="DP13" s="126">
        <v>0</v>
      </c>
      <c r="DQ13" s="128">
        <v>0</v>
      </c>
      <c r="DR13" s="129">
        <v>0</v>
      </c>
      <c r="DS13" s="123">
        <v>0</v>
      </c>
      <c r="DT13" s="123">
        <v>0</v>
      </c>
      <c r="DU13" s="124">
        <v>35</v>
      </c>
      <c r="DV13" s="125">
        <v>66</v>
      </c>
      <c r="DW13" s="125">
        <v>294</v>
      </c>
      <c r="DX13" s="125">
        <v>491</v>
      </c>
      <c r="DY13" s="123">
        <v>370</v>
      </c>
      <c r="DZ13" s="126">
        <v>1256</v>
      </c>
      <c r="EA13" s="128">
        <v>1256</v>
      </c>
      <c r="EB13" s="36"/>
    </row>
    <row r="14" spans="1:132" ht="20.25" customHeight="1" x14ac:dyDescent="0.2">
      <c r="A14" s="61" t="s">
        <v>10</v>
      </c>
      <c r="B14" s="122">
        <v>0</v>
      </c>
      <c r="C14" s="123">
        <v>0</v>
      </c>
      <c r="D14" s="123">
        <v>0</v>
      </c>
      <c r="E14" s="124">
        <v>17</v>
      </c>
      <c r="F14" s="125">
        <v>49</v>
      </c>
      <c r="G14" s="125">
        <v>387</v>
      </c>
      <c r="H14" s="125">
        <v>530</v>
      </c>
      <c r="I14" s="123">
        <v>459</v>
      </c>
      <c r="J14" s="126">
        <v>1442</v>
      </c>
      <c r="K14" s="127">
        <v>1442</v>
      </c>
      <c r="L14" s="122">
        <v>0</v>
      </c>
      <c r="M14" s="123">
        <v>0</v>
      </c>
      <c r="N14" s="126">
        <v>0</v>
      </c>
      <c r="O14" s="124">
        <v>17</v>
      </c>
      <c r="P14" s="125">
        <v>49</v>
      </c>
      <c r="Q14" s="125">
        <v>382</v>
      </c>
      <c r="R14" s="125">
        <v>530</v>
      </c>
      <c r="S14" s="123">
        <v>451</v>
      </c>
      <c r="T14" s="126">
        <v>1429</v>
      </c>
      <c r="U14" s="128">
        <v>1429</v>
      </c>
      <c r="V14" s="129">
        <v>0</v>
      </c>
      <c r="W14" s="123">
        <v>0</v>
      </c>
      <c r="X14" s="126">
        <v>0</v>
      </c>
      <c r="Y14" s="129">
        <v>0</v>
      </c>
      <c r="Z14" s="125">
        <v>0</v>
      </c>
      <c r="AA14" s="125">
        <v>5</v>
      </c>
      <c r="AB14" s="125">
        <v>0</v>
      </c>
      <c r="AC14" s="123">
        <v>8</v>
      </c>
      <c r="AD14" s="126">
        <v>13</v>
      </c>
      <c r="AE14" s="130">
        <v>13</v>
      </c>
      <c r="AF14" s="129">
        <v>0</v>
      </c>
      <c r="AG14" s="123">
        <v>0</v>
      </c>
      <c r="AH14" s="126">
        <v>0</v>
      </c>
      <c r="AI14" s="129">
        <v>103</v>
      </c>
      <c r="AJ14" s="125">
        <v>145</v>
      </c>
      <c r="AK14" s="125">
        <v>151</v>
      </c>
      <c r="AL14" s="125">
        <v>163</v>
      </c>
      <c r="AM14" s="123">
        <v>90</v>
      </c>
      <c r="AN14" s="126">
        <v>652</v>
      </c>
      <c r="AO14" s="130">
        <v>652</v>
      </c>
      <c r="AP14" s="129">
        <v>0</v>
      </c>
      <c r="AQ14" s="123">
        <v>0</v>
      </c>
      <c r="AR14" s="126">
        <v>0</v>
      </c>
      <c r="AS14" s="124">
        <v>102</v>
      </c>
      <c r="AT14" s="125">
        <v>142</v>
      </c>
      <c r="AU14" s="125">
        <v>150</v>
      </c>
      <c r="AV14" s="125">
        <v>157</v>
      </c>
      <c r="AW14" s="123">
        <v>85</v>
      </c>
      <c r="AX14" s="126">
        <v>636</v>
      </c>
      <c r="AY14" s="127">
        <v>636</v>
      </c>
      <c r="AZ14" s="122">
        <v>0</v>
      </c>
      <c r="BA14" s="123">
        <v>0</v>
      </c>
      <c r="BB14" s="123">
        <v>0</v>
      </c>
      <c r="BC14" s="124">
        <v>1</v>
      </c>
      <c r="BD14" s="125">
        <v>3</v>
      </c>
      <c r="BE14" s="125">
        <v>1</v>
      </c>
      <c r="BF14" s="125">
        <v>6</v>
      </c>
      <c r="BG14" s="123">
        <v>5</v>
      </c>
      <c r="BH14" s="126">
        <v>16</v>
      </c>
      <c r="BI14" s="128">
        <v>16</v>
      </c>
      <c r="BJ14" s="129">
        <v>0</v>
      </c>
      <c r="BK14" s="123">
        <v>0</v>
      </c>
      <c r="BL14" s="123">
        <v>0</v>
      </c>
      <c r="BM14" s="124">
        <v>0</v>
      </c>
      <c r="BN14" s="125">
        <v>0</v>
      </c>
      <c r="BO14" s="125">
        <v>0</v>
      </c>
      <c r="BP14" s="125">
        <v>1</v>
      </c>
      <c r="BQ14" s="123">
        <v>10</v>
      </c>
      <c r="BR14" s="126">
        <v>11</v>
      </c>
      <c r="BS14" s="127">
        <v>11</v>
      </c>
      <c r="BT14" s="122">
        <v>0</v>
      </c>
      <c r="BU14" s="123">
        <v>0</v>
      </c>
      <c r="BV14" s="123">
        <v>0</v>
      </c>
      <c r="BW14" s="124">
        <v>0</v>
      </c>
      <c r="BX14" s="125">
        <v>0</v>
      </c>
      <c r="BY14" s="125">
        <v>0</v>
      </c>
      <c r="BZ14" s="125">
        <v>1</v>
      </c>
      <c r="CA14" s="123">
        <v>10</v>
      </c>
      <c r="CB14" s="126">
        <v>11</v>
      </c>
      <c r="CC14" s="128">
        <v>11</v>
      </c>
      <c r="CD14" s="129">
        <v>0</v>
      </c>
      <c r="CE14" s="123">
        <v>0</v>
      </c>
      <c r="CF14" s="123">
        <v>0</v>
      </c>
      <c r="CG14" s="124">
        <v>0</v>
      </c>
      <c r="CH14" s="125">
        <v>0</v>
      </c>
      <c r="CI14" s="125">
        <v>0</v>
      </c>
      <c r="CJ14" s="125">
        <v>0</v>
      </c>
      <c r="CK14" s="123">
        <v>0</v>
      </c>
      <c r="CL14" s="126">
        <v>0</v>
      </c>
      <c r="CM14" s="128">
        <v>0</v>
      </c>
      <c r="CN14" s="129">
        <v>0</v>
      </c>
      <c r="CO14" s="123">
        <v>0</v>
      </c>
      <c r="CP14" s="123">
        <v>0</v>
      </c>
      <c r="CQ14" s="124">
        <v>1</v>
      </c>
      <c r="CR14" s="125">
        <v>0</v>
      </c>
      <c r="CS14" s="125">
        <v>0</v>
      </c>
      <c r="CT14" s="125">
        <v>4</v>
      </c>
      <c r="CU14" s="123">
        <v>29</v>
      </c>
      <c r="CV14" s="126">
        <v>34</v>
      </c>
      <c r="CW14" s="127">
        <v>34</v>
      </c>
      <c r="CX14" s="122">
        <v>0</v>
      </c>
      <c r="CY14" s="123">
        <v>0</v>
      </c>
      <c r="CZ14" s="123">
        <v>0</v>
      </c>
      <c r="DA14" s="124">
        <v>1</v>
      </c>
      <c r="DB14" s="125">
        <v>0</v>
      </c>
      <c r="DC14" s="125">
        <v>0</v>
      </c>
      <c r="DD14" s="125">
        <v>4</v>
      </c>
      <c r="DE14" s="123">
        <v>29</v>
      </c>
      <c r="DF14" s="126">
        <v>34</v>
      </c>
      <c r="DG14" s="128">
        <v>34</v>
      </c>
      <c r="DH14" s="129">
        <v>0</v>
      </c>
      <c r="DI14" s="123">
        <v>0</v>
      </c>
      <c r="DJ14" s="123">
        <v>0</v>
      </c>
      <c r="DK14" s="124">
        <v>0</v>
      </c>
      <c r="DL14" s="125">
        <v>0</v>
      </c>
      <c r="DM14" s="125">
        <v>0</v>
      </c>
      <c r="DN14" s="125">
        <v>0</v>
      </c>
      <c r="DO14" s="123">
        <v>0</v>
      </c>
      <c r="DP14" s="126">
        <v>0</v>
      </c>
      <c r="DQ14" s="128">
        <v>0</v>
      </c>
      <c r="DR14" s="129">
        <v>0</v>
      </c>
      <c r="DS14" s="123">
        <v>0</v>
      </c>
      <c r="DT14" s="123">
        <v>0</v>
      </c>
      <c r="DU14" s="124">
        <v>121</v>
      </c>
      <c r="DV14" s="125">
        <v>194</v>
      </c>
      <c r="DW14" s="125">
        <v>536</v>
      </c>
      <c r="DX14" s="125">
        <v>694</v>
      </c>
      <c r="DY14" s="123">
        <v>588</v>
      </c>
      <c r="DZ14" s="126">
        <v>2133</v>
      </c>
      <c r="EA14" s="128">
        <v>2133</v>
      </c>
      <c r="EB14" s="36"/>
    </row>
    <row r="15" spans="1:132" ht="20.25" customHeight="1" x14ac:dyDescent="0.2">
      <c r="A15" s="61" t="s">
        <v>11</v>
      </c>
      <c r="B15" s="122">
        <v>0</v>
      </c>
      <c r="C15" s="123">
        <v>0</v>
      </c>
      <c r="D15" s="123">
        <v>0</v>
      </c>
      <c r="E15" s="124">
        <v>2</v>
      </c>
      <c r="F15" s="125">
        <v>5</v>
      </c>
      <c r="G15" s="125">
        <v>213</v>
      </c>
      <c r="H15" s="125">
        <v>349</v>
      </c>
      <c r="I15" s="123">
        <v>179</v>
      </c>
      <c r="J15" s="126">
        <v>748</v>
      </c>
      <c r="K15" s="127">
        <v>748</v>
      </c>
      <c r="L15" s="122">
        <v>0</v>
      </c>
      <c r="M15" s="123">
        <v>0</v>
      </c>
      <c r="N15" s="126">
        <v>0</v>
      </c>
      <c r="O15" s="124">
        <v>2</v>
      </c>
      <c r="P15" s="125">
        <v>5</v>
      </c>
      <c r="Q15" s="125">
        <v>213</v>
      </c>
      <c r="R15" s="125">
        <v>347</v>
      </c>
      <c r="S15" s="123">
        <v>179</v>
      </c>
      <c r="T15" s="126">
        <v>746</v>
      </c>
      <c r="U15" s="128">
        <v>746</v>
      </c>
      <c r="V15" s="129">
        <v>0</v>
      </c>
      <c r="W15" s="123">
        <v>0</v>
      </c>
      <c r="X15" s="126">
        <v>0</v>
      </c>
      <c r="Y15" s="129">
        <v>0</v>
      </c>
      <c r="Z15" s="125">
        <v>0</v>
      </c>
      <c r="AA15" s="125">
        <v>0</v>
      </c>
      <c r="AB15" s="125">
        <v>2</v>
      </c>
      <c r="AC15" s="123">
        <v>0</v>
      </c>
      <c r="AD15" s="126">
        <v>2</v>
      </c>
      <c r="AE15" s="130">
        <v>2</v>
      </c>
      <c r="AF15" s="129">
        <v>0</v>
      </c>
      <c r="AG15" s="123">
        <v>0</v>
      </c>
      <c r="AH15" s="126">
        <v>0</v>
      </c>
      <c r="AI15" s="129">
        <v>77</v>
      </c>
      <c r="AJ15" s="125">
        <v>91</v>
      </c>
      <c r="AK15" s="125">
        <v>130</v>
      </c>
      <c r="AL15" s="125">
        <v>150</v>
      </c>
      <c r="AM15" s="123">
        <v>64</v>
      </c>
      <c r="AN15" s="126">
        <v>512</v>
      </c>
      <c r="AO15" s="130">
        <v>512</v>
      </c>
      <c r="AP15" s="129">
        <v>0</v>
      </c>
      <c r="AQ15" s="123">
        <v>0</v>
      </c>
      <c r="AR15" s="126">
        <v>0</v>
      </c>
      <c r="AS15" s="124">
        <v>76</v>
      </c>
      <c r="AT15" s="125">
        <v>90</v>
      </c>
      <c r="AU15" s="125">
        <v>126</v>
      </c>
      <c r="AV15" s="125">
        <v>148</v>
      </c>
      <c r="AW15" s="123">
        <v>64</v>
      </c>
      <c r="AX15" s="126">
        <v>504</v>
      </c>
      <c r="AY15" s="127">
        <v>504</v>
      </c>
      <c r="AZ15" s="122">
        <v>0</v>
      </c>
      <c r="BA15" s="123">
        <v>0</v>
      </c>
      <c r="BB15" s="123">
        <v>0</v>
      </c>
      <c r="BC15" s="124">
        <v>1</v>
      </c>
      <c r="BD15" s="125">
        <v>1</v>
      </c>
      <c r="BE15" s="125">
        <v>4</v>
      </c>
      <c r="BF15" s="125">
        <v>2</v>
      </c>
      <c r="BG15" s="123">
        <v>0</v>
      </c>
      <c r="BH15" s="126">
        <v>8</v>
      </c>
      <c r="BI15" s="128">
        <v>8</v>
      </c>
      <c r="BJ15" s="129">
        <v>0</v>
      </c>
      <c r="BK15" s="123">
        <v>0</v>
      </c>
      <c r="BL15" s="123">
        <v>0</v>
      </c>
      <c r="BM15" s="124">
        <v>0</v>
      </c>
      <c r="BN15" s="125">
        <v>0</v>
      </c>
      <c r="BO15" s="125">
        <v>0</v>
      </c>
      <c r="BP15" s="125">
        <v>0</v>
      </c>
      <c r="BQ15" s="123">
        <v>1</v>
      </c>
      <c r="BR15" s="126">
        <v>1</v>
      </c>
      <c r="BS15" s="127">
        <v>1</v>
      </c>
      <c r="BT15" s="122">
        <v>0</v>
      </c>
      <c r="BU15" s="123">
        <v>0</v>
      </c>
      <c r="BV15" s="123">
        <v>0</v>
      </c>
      <c r="BW15" s="124">
        <v>0</v>
      </c>
      <c r="BX15" s="125">
        <v>0</v>
      </c>
      <c r="BY15" s="125">
        <v>0</v>
      </c>
      <c r="BZ15" s="125">
        <v>0</v>
      </c>
      <c r="CA15" s="123">
        <v>1</v>
      </c>
      <c r="CB15" s="126">
        <v>1</v>
      </c>
      <c r="CC15" s="128">
        <v>1</v>
      </c>
      <c r="CD15" s="129">
        <v>0</v>
      </c>
      <c r="CE15" s="123">
        <v>0</v>
      </c>
      <c r="CF15" s="123">
        <v>0</v>
      </c>
      <c r="CG15" s="124">
        <v>0</v>
      </c>
      <c r="CH15" s="125">
        <v>0</v>
      </c>
      <c r="CI15" s="125">
        <v>0</v>
      </c>
      <c r="CJ15" s="125">
        <v>0</v>
      </c>
      <c r="CK15" s="123">
        <v>0</v>
      </c>
      <c r="CL15" s="126">
        <v>0</v>
      </c>
      <c r="CM15" s="128">
        <v>0</v>
      </c>
      <c r="CN15" s="129">
        <v>0</v>
      </c>
      <c r="CO15" s="123">
        <v>0</v>
      </c>
      <c r="CP15" s="123">
        <v>0</v>
      </c>
      <c r="CQ15" s="124">
        <v>3</v>
      </c>
      <c r="CR15" s="125">
        <v>6</v>
      </c>
      <c r="CS15" s="125">
        <v>7</v>
      </c>
      <c r="CT15" s="125">
        <v>9</v>
      </c>
      <c r="CU15" s="123">
        <v>21</v>
      </c>
      <c r="CV15" s="126">
        <v>46</v>
      </c>
      <c r="CW15" s="127">
        <v>46</v>
      </c>
      <c r="CX15" s="122">
        <v>0</v>
      </c>
      <c r="CY15" s="123">
        <v>0</v>
      </c>
      <c r="CZ15" s="123">
        <v>0</v>
      </c>
      <c r="DA15" s="124">
        <v>2</v>
      </c>
      <c r="DB15" s="125">
        <v>6</v>
      </c>
      <c r="DC15" s="125">
        <v>7</v>
      </c>
      <c r="DD15" s="125">
        <v>9</v>
      </c>
      <c r="DE15" s="123">
        <v>18</v>
      </c>
      <c r="DF15" s="126">
        <v>42</v>
      </c>
      <c r="DG15" s="128">
        <v>42</v>
      </c>
      <c r="DH15" s="129">
        <v>0</v>
      </c>
      <c r="DI15" s="123">
        <v>0</v>
      </c>
      <c r="DJ15" s="123">
        <v>0</v>
      </c>
      <c r="DK15" s="124">
        <v>1</v>
      </c>
      <c r="DL15" s="125">
        <v>0</v>
      </c>
      <c r="DM15" s="125">
        <v>0</v>
      </c>
      <c r="DN15" s="125">
        <v>0</v>
      </c>
      <c r="DO15" s="123">
        <v>3</v>
      </c>
      <c r="DP15" s="126">
        <v>4</v>
      </c>
      <c r="DQ15" s="128">
        <v>4</v>
      </c>
      <c r="DR15" s="129">
        <v>0</v>
      </c>
      <c r="DS15" s="123">
        <v>0</v>
      </c>
      <c r="DT15" s="123">
        <v>0</v>
      </c>
      <c r="DU15" s="124">
        <v>82</v>
      </c>
      <c r="DV15" s="125">
        <v>102</v>
      </c>
      <c r="DW15" s="125">
        <v>350</v>
      </c>
      <c r="DX15" s="125">
        <v>508</v>
      </c>
      <c r="DY15" s="123">
        <v>265</v>
      </c>
      <c r="DZ15" s="126">
        <v>1307</v>
      </c>
      <c r="EA15" s="128">
        <v>1307</v>
      </c>
      <c r="EB15" s="36"/>
    </row>
    <row r="16" spans="1:132" ht="20.25" customHeight="1" x14ac:dyDescent="0.2">
      <c r="A16" s="61" t="s">
        <v>12</v>
      </c>
      <c r="B16" s="122">
        <v>0</v>
      </c>
      <c r="C16" s="123">
        <v>0</v>
      </c>
      <c r="D16" s="123">
        <v>0</v>
      </c>
      <c r="E16" s="124">
        <v>2</v>
      </c>
      <c r="F16" s="125">
        <v>20</v>
      </c>
      <c r="G16" s="125">
        <v>176</v>
      </c>
      <c r="H16" s="125">
        <v>305</v>
      </c>
      <c r="I16" s="123">
        <v>221</v>
      </c>
      <c r="J16" s="126">
        <v>724</v>
      </c>
      <c r="K16" s="127">
        <v>724</v>
      </c>
      <c r="L16" s="122">
        <v>0</v>
      </c>
      <c r="M16" s="123">
        <v>0</v>
      </c>
      <c r="N16" s="126">
        <v>0</v>
      </c>
      <c r="O16" s="124">
        <v>2</v>
      </c>
      <c r="P16" s="125">
        <v>19</v>
      </c>
      <c r="Q16" s="125">
        <v>176</v>
      </c>
      <c r="R16" s="125">
        <v>304</v>
      </c>
      <c r="S16" s="123">
        <v>215</v>
      </c>
      <c r="T16" s="126">
        <v>716</v>
      </c>
      <c r="U16" s="128">
        <v>716</v>
      </c>
      <c r="V16" s="129">
        <v>0</v>
      </c>
      <c r="W16" s="123">
        <v>0</v>
      </c>
      <c r="X16" s="126">
        <v>0</v>
      </c>
      <c r="Y16" s="129">
        <v>0</v>
      </c>
      <c r="Z16" s="125">
        <v>1</v>
      </c>
      <c r="AA16" s="125">
        <v>0</v>
      </c>
      <c r="AB16" s="125">
        <v>1</v>
      </c>
      <c r="AC16" s="123">
        <v>6</v>
      </c>
      <c r="AD16" s="126">
        <v>8</v>
      </c>
      <c r="AE16" s="130">
        <v>8</v>
      </c>
      <c r="AF16" s="129">
        <v>0</v>
      </c>
      <c r="AG16" s="123">
        <v>0</v>
      </c>
      <c r="AH16" s="126">
        <v>0</v>
      </c>
      <c r="AI16" s="129">
        <v>45</v>
      </c>
      <c r="AJ16" s="125">
        <v>77</v>
      </c>
      <c r="AK16" s="125">
        <v>146</v>
      </c>
      <c r="AL16" s="125">
        <v>173</v>
      </c>
      <c r="AM16" s="123">
        <v>71</v>
      </c>
      <c r="AN16" s="126">
        <v>512</v>
      </c>
      <c r="AO16" s="130">
        <v>512</v>
      </c>
      <c r="AP16" s="129">
        <v>0</v>
      </c>
      <c r="AQ16" s="123">
        <v>0</v>
      </c>
      <c r="AR16" s="126">
        <v>0</v>
      </c>
      <c r="AS16" s="124">
        <v>44</v>
      </c>
      <c r="AT16" s="125">
        <v>77</v>
      </c>
      <c r="AU16" s="125">
        <v>143</v>
      </c>
      <c r="AV16" s="125">
        <v>170</v>
      </c>
      <c r="AW16" s="123">
        <v>71</v>
      </c>
      <c r="AX16" s="126">
        <v>505</v>
      </c>
      <c r="AY16" s="127">
        <v>505</v>
      </c>
      <c r="AZ16" s="122">
        <v>0</v>
      </c>
      <c r="BA16" s="123">
        <v>0</v>
      </c>
      <c r="BB16" s="123">
        <v>0</v>
      </c>
      <c r="BC16" s="124">
        <v>1</v>
      </c>
      <c r="BD16" s="125">
        <v>0</v>
      </c>
      <c r="BE16" s="125">
        <v>3</v>
      </c>
      <c r="BF16" s="125">
        <v>3</v>
      </c>
      <c r="BG16" s="123">
        <v>0</v>
      </c>
      <c r="BH16" s="126">
        <v>7</v>
      </c>
      <c r="BI16" s="128">
        <v>7</v>
      </c>
      <c r="BJ16" s="129">
        <v>0</v>
      </c>
      <c r="BK16" s="123">
        <v>0</v>
      </c>
      <c r="BL16" s="123">
        <v>0</v>
      </c>
      <c r="BM16" s="124">
        <v>0</v>
      </c>
      <c r="BN16" s="125">
        <v>0</v>
      </c>
      <c r="BO16" s="125">
        <v>0</v>
      </c>
      <c r="BP16" s="125">
        <v>10</v>
      </c>
      <c r="BQ16" s="123">
        <v>9</v>
      </c>
      <c r="BR16" s="126">
        <v>19</v>
      </c>
      <c r="BS16" s="127">
        <v>19</v>
      </c>
      <c r="BT16" s="122">
        <v>0</v>
      </c>
      <c r="BU16" s="123">
        <v>0</v>
      </c>
      <c r="BV16" s="123">
        <v>0</v>
      </c>
      <c r="BW16" s="124">
        <v>0</v>
      </c>
      <c r="BX16" s="125">
        <v>0</v>
      </c>
      <c r="BY16" s="125">
        <v>0</v>
      </c>
      <c r="BZ16" s="125">
        <v>10</v>
      </c>
      <c r="CA16" s="123">
        <v>9</v>
      </c>
      <c r="CB16" s="126">
        <v>19</v>
      </c>
      <c r="CC16" s="128">
        <v>19</v>
      </c>
      <c r="CD16" s="129">
        <v>0</v>
      </c>
      <c r="CE16" s="123">
        <v>0</v>
      </c>
      <c r="CF16" s="123">
        <v>0</v>
      </c>
      <c r="CG16" s="124">
        <v>0</v>
      </c>
      <c r="CH16" s="125">
        <v>0</v>
      </c>
      <c r="CI16" s="125">
        <v>0</v>
      </c>
      <c r="CJ16" s="125">
        <v>0</v>
      </c>
      <c r="CK16" s="123">
        <v>0</v>
      </c>
      <c r="CL16" s="126">
        <v>0</v>
      </c>
      <c r="CM16" s="128">
        <v>0</v>
      </c>
      <c r="CN16" s="129">
        <v>0</v>
      </c>
      <c r="CO16" s="123">
        <v>0</v>
      </c>
      <c r="CP16" s="123">
        <v>0</v>
      </c>
      <c r="CQ16" s="124">
        <v>0</v>
      </c>
      <c r="CR16" s="125">
        <v>1</v>
      </c>
      <c r="CS16" s="125">
        <v>3</v>
      </c>
      <c r="CT16" s="125">
        <v>2</v>
      </c>
      <c r="CU16" s="123">
        <v>6</v>
      </c>
      <c r="CV16" s="126">
        <v>12</v>
      </c>
      <c r="CW16" s="127">
        <v>12</v>
      </c>
      <c r="CX16" s="122">
        <v>0</v>
      </c>
      <c r="CY16" s="123">
        <v>0</v>
      </c>
      <c r="CZ16" s="123">
        <v>0</v>
      </c>
      <c r="DA16" s="124">
        <v>0</v>
      </c>
      <c r="DB16" s="125">
        <v>1</v>
      </c>
      <c r="DC16" s="125">
        <v>3</v>
      </c>
      <c r="DD16" s="125">
        <v>2</v>
      </c>
      <c r="DE16" s="123">
        <v>6</v>
      </c>
      <c r="DF16" s="126">
        <v>12</v>
      </c>
      <c r="DG16" s="128">
        <v>12</v>
      </c>
      <c r="DH16" s="129">
        <v>0</v>
      </c>
      <c r="DI16" s="123">
        <v>0</v>
      </c>
      <c r="DJ16" s="123">
        <v>0</v>
      </c>
      <c r="DK16" s="124">
        <v>0</v>
      </c>
      <c r="DL16" s="125">
        <v>0</v>
      </c>
      <c r="DM16" s="125">
        <v>0</v>
      </c>
      <c r="DN16" s="125">
        <v>0</v>
      </c>
      <c r="DO16" s="123">
        <v>0</v>
      </c>
      <c r="DP16" s="126">
        <v>0</v>
      </c>
      <c r="DQ16" s="128">
        <v>0</v>
      </c>
      <c r="DR16" s="129">
        <v>0</v>
      </c>
      <c r="DS16" s="123">
        <v>0</v>
      </c>
      <c r="DT16" s="123">
        <v>0</v>
      </c>
      <c r="DU16" s="124">
        <v>47</v>
      </c>
      <c r="DV16" s="125">
        <v>98</v>
      </c>
      <c r="DW16" s="125">
        <v>323</v>
      </c>
      <c r="DX16" s="125">
        <v>487</v>
      </c>
      <c r="DY16" s="123">
        <v>307</v>
      </c>
      <c r="DZ16" s="126">
        <v>1262</v>
      </c>
      <c r="EA16" s="128">
        <v>1262</v>
      </c>
      <c r="EB16" s="36"/>
    </row>
    <row r="17" spans="1:132" ht="20.25" customHeight="1" x14ac:dyDescent="0.2">
      <c r="A17" s="61" t="s">
        <v>13</v>
      </c>
      <c r="B17" s="122">
        <v>0</v>
      </c>
      <c r="C17" s="123">
        <v>0</v>
      </c>
      <c r="D17" s="123">
        <v>0</v>
      </c>
      <c r="E17" s="124">
        <v>2</v>
      </c>
      <c r="F17" s="125">
        <v>1</v>
      </c>
      <c r="G17" s="125">
        <v>70</v>
      </c>
      <c r="H17" s="125">
        <v>143</v>
      </c>
      <c r="I17" s="123">
        <v>106</v>
      </c>
      <c r="J17" s="126">
        <v>322</v>
      </c>
      <c r="K17" s="127">
        <v>322</v>
      </c>
      <c r="L17" s="122">
        <v>0</v>
      </c>
      <c r="M17" s="123">
        <v>0</v>
      </c>
      <c r="N17" s="126">
        <v>0</v>
      </c>
      <c r="O17" s="124">
        <v>2</v>
      </c>
      <c r="P17" s="125">
        <v>1</v>
      </c>
      <c r="Q17" s="125">
        <v>69</v>
      </c>
      <c r="R17" s="125">
        <v>143</v>
      </c>
      <c r="S17" s="123">
        <v>106</v>
      </c>
      <c r="T17" s="126">
        <v>321</v>
      </c>
      <c r="U17" s="128">
        <v>321</v>
      </c>
      <c r="V17" s="129">
        <v>0</v>
      </c>
      <c r="W17" s="123">
        <v>0</v>
      </c>
      <c r="X17" s="126">
        <v>0</v>
      </c>
      <c r="Y17" s="129">
        <v>0</v>
      </c>
      <c r="Z17" s="125">
        <v>0</v>
      </c>
      <c r="AA17" s="125">
        <v>1</v>
      </c>
      <c r="AB17" s="125">
        <v>0</v>
      </c>
      <c r="AC17" s="123">
        <v>0</v>
      </c>
      <c r="AD17" s="126">
        <v>1</v>
      </c>
      <c r="AE17" s="130">
        <v>1</v>
      </c>
      <c r="AF17" s="129">
        <v>0</v>
      </c>
      <c r="AG17" s="123">
        <v>0</v>
      </c>
      <c r="AH17" s="126">
        <v>0</v>
      </c>
      <c r="AI17" s="129">
        <v>10</v>
      </c>
      <c r="AJ17" s="125">
        <v>28</v>
      </c>
      <c r="AK17" s="125">
        <v>36</v>
      </c>
      <c r="AL17" s="125">
        <v>27</v>
      </c>
      <c r="AM17" s="123">
        <v>26</v>
      </c>
      <c r="AN17" s="126">
        <v>127</v>
      </c>
      <c r="AO17" s="130">
        <v>127</v>
      </c>
      <c r="AP17" s="129">
        <v>0</v>
      </c>
      <c r="AQ17" s="123">
        <v>0</v>
      </c>
      <c r="AR17" s="126">
        <v>0</v>
      </c>
      <c r="AS17" s="124">
        <v>10</v>
      </c>
      <c r="AT17" s="125">
        <v>28</v>
      </c>
      <c r="AU17" s="125">
        <v>33</v>
      </c>
      <c r="AV17" s="125">
        <v>27</v>
      </c>
      <c r="AW17" s="123">
        <v>25</v>
      </c>
      <c r="AX17" s="126">
        <v>123</v>
      </c>
      <c r="AY17" s="127">
        <v>123</v>
      </c>
      <c r="AZ17" s="122">
        <v>0</v>
      </c>
      <c r="BA17" s="123">
        <v>0</v>
      </c>
      <c r="BB17" s="123">
        <v>0</v>
      </c>
      <c r="BC17" s="124">
        <v>0</v>
      </c>
      <c r="BD17" s="125">
        <v>0</v>
      </c>
      <c r="BE17" s="125">
        <v>3</v>
      </c>
      <c r="BF17" s="125">
        <v>0</v>
      </c>
      <c r="BG17" s="123">
        <v>1</v>
      </c>
      <c r="BH17" s="126">
        <v>4</v>
      </c>
      <c r="BI17" s="128">
        <v>4</v>
      </c>
      <c r="BJ17" s="129">
        <v>0</v>
      </c>
      <c r="BK17" s="123">
        <v>0</v>
      </c>
      <c r="BL17" s="123">
        <v>0</v>
      </c>
      <c r="BM17" s="124">
        <v>0</v>
      </c>
      <c r="BN17" s="125">
        <v>0</v>
      </c>
      <c r="BO17" s="125">
        <v>0</v>
      </c>
      <c r="BP17" s="125">
        <v>0</v>
      </c>
      <c r="BQ17" s="123">
        <v>0</v>
      </c>
      <c r="BR17" s="126">
        <v>0</v>
      </c>
      <c r="BS17" s="127">
        <v>0</v>
      </c>
      <c r="BT17" s="122">
        <v>0</v>
      </c>
      <c r="BU17" s="123">
        <v>0</v>
      </c>
      <c r="BV17" s="123">
        <v>0</v>
      </c>
      <c r="BW17" s="124">
        <v>0</v>
      </c>
      <c r="BX17" s="125">
        <v>0</v>
      </c>
      <c r="BY17" s="125">
        <v>0</v>
      </c>
      <c r="BZ17" s="125">
        <v>0</v>
      </c>
      <c r="CA17" s="123">
        <v>0</v>
      </c>
      <c r="CB17" s="126">
        <v>0</v>
      </c>
      <c r="CC17" s="128">
        <v>0</v>
      </c>
      <c r="CD17" s="129">
        <v>0</v>
      </c>
      <c r="CE17" s="123">
        <v>0</v>
      </c>
      <c r="CF17" s="123">
        <v>0</v>
      </c>
      <c r="CG17" s="124">
        <v>0</v>
      </c>
      <c r="CH17" s="125">
        <v>0</v>
      </c>
      <c r="CI17" s="125">
        <v>0</v>
      </c>
      <c r="CJ17" s="125">
        <v>0</v>
      </c>
      <c r="CK17" s="123">
        <v>0</v>
      </c>
      <c r="CL17" s="126">
        <v>0</v>
      </c>
      <c r="CM17" s="128">
        <v>0</v>
      </c>
      <c r="CN17" s="129">
        <v>0</v>
      </c>
      <c r="CO17" s="123">
        <v>0</v>
      </c>
      <c r="CP17" s="123">
        <v>0</v>
      </c>
      <c r="CQ17" s="124">
        <v>0</v>
      </c>
      <c r="CR17" s="125">
        <v>0</v>
      </c>
      <c r="CS17" s="125">
        <v>0</v>
      </c>
      <c r="CT17" s="125">
        <v>0</v>
      </c>
      <c r="CU17" s="123">
        <v>0</v>
      </c>
      <c r="CV17" s="126">
        <v>0</v>
      </c>
      <c r="CW17" s="127">
        <v>0</v>
      </c>
      <c r="CX17" s="122">
        <v>0</v>
      </c>
      <c r="CY17" s="123">
        <v>0</v>
      </c>
      <c r="CZ17" s="123">
        <v>0</v>
      </c>
      <c r="DA17" s="124">
        <v>0</v>
      </c>
      <c r="DB17" s="125">
        <v>0</v>
      </c>
      <c r="DC17" s="125">
        <v>0</v>
      </c>
      <c r="DD17" s="125">
        <v>0</v>
      </c>
      <c r="DE17" s="123">
        <v>0</v>
      </c>
      <c r="DF17" s="126">
        <v>0</v>
      </c>
      <c r="DG17" s="128">
        <v>0</v>
      </c>
      <c r="DH17" s="129">
        <v>0</v>
      </c>
      <c r="DI17" s="123">
        <v>0</v>
      </c>
      <c r="DJ17" s="123">
        <v>0</v>
      </c>
      <c r="DK17" s="124">
        <v>0</v>
      </c>
      <c r="DL17" s="125">
        <v>0</v>
      </c>
      <c r="DM17" s="125">
        <v>0</v>
      </c>
      <c r="DN17" s="125">
        <v>0</v>
      </c>
      <c r="DO17" s="123">
        <v>0</v>
      </c>
      <c r="DP17" s="126">
        <v>0</v>
      </c>
      <c r="DQ17" s="128">
        <v>0</v>
      </c>
      <c r="DR17" s="129">
        <v>0</v>
      </c>
      <c r="DS17" s="123">
        <v>0</v>
      </c>
      <c r="DT17" s="123">
        <v>0</v>
      </c>
      <c r="DU17" s="124">
        <v>12</v>
      </c>
      <c r="DV17" s="125">
        <v>29</v>
      </c>
      <c r="DW17" s="125">
        <v>106</v>
      </c>
      <c r="DX17" s="125">
        <v>170</v>
      </c>
      <c r="DY17" s="123">
        <v>132</v>
      </c>
      <c r="DZ17" s="126">
        <v>449</v>
      </c>
      <c r="EA17" s="128">
        <v>449</v>
      </c>
      <c r="EB17" s="36"/>
    </row>
    <row r="18" spans="1:132" ht="20.25" customHeight="1" x14ac:dyDescent="0.2">
      <c r="A18" s="61" t="s">
        <v>15</v>
      </c>
      <c r="B18" s="122">
        <v>0</v>
      </c>
      <c r="C18" s="123">
        <v>0</v>
      </c>
      <c r="D18" s="123">
        <v>0</v>
      </c>
      <c r="E18" s="124">
        <v>0</v>
      </c>
      <c r="F18" s="125">
        <v>2</v>
      </c>
      <c r="G18" s="125">
        <v>85</v>
      </c>
      <c r="H18" s="125">
        <v>128</v>
      </c>
      <c r="I18" s="123">
        <v>70</v>
      </c>
      <c r="J18" s="126">
        <v>285</v>
      </c>
      <c r="K18" s="127">
        <v>285</v>
      </c>
      <c r="L18" s="122">
        <v>0</v>
      </c>
      <c r="M18" s="123">
        <v>0</v>
      </c>
      <c r="N18" s="126">
        <v>0</v>
      </c>
      <c r="O18" s="124">
        <v>0</v>
      </c>
      <c r="P18" s="125">
        <v>2</v>
      </c>
      <c r="Q18" s="125">
        <v>85</v>
      </c>
      <c r="R18" s="125">
        <v>127</v>
      </c>
      <c r="S18" s="123">
        <v>69</v>
      </c>
      <c r="T18" s="126">
        <v>283</v>
      </c>
      <c r="U18" s="128">
        <v>283</v>
      </c>
      <c r="V18" s="129">
        <v>0</v>
      </c>
      <c r="W18" s="123">
        <v>0</v>
      </c>
      <c r="X18" s="126">
        <v>0</v>
      </c>
      <c r="Y18" s="129">
        <v>0</v>
      </c>
      <c r="Z18" s="125">
        <v>0</v>
      </c>
      <c r="AA18" s="125">
        <v>0</v>
      </c>
      <c r="AB18" s="125">
        <v>1</v>
      </c>
      <c r="AC18" s="123">
        <v>1</v>
      </c>
      <c r="AD18" s="126">
        <v>2</v>
      </c>
      <c r="AE18" s="130">
        <v>2</v>
      </c>
      <c r="AF18" s="129">
        <v>0</v>
      </c>
      <c r="AG18" s="123">
        <v>0</v>
      </c>
      <c r="AH18" s="126">
        <v>0</v>
      </c>
      <c r="AI18" s="129">
        <v>25</v>
      </c>
      <c r="AJ18" s="125">
        <v>35</v>
      </c>
      <c r="AK18" s="125">
        <v>44</v>
      </c>
      <c r="AL18" s="125">
        <v>46</v>
      </c>
      <c r="AM18" s="123">
        <v>26</v>
      </c>
      <c r="AN18" s="126">
        <v>176</v>
      </c>
      <c r="AO18" s="130">
        <v>176</v>
      </c>
      <c r="AP18" s="129">
        <v>0</v>
      </c>
      <c r="AQ18" s="123">
        <v>0</v>
      </c>
      <c r="AR18" s="126">
        <v>0</v>
      </c>
      <c r="AS18" s="124">
        <v>24</v>
      </c>
      <c r="AT18" s="125">
        <v>34</v>
      </c>
      <c r="AU18" s="125">
        <v>44</v>
      </c>
      <c r="AV18" s="125">
        <v>44</v>
      </c>
      <c r="AW18" s="123">
        <v>25</v>
      </c>
      <c r="AX18" s="126">
        <v>171</v>
      </c>
      <c r="AY18" s="127">
        <v>171</v>
      </c>
      <c r="AZ18" s="122">
        <v>0</v>
      </c>
      <c r="BA18" s="123">
        <v>0</v>
      </c>
      <c r="BB18" s="123">
        <v>0</v>
      </c>
      <c r="BC18" s="124">
        <v>1</v>
      </c>
      <c r="BD18" s="125">
        <v>1</v>
      </c>
      <c r="BE18" s="125">
        <v>0</v>
      </c>
      <c r="BF18" s="125">
        <v>2</v>
      </c>
      <c r="BG18" s="123">
        <v>1</v>
      </c>
      <c r="BH18" s="126">
        <v>5</v>
      </c>
      <c r="BI18" s="128">
        <v>5</v>
      </c>
      <c r="BJ18" s="129">
        <v>0</v>
      </c>
      <c r="BK18" s="123">
        <v>0</v>
      </c>
      <c r="BL18" s="123">
        <v>0</v>
      </c>
      <c r="BM18" s="124">
        <v>0</v>
      </c>
      <c r="BN18" s="125">
        <v>0</v>
      </c>
      <c r="BO18" s="125">
        <v>0</v>
      </c>
      <c r="BP18" s="125">
        <v>0</v>
      </c>
      <c r="BQ18" s="123">
        <v>1</v>
      </c>
      <c r="BR18" s="126">
        <v>1</v>
      </c>
      <c r="BS18" s="127">
        <v>1</v>
      </c>
      <c r="BT18" s="122">
        <v>0</v>
      </c>
      <c r="BU18" s="123">
        <v>0</v>
      </c>
      <c r="BV18" s="123">
        <v>0</v>
      </c>
      <c r="BW18" s="124">
        <v>0</v>
      </c>
      <c r="BX18" s="125">
        <v>0</v>
      </c>
      <c r="BY18" s="125">
        <v>0</v>
      </c>
      <c r="BZ18" s="125">
        <v>0</v>
      </c>
      <c r="CA18" s="123">
        <v>1</v>
      </c>
      <c r="CB18" s="126">
        <v>1</v>
      </c>
      <c r="CC18" s="128">
        <v>1</v>
      </c>
      <c r="CD18" s="129">
        <v>0</v>
      </c>
      <c r="CE18" s="123">
        <v>0</v>
      </c>
      <c r="CF18" s="123">
        <v>0</v>
      </c>
      <c r="CG18" s="124">
        <v>0</v>
      </c>
      <c r="CH18" s="125">
        <v>0</v>
      </c>
      <c r="CI18" s="125">
        <v>0</v>
      </c>
      <c r="CJ18" s="125">
        <v>0</v>
      </c>
      <c r="CK18" s="123">
        <v>0</v>
      </c>
      <c r="CL18" s="126">
        <v>0</v>
      </c>
      <c r="CM18" s="128">
        <v>0</v>
      </c>
      <c r="CN18" s="129">
        <v>0</v>
      </c>
      <c r="CO18" s="123">
        <v>0</v>
      </c>
      <c r="CP18" s="123">
        <v>0</v>
      </c>
      <c r="CQ18" s="124">
        <v>0</v>
      </c>
      <c r="CR18" s="125">
        <v>0</v>
      </c>
      <c r="CS18" s="125">
        <v>0</v>
      </c>
      <c r="CT18" s="125">
        <v>0</v>
      </c>
      <c r="CU18" s="123">
        <v>0</v>
      </c>
      <c r="CV18" s="126">
        <v>0</v>
      </c>
      <c r="CW18" s="127">
        <v>0</v>
      </c>
      <c r="CX18" s="122">
        <v>0</v>
      </c>
      <c r="CY18" s="123">
        <v>0</v>
      </c>
      <c r="CZ18" s="123">
        <v>0</v>
      </c>
      <c r="DA18" s="124">
        <v>0</v>
      </c>
      <c r="DB18" s="125">
        <v>0</v>
      </c>
      <c r="DC18" s="125">
        <v>0</v>
      </c>
      <c r="DD18" s="125">
        <v>0</v>
      </c>
      <c r="DE18" s="123">
        <v>0</v>
      </c>
      <c r="DF18" s="126">
        <v>0</v>
      </c>
      <c r="DG18" s="128">
        <v>0</v>
      </c>
      <c r="DH18" s="129">
        <v>0</v>
      </c>
      <c r="DI18" s="123">
        <v>0</v>
      </c>
      <c r="DJ18" s="123">
        <v>0</v>
      </c>
      <c r="DK18" s="124">
        <v>0</v>
      </c>
      <c r="DL18" s="125">
        <v>0</v>
      </c>
      <c r="DM18" s="125">
        <v>0</v>
      </c>
      <c r="DN18" s="125">
        <v>0</v>
      </c>
      <c r="DO18" s="123">
        <v>0</v>
      </c>
      <c r="DP18" s="126">
        <v>0</v>
      </c>
      <c r="DQ18" s="128">
        <v>0</v>
      </c>
      <c r="DR18" s="129">
        <v>0</v>
      </c>
      <c r="DS18" s="123">
        <v>0</v>
      </c>
      <c r="DT18" s="123">
        <v>0</v>
      </c>
      <c r="DU18" s="124">
        <v>25</v>
      </c>
      <c r="DV18" s="125">
        <v>37</v>
      </c>
      <c r="DW18" s="125">
        <v>129</v>
      </c>
      <c r="DX18" s="125">
        <v>174</v>
      </c>
      <c r="DY18" s="123">
        <v>97</v>
      </c>
      <c r="DZ18" s="126">
        <v>462</v>
      </c>
      <c r="EA18" s="128">
        <v>462</v>
      </c>
      <c r="EB18" s="36"/>
    </row>
    <row r="19" spans="1:132" ht="20.25" customHeight="1" x14ac:dyDescent="0.2">
      <c r="A19" s="61" t="s">
        <v>16</v>
      </c>
      <c r="B19" s="122">
        <v>0</v>
      </c>
      <c r="C19" s="123">
        <v>0</v>
      </c>
      <c r="D19" s="123">
        <v>0</v>
      </c>
      <c r="E19" s="124">
        <v>9</v>
      </c>
      <c r="F19" s="125">
        <v>25</v>
      </c>
      <c r="G19" s="125">
        <v>195</v>
      </c>
      <c r="H19" s="125">
        <v>276</v>
      </c>
      <c r="I19" s="123">
        <v>192</v>
      </c>
      <c r="J19" s="126">
        <v>697</v>
      </c>
      <c r="K19" s="127">
        <v>697</v>
      </c>
      <c r="L19" s="122">
        <v>0</v>
      </c>
      <c r="M19" s="123">
        <v>0</v>
      </c>
      <c r="N19" s="126">
        <v>0</v>
      </c>
      <c r="O19" s="124">
        <v>9</v>
      </c>
      <c r="P19" s="125">
        <v>25</v>
      </c>
      <c r="Q19" s="125">
        <v>195</v>
      </c>
      <c r="R19" s="125">
        <v>274</v>
      </c>
      <c r="S19" s="123">
        <v>187</v>
      </c>
      <c r="T19" s="126">
        <v>690</v>
      </c>
      <c r="U19" s="128">
        <v>690</v>
      </c>
      <c r="V19" s="129">
        <v>0</v>
      </c>
      <c r="W19" s="123">
        <v>0</v>
      </c>
      <c r="X19" s="126">
        <v>0</v>
      </c>
      <c r="Y19" s="129">
        <v>0</v>
      </c>
      <c r="Z19" s="125">
        <v>0</v>
      </c>
      <c r="AA19" s="125">
        <v>0</v>
      </c>
      <c r="AB19" s="125">
        <v>2</v>
      </c>
      <c r="AC19" s="123">
        <v>5</v>
      </c>
      <c r="AD19" s="126">
        <v>7</v>
      </c>
      <c r="AE19" s="130">
        <v>7</v>
      </c>
      <c r="AF19" s="129">
        <v>0</v>
      </c>
      <c r="AG19" s="123">
        <v>0</v>
      </c>
      <c r="AH19" s="126">
        <v>0</v>
      </c>
      <c r="AI19" s="129">
        <v>64</v>
      </c>
      <c r="AJ19" s="125">
        <v>91</v>
      </c>
      <c r="AK19" s="125">
        <v>134</v>
      </c>
      <c r="AL19" s="125">
        <v>131</v>
      </c>
      <c r="AM19" s="123">
        <v>64</v>
      </c>
      <c r="AN19" s="126">
        <v>484</v>
      </c>
      <c r="AO19" s="130">
        <v>484</v>
      </c>
      <c r="AP19" s="129">
        <v>0</v>
      </c>
      <c r="AQ19" s="123">
        <v>0</v>
      </c>
      <c r="AR19" s="126">
        <v>0</v>
      </c>
      <c r="AS19" s="124">
        <v>64</v>
      </c>
      <c r="AT19" s="125">
        <v>91</v>
      </c>
      <c r="AU19" s="125">
        <v>132</v>
      </c>
      <c r="AV19" s="125">
        <v>131</v>
      </c>
      <c r="AW19" s="123">
        <v>63</v>
      </c>
      <c r="AX19" s="126">
        <v>481</v>
      </c>
      <c r="AY19" s="127">
        <v>481</v>
      </c>
      <c r="AZ19" s="122">
        <v>0</v>
      </c>
      <c r="BA19" s="123">
        <v>0</v>
      </c>
      <c r="BB19" s="123">
        <v>0</v>
      </c>
      <c r="BC19" s="124">
        <v>0</v>
      </c>
      <c r="BD19" s="125">
        <v>0</v>
      </c>
      <c r="BE19" s="125">
        <v>2</v>
      </c>
      <c r="BF19" s="125">
        <v>0</v>
      </c>
      <c r="BG19" s="123">
        <v>1</v>
      </c>
      <c r="BH19" s="126">
        <v>3</v>
      </c>
      <c r="BI19" s="128">
        <v>3</v>
      </c>
      <c r="BJ19" s="129">
        <v>0</v>
      </c>
      <c r="BK19" s="123">
        <v>0</v>
      </c>
      <c r="BL19" s="123">
        <v>0</v>
      </c>
      <c r="BM19" s="124">
        <v>0</v>
      </c>
      <c r="BN19" s="125">
        <v>0</v>
      </c>
      <c r="BO19" s="125">
        <v>0</v>
      </c>
      <c r="BP19" s="125">
        <v>1</v>
      </c>
      <c r="BQ19" s="123">
        <v>3</v>
      </c>
      <c r="BR19" s="126">
        <v>4</v>
      </c>
      <c r="BS19" s="127">
        <v>4</v>
      </c>
      <c r="BT19" s="122">
        <v>0</v>
      </c>
      <c r="BU19" s="123">
        <v>0</v>
      </c>
      <c r="BV19" s="123">
        <v>0</v>
      </c>
      <c r="BW19" s="124">
        <v>0</v>
      </c>
      <c r="BX19" s="125">
        <v>0</v>
      </c>
      <c r="BY19" s="125">
        <v>0</v>
      </c>
      <c r="BZ19" s="125">
        <v>1</v>
      </c>
      <c r="CA19" s="123">
        <v>3</v>
      </c>
      <c r="CB19" s="126">
        <v>4</v>
      </c>
      <c r="CC19" s="128">
        <v>4</v>
      </c>
      <c r="CD19" s="129">
        <v>0</v>
      </c>
      <c r="CE19" s="123">
        <v>0</v>
      </c>
      <c r="CF19" s="123">
        <v>0</v>
      </c>
      <c r="CG19" s="124">
        <v>0</v>
      </c>
      <c r="CH19" s="125">
        <v>0</v>
      </c>
      <c r="CI19" s="125">
        <v>0</v>
      </c>
      <c r="CJ19" s="125">
        <v>0</v>
      </c>
      <c r="CK19" s="123">
        <v>0</v>
      </c>
      <c r="CL19" s="126">
        <v>0</v>
      </c>
      <c r="CM19" s="128">
        <v>0</v>
      </c>
      <c r="CN19" s="129">
        <v>0</v>
      </c>
      <c r="CO19" s="123">
        <v>0</v>
      </c>
      <c r="CP19" s="123">
        <v>0</v>
      </c>
      <c r="CQ19" s="124">
        <v>0</v>
      </c>
      <c r="CR19" s="125">
        <v>0</v>
      </c>
      <c r="CS19" s="125">
        <v>6</v>
      </c>
      <c r="CT19" s="125">
        <v>11</v>
      </c>
      <c r="CU19" s="123">
        <v>9</v>
      </c>
      <c r="CV19" s="126">
        <v>26</v>
      </c>
      <c r="CW19" s="127">
        <v>26</v>
      </c>
      <c r="CX19" s="122">
        <v>0</v>
      </c>
      <c r="CY19" s="123">
        <v>0</v>
      </c>
      <c r="CZ19" s="123">
        <v>0</v>
      </c>
      <c r="DA19" s="124">
        <v>0</v>
      </c>
      <c r="DB19" s="125">
        <v>0</v>
      </c>
      <c r="DC19" s="125">
        <v>6</v>
      </c>
      <c r="DD19" s="125">
        <v>11</v>
      </c>
      <c r="DE19" s="123">
        <v>9</v>
      </c>
      <c r="DF19" s="126">
        <v>26</v>
      </c>
      <c r="DG19" s="128">
        <v>26</v>
      </c>
      <c r="DH19" s="129">
        <v>0</v>
      </c>
      <c r="DI19" s="123">
        <v>0</v>
      </c>
      <c r="DJ19" s="123">
        <v>0</v>
      </c>
      <c r="DK19" s="124">
        <v>0</v>
      </c>
      <c r="DL19" s="125">
        <v>0</v>
      </c>
      <c r="DM19" s="125">
        <v>0</v>
      </c>
      <c r="DN19" s="125">
        <v>0</v>
      </c>
      <c r="DO19" s="123">
        <v>0</v>
      </c>
      <c r="DP19" s="126">
        <v>0</v>
      </c>
      <c r="DQ19" s="128">
        <v>0</v>
      </c>
      <c r="DR19" s="129">
        <v>0</v>
      </c>
      <c r="DS19" s="123">
        <v>0</v>
      </c>
      <c r="DT19" s="123">
        <v>0</v>
      </c>
      <c r="DU19" s="124">
        <v>73</v>
      </c>
      <c r="DV19" s="125">
        <v>116</v>
      </c>
      <c r="DW19" s="125">
        <v>333</v>
      </c>
      <c r="DX19" s="125">
        <v>414</v>
      </c>
      <c r="DY19" s="123">
        <v>268</v>
      </c>
      <c r="DZ19" s="126">
        <v>1204</v>
      </c>
      <c r="EA19" s="128">
        <v>1204</v>
      </c>
      <c r="EB19" s="36"/>
    </row>
    <row r="20" spans="1:132" ht="20.25" customHeight="1" x14ac:dyDescent="0.2">
      <c r="A20" s="61" t="s">
        <v>17</v>
      </c>
      <c r="B20" s="122">
        <v>0</v>
      </c>
      <c r="C20" s="123">
        <v>0</v>
      </c>
      <c r="D20" s="123">
        <v>0</v>
      </c>
      <c r="E20" s="124">
        <v>8</v>
      </c>
      <c r="F20" s="125">
        <v>25</v>
      </c>
      <c r="G20" s="125">
        <v>185</v>
      </c>
      <c r="H20" s="125">
        <v>270</v>
      </c>
      <c r="I20" s="123">
        <v>198</v>
      </c>
      <c r="J20" s="126">
        <v>686</v>
      </c>
      <c r="K20" s="127">
        <v>686</v>
      </c>
      <c r="L20" s="122">
        <v>0</v>
      </c>
      <c r="M20" s="123">
        <v>0</v>
      </c>
      <c r="N20" s="126">
        <v>0</v>
      </c>
      <c r="O20" s="124">
        <v>8</v>
      </c>
      <c r="P20" s="125">
        <v>25</v>
      </c>
      <c r="Q20" s="125">
        <v>183</v>
      </c>
      <c r="R20" s="125">
        <v>267</v>
      </c>
      <c r="S20" s="123">
        <v>196</v>
      </c>
      <c r="T20" s="126">
        <v>679</v>
      </c>
      <c r="U20" s="128">
        <v>679</v>
      </c>
      <c r="V20" s="129">
        <v>0</v>
      </c>
      <c r="W20" s="123">
        <v>0</v>
      </c>
      <c r="X20" s="126">
        <v>0</v>
      </c>
      <c r="Y20" s="129">
        <v>0</v>
      </c>
      <c r="Z20" s="125">
        <v>0</v>
      </c>
      <c r="AA20" s="125">
        <v>2</v>
      </c>
      <c r="AB20" s="125">
        <v>3</v>
      </c>
      <c r="AC20" s="123">
        <v>2</v>
      </c>
      <c r="AD20" s="126">
        <v>7</v>
      </c>
      <c r="AE20" s="130">
        <v>7</v>
      </c>
      <c r="AF20" s="129">
        <v>0</v>
      </c>
      <c r="AG20" s="123">
        <v>0</v>
      </c>
      <c r="AH20" s="126">
        <v>0</v>
      </c>
      <c r="AI20" s="129">
        <v>36</v>
      </c>
      <c r="AJ20" s="125">
        <v>93</v>
      </c>
      <c r="AK20" s="125">
        <v>128</v>
      </c>
      <c r="AL20" s="125">
        <v>119</v>
      </c>
      <c r="AM20" s="123">
        <v>68</v>
      </c>
      <c r="AN20" s="126">
        <v>444</v>
      </c>
      <c r="AO20" s="130">
        <v>444</v>
      </c>
      <c r="AP20" s="129">
        <v>0</v>
      </c>
      <c r="AQ20" s="123">
        <v>0</v>
      </c>
      <c r="AR20" s="126">
        <v>0</v>
      </c>
      <c r="AS20" s="124">
        <v>35</v>
      </c>
      <c r="AT20" s="125">
        <v>92</v>
      </c>
      <c r="AU20" s="125">
        <v>124</v>
      </c>
      <c r="AV20" s="125">
        <v>116</v>
      </c>
      <c r="AW20" s="123">
        <v>68</v>
      </c>
      <c r="AX20" s="126">
        <v>435</v>
      </c>
      <c r="AY20" s="127">
        <v>435</v>
      </c>
      <c r="AZ20" s="122">
        <v>0</v>
      </c>
      <c r="BA20" s="123">
        <v>0</v>
      </c>
      <c r="BB20" s="123">
        <v>0</v>
      </c>
      <c r="BC20" s="124">
        <v>1</v>
      </c>
      <c r="BD20" s="125">
        <v>1</v>
      </c>
      <c r="BE20" s="125">
        <v>4</v>
      </c>
      <c r="BF20" s="125">
        <v>3</v>
      </c>
      <c r="BG20" s="123">
        <v>0</v>
      </c>
      <c r="BH20" s="126">
        <v>9</v>
      </c>
      <c r="BI20" s="128">
        <v>9</v>
      </c>
      <c r="BJ20" s="129">
        <v>0</v>
      </c>
      <c r="BK20" s="123">
        <v>0</v>
      </c>
      <c r="BL20" s="123">
        <v>0</v>
      </c>
      <c r="BM20" s="124">
        <v>0</v>
      </c>
      <c r="BN20" s="125">
        <v>0</v>
      </c>
      <c r="BO20" s="125">
        <v>0</v>
      </c>
      <c r="BP20" s="125">
        <v>0</v>
      </c>
      <c r="BQ20" s="123">
        <v>5</v>
      </c>
      <c r="BR20" s="126">
        <v>5</v>
      </c>
      <c r="BS20" s="127">
        <v>5</v>
      </c>
      <c r="BT20" s="122">
        <v>0</v>
      </c>
      <c r="BU20" s="123">
        <v>0</v>
      </c>
      <c r="BV20" s="123">
        <v>0</v>
      </c>
      <c r="BW20" s="124">
        <v>0</v>
      </c>
      <c r="BX20" s="125">
        <v>0</v>
      </c>
      <c r="BY20" s="125">
        <v>0</v>
      </c>
      <c r="BZ20" s="125">
        <v>0</v>
      </c>
      <c r="CA20" s="123">
        <v>5</v>
      </c>
      <c r="CB20" s="126">
        <v>5</v>
      </c>
      <c r="CC20" s="128">
        <v>5</v>
      </c>
      <c r="CD20" s="129">
        <v>0</v>
      </c>
      <c r="CE20" s="123">
        <v>0</v>
      </c>
      <c r="CF20" s="123">
        <v>0</v>
      </c>
      <c r="CG20" s="124">
        <v>0</v>
      </c>
      <c r="CH20" s="125">
        <v>0</v>
      </c>
      <c r="CI20" s="125">
        <v>0</v>
      </c>
      <c r="CJ20" s="125">
        <v>0</v>
      </c>
      <c r="CK20" s="123">
        <v>0</v>
      </c>
      <c r="CL20" s="126">
        <v>0</v>
      </c>
      <c r="CM20" s="128">
        <v>0</v>
      </c>
      <c r="CN20" s="129">
        <v>0</v>
      </c>
      <c r="CO20" s="123">
        <v>0</v>
      </c>
      <c r="CP20" s="123">
        <v>0</v>
      </c>
      <c r="CQ20" s="124">
        <v>0</v>
      </c>
      <c r="CR20" s="125">
        <v>0</v>
      </c>
      <c r="CS20" s="125">
        <v>0</v>
      </c>
      <c r="CT20" s="125">
        <v>4</v>
      </c>
      <c r="CU20" s="123">
        <v>10</v>
      </c>
      <c r="CV20" s="126">
        <v>14</v>
      </c>
      <c r="CW20" s="127">
        <v>14</v>
      </c>
      <c r="CX20" s="122">
        <v>0</v>
      </c>
      <c r="CY20" s="123">
        <v>0</v>
      </c>
      <c r="CZ20" s="123">
        <v>0</v>
      </c>
      <c r="DA20" s="124">
        <v>0</v>
      </c>
      <c r="DB20" s="125">
        <v>0</v>
      </c>
      <c r="DC20" s="125">
        <v>0</v>
      </c>
      <c r="DD20" s="125">
        <v>4</v>
      </c>
      <c r="DE20" s="123">
        <v>10</v>
      </c>
      <c r="DF20" s="126">
        <v>14</v>
      </c>
      <c r="DG20" s="128">
        <v>14</v>
      </c>
      <c r="DH20" s="129">
        <v>0</v>
      </c>
      <c r="DI20" s="123">
        <v>0</v>
      </c>
      <c r="DJ20" s="123">
        <v>0</v>
      </c>
      <c r="DK20" s="124">
        <v>0</v>
      </c>
      <c r="DL20" s="125">
        <v>0</v>
      </c>
      <c r="DM20" s="125">
        <v>0</v>
      </c>
      <c r="DN20" s="125">
        <v>0</v>
      </c>
      <c r="DO20" s="123">
        <v>0</v>
      </c>
      <c r="DP20" s="126">
        <v>0</v>
      </c>
      <c r="DQ20" s="128">
        <v>0</v>
      </c>
      <c r="DR20" s="129">
        <v>0</v>
      </c>
      <c r="DS20" s="123">
        <v>0</v>
      </c>
      <c r="DT20" s="123">
        <v>0</v>
      </c>
      <c r="DU20" s="124">
        <v>44</v>
      </c>
      <c r="DV20" s="125">
        <v>118</v>
      </c>
      <c r="DW20" s="125">
        <v>313</v>
      </c>
      <c r="DX20" s="125">
        <v>393</v>
      </c>
      <c r="DY20" s="123">
        <v>281</v>
      </c>
      <c r="DZ20" s="126">
        <v>1149</v>
      </c>
      <c r="EA20" s="128">
        <v>1149</v>
      </c>
      <c r="EB20" s="36"/>
    </row>
    <row r="21" spans="1:132" ht="20.25" customHeight="1" x14ac:dyDescent="0.2">
      <c r="A21" s="61" t="s">
        <v>18</v>
      </c>
      <c r="B21" s="122">
        <v>0</v>
      </c>
      <c r="C21" s="123">
        <v>0</v>
      </c>
      <c r="D21" s="123">
        <v>0</v>
      </c>
      <c r="E21" s="124">
        <v>5</v>
      </c>
      <c r="F21" s="125">
        <v>11</v>
      </c>
      <c r="G21" s="125">
        <v>184</v>
      </c>
      <c r="H21" s="125">
        <v>374</v>
      </c>
      <c r="I21" s="123">
        <v>269</v>
      </c>
      <c r="J21" s="126">
        <v>843</v>
      </c>
      <c r="K21" s="127">
        <v>843</v>
      </c>
      <c r="L21" s="122">
        <v>0</v>
      </c>
      <c r="M21" s="123">
        <v>0</v>
      </c>
      <c r="N21" s="126">
        <v>0</v>
      </c>
      <c r="O21" s="124">
        <v>5</v>
      </c>
      <c r="P21" s="125">
        <v>11</v>
      </c>
      <c r="Q21" s="125">
        <v>182</v>
      </c>
      <c r="R21" s="125">
        <v>371</v>
      </c>
      <c r="S21" s="123">
        <v>263</v>
      </c>
      <c r="T21" s="126">
        <v>832</v>
      </c>
      <c r="U21" s="128">
        <v>832</v>
      </c>
      <c r="V21" s="129">
        <v>0</v>
      </c>
      <c r="W21" s="123">
        <v>0</v>
      </c>
      <c r="X21" s="126">
        <v>0</v>
      </c>
      <c r="Y21" s="129">
        <v>0</v>
      </c>
      <c r="Z21" s="125">
        <v>0</v>
      </c>
      <c r="AA21" s="125">
        <v>2</v>
      </c>
      <c r="AB21" s="125">
        <v>3</v>
      </c>
      <c r="AC21" s="123">
        <v>6</v>
      </c>
      <c r="AD21" s="126">
        <v>11</v>
      </c>
      <c r="AE21" s="130">
        <v>11</v>
      </c>
      <c r="AF21" s="129">
        <v>0</v>
      </c>
      <c r="AG21" s="123">
        <v>0</v>
      </c>
      <c r="AH21" s="126">
        <v>0</v>
      </c>
      <c r="AI21" s="129">
        <v>44</v>
      </c>
      <c r="AJ21" s="125">
        <v>66</v>
      </c>
      <c r="AK21" s="125">
        <v>101</v>
      </c>
      <c r="AL21" s="125">
        <v>144</v>
      </c>
      <c r="AM21" s="123">
        <v>77</v>
      </c>
      <c r="AN21" s="126">
        <v>432</v>
      </c>
      <c r="AO21" s="130">
        <v>432</v>
      </c>
      <c r="AP21" s="129">
        <v>0</v>
      </c>
      <c r="AQ21" s="123">
        <v>0</v>
      </c>
      <c r="AR21" s="126">
        <v>0</v>
      </c>
      <c r="AS21" s="124">
        <v>44</v>
      </c>
      <c r="AT21" s="125">
        <v>64</v>
      </c>
      <c r="AU21" s="125">
        <v>98</v>
      </c>
      <c r="AV21" s="125">
        <v>142</v>
      </c>
      <c r="AW21" s="123">
        <v>75</v>
      </c>
      <c r="AX21" s="126">
        <v>423</v>
      </c>
      <c r="AY21" s="127">
        <v>423</v>
      </c>
      <c r="AZ21" s="122">
        <v>0</v>
      </c>
      <c r="BA21" s="123">
        <v>0</v>
      </c>
      <c r="BB21" s="123">
        <v>0</v>
      </c>
      <c r="BC21" s="124">
        <v>0</v>
      </c>
      <c r="BD21" s="125">
        <v>2</v>
      </c>
      <c r="BE21" s="125">
        <v>3</v>
      </c>
      <c r="BF21" s="125">
        <v>2</v>
      </c>
      <c r="BG21" s="123">
        <v>2</v>
      </c>
      <c r="BH21" s="126">
        <v>9</v>
      </c>
      <c r="BI21" s="128">
        <v>9</v>
      </c>
      <c r="BJ21" s="129">
        <v>0</v>
      </c>
      <c r="BK21" s="123">
        <v>0</v>
      </c>
      <c r="BL21" s="123">
        <v>0</v>
      </c>
      <c r="BM21" s="124">
        <v>0</v>
      </c>
      <c r="BN21" s="125">
        <v>0</v>
      </c>
      <c r="BO21" s="125">
        <v>0</v>
      </c>
      <c r="BP21" s="125">
        <v>0</v>
      </c>
      <c r="BQ21" s="123">
        <v>5</v>
      </c>
      <c r="BR21" s="126">
        <v>5</v>
      </c>
      <c r="BS21" s="127">
        <v>5</v>
      </c>
      <c r="BT21" s="122">
        <v>0</v>
      </c>
      <c r="BU21" s="123">
        <v>0</v>
      </c>
      <c r="BV21" s="123">
        <v>0</v>
      </c>
      <c r="BW21" s="124">
        <v>0</v>
      </c>
      <c r="BX21" s="125">
        <v>0</v>
      </c>
      <c r="BY21" s="125">
        <v>0</v>
      </c>
      <c r="BZ21" s="125">
        <v>0</v>
      </c>
      <c r="CA21" s="123">
        <v>5</v>
      </c>
      <c r="CB21" s="126">
        <v>5</v>
      </c>
      <c r="CC21" s="128">
        <v>5</v>
      </c>
      <c r="CD21" s="129">
        <v>0</v>
      </c>
      <c r="CE21" s="123">
        <v>0</v>
      </c>
      <c r="CF21" s="123">
        <v>0</v>
      </c>
      <c r="CG21" s="124">
        <v>0</v>
      </c>
      <c r="CH21" s="125">
        <v>0</v>
      </c>
      <c r="CI21" s="125">
        <v>0</v>
      </c>
      <c r="CJ21" s="125">
        <v>0</v>
      </c>
      <c r="CK21" s="123">
        <v>0</v>
      </c>
      <c r="CL21" s="126">
        <v>0</v>
      </c>
      <c r="CM21" s="128">
        <v>0</v>
      </c>
      <c r="CN21" s="129">
        <v>0</v>
      </c>
      <c r="CO21" s="123">
        <v>0</v>
      </c>
      <c r="CP21" s="123">
        <v>0</v>
      </c>
      <c r="CQ21" s="124">
        <v>0</v>
      </c>
      <c r="CR21" s="125">
        <v>0</v>
      </c>
      <c r="CS21" s="125">
        <v>1</v>
      </c>
      <c r="CT21" s="125">
        <v>12</v>
      </c>
      <c r="CU21" s="123">
        <v>17</v>
      </c>
      <c r="CV21" s="126">
        <v>30</v>
      </c>
      <c r="CW21" s="127">
        <v>30</v>
      </c>
      <c r="CX21" s="122">
        <v>0</v>
      </c>
      <c r="CY21" s="123">
        <v>0</v>
      </c>
      <c r="CZ21" s="123">
        <v>0</v>
      </c>
      <c r="DA21" s="124">
        <v>0</v>
      </c>
      <c r="DB21" s="125">
        <v>0</v>
      </c>
      <c r="DC21" s="125">
        <v>1</v>
      </c>
      <c r="DD21" s="125">
        <v>12</v>
      </c>
      <c r="DE21" s="123">
        <v>17</v>
      </c>
      <c r="DF21" s="126">
        <v>30</v>
      </c>
      <c r="DG21" s="128">
        <v>30</v>
      </c>
      <c r="DH21" s="129">
        <v>0</v>
      </c>
      <c r="DI21" s="123">
        <v>0</v>
      </c>
      <c r="DJ21" s="123">
        <v>0</v>
      </c>
      <c r="DK21" s="124">
        <v>0</v>
      </c>
      <c r="DL21" s="125">
        <v>0</v>
      </c>
      <c r="DM21" s="125">
        <v>0</v>
      </c>
      <c r="DN21" s="125">
        <v>0</v>
      </c>
      <c r="DO21" s="123">
        <v>0</v>
      </c>
      <c r="DP21" s="126">
        <v>0</v>
      </c>
      <c r="DQ21" s="128">
        <v>0</v>
      </c>
      <c r="DR21" s="129">
        <v>0</v>
      </c>
      <c r="DS21" s="123">
        <v>0</v>
      </c>
      <c r="DT21" s="123">
        <v>0</v>
      </c>
      <c r="DU21" s="124">
        <v>49</v>
      </c>
      <c r="DV21" s="125">
        <v>77</v>
      </c>
      <c r="DW21" s="125">
        <v>286</v>
      </c>
      <c r="DX21" s="125">
        <v>527</v>
      </c>
      <c r="DY21" s="123">
        <v>366</v>
      </c>
      <c r="DZ21" s="126">
        <v>1305</v>
      </c>
      <c r="EA21" s="128">
        <v>1305</v>
      </c>
      <c r="EB21" s="36"/>
    </row>
    <row r="22" spans="1:132" ht="20.25" customHeight="1" x14ac:dyDescent="0.2">
      <c r="A22" s="61" t="s">
        <v>19</v>
      </c>
      <c r="B22" s="122">
        <v>0</v>
      </c>
      <c r="C22" s="123">
        <v>0</v>
      </c>
      <c r="D22" s="123">
        <v>0</v>
      </c>
      <c r="E22" s="124">
        <v>2</v>
      </c>
      <c r="F22" s="125">
        <v>6</v>
      </c>
      <c r="G22" s="125">
        <v>108</v>
      </c>
      <c r="H22" s="125">
        <v>137</v>
      </c>
      <c r="I22" s="123">
        <v>98</v>
      </c>
      <c r="J22" s="126">
        <v>351</v>
      </c>
      <c r="K22" s="127">
        <v>351</v>
      </c>
      <c r="L22" s="122">
        <v>0</v>
      </c>
      <c r="M22" s="123">
        <v>0</v>
      </c>
      <c r="N22" s="126">
        <v>0</v>
      </c>
      <c r="O22" s="124">
        <v>2</v>
      </c>
      <c r="P22" s="125">
        <v>6</v>
      </c>
      <c r="Q22" s="125">
        <v>107</v>
      </c>
      <c r="R22" s="125">
        <v>136</v>
      </c>
      <c r="S22" s="123">
        <v>98</v>
      </c>
      <c r="T22" s="126">
        <v>349</v>
      </c>
      <c r="U22" s="128">
        <v>349</v>
      </c>
      <c r="V22" s="129">
        <v>0</v>
      </c>
      <c r="W22" s="123">
        <v>0</v>
      </c>
      <c r="X22" s="126">
        <v>0</v>
      </c>
      <c r="Y22" s="129">
        <v>0</v>
      </c>
      <c r="Z22" s="125">
        <v>0</v>
      </c>
      <c r="AA22" s="125">
        <v>1</v>
      </c>
      <c r="AB22" s="125">
        <v>1</v>
      </c>
      <c r="AC22" s="123">
        <v>0</v>
      </c>
      <c r="AD22" s="126">
        <v>2</v>
      </c>
      <c r="AE22" s="130">
        <v>2</v>
      </c>
      <c r="AF22" s="129">
        <v>0</v>
      </c>
      <c r="AG22" s="123">
        <v>0</v>
      </c>
      <c r="AH22" s="126">
        <v>0</v>
      </c>
      <c r="AI22" s="129">
        <v>16</v>
      </c>
      <c r="AJ22" s="125">
        <v>49</v>
      </c>
      <c r="AK22" s="125">
        <v>76</v>
      </c>
      <c r="AL22" s="125">
        <v>58</v>
      </c>
      <c r="AM22" s="123">
        <v>33</v>
      </c>
      <c r="AN22" s="126">
        <v>232</v>
      </c>
      <c r="AO22" s="130">
        <v>232</v>
      </c>
      <c r="AP22" s="129">
        <v>0</v>
      </c>
      <c r="AQ22" s="123">
        <v>0</v>
      </c>
      <c r="AR22" s="126">
        <v>0</v>
      </c>
      <c r="AS22" s="124">
        <v>16</v>
      </c>
      <c r="AT22" s="125">
        <v>49</v>
      </c>
      <c r="AU22" s="125">
        <v>73</v>
      </c>
      <c r="AV22" s="125">
        <v>56</v>
      </c>
      <c r="AW22" s="123">
        <v>33</v>
      </c>
      <c r="AX22" s="126">
        <v>227</v>
      </c>
      <c r="AY22" s="127">
        <v>227</v>
      </c>
      <c r="AZ22" s="122">
        <v>0</v>
      </c>
      <c r="BA22" s="123">
        <v>0</v>
      </c>
      <c r="BB22" s="123">
        <v>0</v>
      </c>
      <c r="BC22" s="124">
        <v>0</v>
      </c>
      <c r="BD22" s="125">
        <v>0</v>
      </c>
      <c r="BE22" s="125">
        <v>3</v>
      </c>
      <c r="BF22" s="125">
        <v>2</v>
      </c>
      <c r="BG22" s="123">
        <v>0</v>
      </c>
      <c r="BH22" s="126">
        <v>5</v>
      </c>
      <c r="BI22" s="128">
        <v>5</v>
      </c>
      <c r="BJ22" s="129">
        <v>0</v>
      </c>
      <c r="BK22" s="123">
        <v>0</v>
      </c>
      <c r="BL22" s="123">
        <v>0</v>
      </c>
      <c r="BM22" s="124">
        <v>0</v>
      </c>
      <c r="BN22" s="125">
        <v>0</v>
      </c>
      <c r="BO22" s="125">
        <v>0</v>
      </c>
      <c r="BP22" s="125">
        <v>0</v>
      </c>
      <c r="BQ22" s="123">
        <v>0</v>
      </c>
      <c r="BR22" s="126">
        <v>0</v>
      </c>
      <c r="BS22" s="127">
        <v>0</v>
      </c>
      <c r="BT22" s="122">
        <v>0</v>
      </c>
      <c r="BU22" s="123">
        <v>0</v>
      </c>
      <c r="BV22" s="123">
        <v>0</v>
      </c>
      <c r="BW22" s="124">
        <v>0</v>
      </c>
      <c r="BX22" s="125">
        <v>0</v>
      </c>
      <c r="BY22" s="125">
        <v>0</v>
      </c>
      <c r="BZ22" s="125">
        <v>0</v>
      </c>
      <c r="CA22" s="123">
        <v>0</v>
      </c>
      <c r="CB22" s="126">
        <v>0</v>
      </c>
      <c r="CC22" s="128">
        <v>0</v>
      </c>
      <c r="CD22" s="129">
        <v>0</v>
      </c>
      <c r="CE22" s="123">
        <v>0</v>
      </c>
      <c r="CF22" s="123">
        <v>0</v>
      </c>
      <c r="CG22" s="124">
        <v>0</v>
      </c>
      <c r="CH22" s="125">
        <v>0</v>
      </c>
      <c r="CI22" s="125">
        <v>0</v>
      </c>
      <c r="CJ22" s="125">
        <v>0</v>
      </c>
      <c r="CK22" s="123">
        <v>0</v>
      </c>
      <c r="CL22" s="126">
        <v>0</v>
      </c>
      <c r="CM22" s="128">
        <v>0</v>
      </c>
      <c r="CN22" s="129">
        <v>0</v>
      </c>
      <c r="CO22" s="123">
        <v>0</v>
      </c>
      <c r="CP22" s="123">
        <v>0</v>
      </c>
      <c r="CQ22" s="124">
        <v>0</v>
      </c>
      <c r="CR22" s="125">
        <v>0</v>
      </c>
      <c r="CS22" s="125">
        <v>0</v>
      </c>
      <c r="CT22" s="125">
        <v>5</v>
      </c>
      <c r="CU22" s="123">
        <v>7</v>
      </c>
      <c r="CV22" s="126">
        <v>12</v>
      </c>
      <c r="CW22" s="127">
        <v>12</v>
      </c>
      <c r="CX22" s="122">
        <v>0</v>
      </c>
      <c r="CY22" s="123">
        <v>0</v>
      </c>
      <c r="CZ22" s="123">
        <v>0</v>
      </c>
      <c r="DA22" s="124">
        <v>0</v>
      </c>
      <c r="DB22" s="125">
        <v>0</v>
      </c>
      <c r="DC22" s="125">
        <v>0</v>
      </c>
      <c r="DD22" s="125">
        <v>5</v>
      </c>
      <c r="DE22" s="123">
        <v>5</v>
      </c>
      <c r="DF22" s="126">
        <v>10</v>
      </c>
      <c r="DG22" s="128">
        <v>10</v>
      </c>
      <c r="DH22" s="129">
        <v>0</v>
      </c>
      <c r="DI22" s="123">
        <v>0</v>
      </c>
      <c r="DJ22" s="123">
        <v>0</v>
      </c>
      <c r="DK22" s="124">
        <v>0</v>
      </c>
      <c r="DL22" s="125">
        <v>0</v>
      </c>
      <c r="DM22" s="125">
        <v>0</v>
      </c>
      <c r="DN22" s="125">
        <v>0</v>
      </c>
      <c r="DO22" s="123">
        <v>2</v>
      </c>
      <c r="DP22" s="126">
        <v>2</v>
      </c>
      <c r="DQ22" s="128">
        <v>2</v>
      </c>
      <c r="DR22" s="129">
        <v>0</v>
      </c>
      <c r="DS22" s="123">
        <v>0</v>
      </c>
      <c r="DT22" s="123">
        <v>0</v>
      </c>
      <c r="DU22" s="124">
        <v>18</v>
      </c>
      <c r="DV22" s="125">
        <v>55</v>
      </c>
      <c r="DW22" s="125">
        <v>182</v>
      </c>
      <c r="DX22" s="125">
        <v>197</v>
      </c>
      <c r="DY22" s="123">
        <v>137</v>
      </c>
      <c r="DZ22" s="126">
        <v>589</v>
      </c>
      <c r="EA22" s="128">
        <v>589</v>
      </c>
      <c r="EB22" s="36"/>
    </row>
    <row r="23" spans="1:132" ht="20.25" customHeight="1" x14ac:dyDescent="0.2">
      <c r="A23" s="61" t="s">
        <v>20</v>
      </c>
      <c r="B23" s="122">
        <v>0</v>
      </c>
      <c r="C23" s="123">
        <v>0</v>
      </c>
      <c r="D23" s="123">
        <v>0</v>
      </c>
      <c r="E23" s="124">
        <v>4</v>
      </c>
      <c r="F23" s="125">
        <v>24</v>
      </c>
      <c r="G23" s="125">
        <v>154</v>
      </c>
      <c r="H23" s="125">
        <v>193</v>
      </c>
      <c r="I23" s="123">
        <v>107</v>
      </c>
      <c r="J23" s="126">
        <v>482</v>
      </c>
      <c r="K23" s="127">
        <v>482</v>
      </c>
      <c r="L23" s="122">
        <v>0</v>
      </c>
      <c r="M23" s="123">
        <v>0</v>
      </c>
      <c r="N23" s="126">
        <v>0</v>
      </c>
      <c r="O23" s="124">
        <v>4</v>
      </c>
      <c r="P23" s="125">
        <v>24</v>
      </c>
      <c r="Q23" s="125">
        <v>153</v>
      </c>
      <c r="R23" s="125">
        <v>191</v>
      </c>
      <c r="S23" s="123">
        <v>106</v>
      </c>
      <c r="T23" s="126">
        <v>478</v>
      </c>
      <c r="U23" s="128">
        <v>478</v>
      </c>
      <c r="V23" s="129">
        <v>0</v>
      </c>
      <c r="W23" s="123">
        <v>0</v>
      </c>
      <c r="X23" s="126">
        <v>0</v>
      </c>
      <c r="Y23" s="129">
        <v>0</v>
      </c>
      <c r="Z23" s="125">
        <v>0</v>
      </c>
      <c r="AA23" s="125">
        <v>1</v>
      </c>
      <c r="AB23" s="125">
        <v>2</v>
      </c>
      <c r="AC23" s="123">
        <v>1</v>
      </c>
      <c r="AD23" s="126">
        <v>4</v>
      </c>
      <c r="AE23" s="130">
        <v>4</v>
      </c>
      <c r="AF23" s="129">
        <v>0</v>
      </c>
      <c r="AG23" s="123">
        <v>0</v>
      </c>
      <c r="AH23" s="126">
        <v>0</v>
      </c>
      <c r="AI23" s="129">
        <v>19</v>
      </c>
      <c r="AJ23" s="125">
        <v>35</v>
      </c>
      <c r="AK23" s="125">
        <v>43</v>
      </c>
      <c r="AL23" s="125">
        <v>46</v>
      </c>
      <c r="AM23" s="123">
        <v>23</v>
      </c>
      <c r="AN23" s="126">
        <v>166</v>
      </c>
      <c r="AO23" s="130">
        <v>166</v>
      </c>
      <c r="AP23" s="129">
        <v>0</v>
      </c>
      <c r="AQ23" s="123">
        <v>0</v>
      </c>
      <c r="AR23" s="126">
        <v>0</v>
      </c>
      <c r="AS23" s="124">
        <v>19</v>
      </c>
      <c r="AT23" s="125">
        <v>35</v>
      </c>
      <c r="AU23" s="125">
        <v>43</v>
      </c>
      <c r="AV23" s="125">
        <v>44</v>
      </c>
      <c r="AW23" s="123">
        <v>23</v>
      </c>
      <c r="AX23" s="126">
        <v>164</v>
      </c>
      <c r="AY23" s="127">
        <v>164</v>
      </c>
      <c r="AZ23" s="122">
        <v>0</v>
      </c>
      <c r="BA23" s="123">
        <v>0</v>
      </c>
      <c r="BB23" s="123">
        <v>0</v>
      </c>
      <c r="BC23" s="124">
        <v>0</v>
      </c>
      <c r="BD23" s="125">
        <v>0</v>
      </c>
      <c r="BE23" s="125">
        <v>0</v>
      </c>
      <c r="BF23" s="125">
        <v>2</v>
      </c>
      <c r="BG23" s="123">
        <v>0</v>
      </c>
      <c r="BH23" s="126">
        <v>2</v>
      </c>
      <c r="BI23" s="128">
        <v>2</v>
      </c>
      <c r="BJ23" s="129">
        <v>0</v>
      </c>
      <c r="BK23" s="123">
        <v>0</v>
      </c>
      <c r="BL23" s="123">
        <v>0</v>
      </c>
      <c r="BM23" s="124">
        <v>0</v>
      </c>
      <c r="BN23" s="125">
        <v>0</v>
      </c>
      <c r="BO23" s="125">
        <v>0</v>
      </c>
      <c r="BP23" s="125">
        <v>0</v>
      </c>
      <c r="BQ23" s="123">
        <v>3</v>
      </c>
      <c r="BR23" s="126">
        <v>3</v>
      </c>
      <c r="BS23" s="127">
        <v>3</v>
      </c>
      <c r="BT23" s="122">
        <v>0</v>
      </c>
      <c r="BU23" s="123">
        <v>0</v>
      </c>
      <c r="BV23" s="123">
        <v>0</v>
      </c>
      <c r="BW23" s="124">
        <v>0</v>
      </c>
      <c r="BX23" s="125">
        <v>0</v>
      </c>
      <c r="BY23" s="125">
        <v>0</v>
      </c>
      <c r="BZ23" s="125">
        <v>0</v>
      </c>
      <c r="CA23" s="123">
        <v>3</v>
      </c>
      <c r="CB23" s="126">
        <v>3</v>
      </c>
      <c r="CC23" s="128">
        <v>3</v>
      </c>
      <c r="CD23" s="129">
        <v>0</v>
      </c>
      <c r="CE23" s="123">
        <v>0</v>
      </c>
      <c r="CF23" s="123">
        <v>0</v>
      </c>
      <c r="CG23" s="124">
        <v>0</v>
      </c>
      <c r="CH23" s="125">
        <v>0</v>
      </c>
      <c r="CI23" s="125">
        <v>0</v>
      </c>
      <c r="CJ23" s="125">
        <v>0</v>
      </c>
      <c r="CK23" s="123">
        <v>0</v>
      </c>
      <c r="CL23" s="126">
        <v>0</v>
      </c>
      <c r="CM23" s="128">
        <v>0</v>
      </c>
      <c r="CN23" s="129">
        <v>0</v>
      </c>
      <c r="CO23" s="123">
        <v>0</v>
      </c>
      <c r="CP23" s="123">
        <v>0</v>
      </c>
      <c r="CQ23" s="124">
        <v>0</v>
      </c>
      <c r="CR23" s="125">
        <v>0</v>
      </c>
      <c r="CS23" s="125">
        <v>1</v>
      </c>
      <c r="CT23" s="125">
        <v>0</v>
      </c>
      <c r="CU23" s="123">
        <v>6</v>
      </c>
      <c r="CV23" s="126">
        <v>7</v>
      </c>
      <c r="CW23" s="127">
        <v>7</v>
      </c>
      <c r="CX23" s="122">
        <v>0</v>
      </c>
      <c r="CY23" s="123">
        <v>0</v>
      </c>
      <c r="CZ23" s="123">
        <v>0</v>
      </c>
      <c r="DA23" s="124">
        <v>0</v>
      </c>
      <c r="DB23" s="125">
        <v>0</v>
      </c>
      <c r="DC23" s="125">
        <v>1</v>
      </c>
      <c r="DD23" s="125">
        <v>0</v>
      </c>
      <c r="DE23" s="123">
        <v>6</v>
      </c>
      <c r="DF23" s="126">
        <v>7</v>
      </c>
      <c r="DG23" s="128">
        <v>7</v>
      </c>
      <c r="DH23" s="129">
        <v>0</v>
      </c>
      <c r="DI23" s="123">
        <v>0</v>
      </c>
      <c r="DJ23" s="123">
        <v>0</v>
      </c>
      <c r="DK23" s="124">
        <v>0</v>
      </c>
      <c r="DL23" s="125">
        <v>0</v>
      </c>
      <c r="DM23" s="125">
        <v>0</v>
      </c>
      <c r="DN23" s="125">
        <v>0</v>
      </c>
      <c r="DO23" s="123">
        <v>0</v>
      </c>
      <c r="DP23" s="126">
        <v>0</v>
      </c>
      <c r="DQ23" s="128">
        <v>0</v>
      </c>
      <c r="DR23" s="129">
        <v>0</v>
      </c>
      <c r="DS23" s="123">
        <v>0</v>
      </c>
      <c r="DT23" s="123">
        <v>0</v>
      </c>
      <c r="DU23" s="124">
        <v>23</v>
      </c>
      <c r="DV23" s="125">
        <v>59</v>
      </c>
      <c r="DW23" s="125">
        <v>198</v>
      </c>
      <c r="DX23" s="125">
        <v>238</v>
      </c>
      <c r="DY23" s="123">
        <v>137</v>
      </c>
      <c r="DZ23" s="126">
        <v>655</v>
      </c>
      <c r="EA23" s="128">
        <v>655</v>
      </c>
      <c r="EB23" s="36"/>
    </row>
    <row r="24" spans="1:132" ht="20.25" customHeight="1" x14ac:dyDescent="0.2">
      <c r="A24" s="61" t="s">
        <v>21</v>
      </c>
      <c r="B24" s="122">
        <v>0</v>
      </c>
      <c r="C24" s="123">
        <v>0</v>
      </c>
      <c r="D24" s="123">
        <v>0</v>
      </c>
      <c r="E24" s="124">
        <v>3</v>
      </c>
      <c r="F24" s="125">
        <v>12</v>
      </c>
      <c r="G24" s="125">
        <v>172</v>
      </c>
      <c r="H24" s="125">
        <v>188</v>
      </c>
      <c r="I24" s="123">
        <v>145</v>
      </c>
      <c r="J24" s="126">
        <v>520</v>
      </c>
      <c r="K24" s="127">
        <v>520</v>
      </c>
      <c r="L24" s="122">
        <v>0</v>
      </c>
      <c r="M24" s="123">
        <v>0</v>
      </c>
      <c r="N24" s="126">
        <v>0</v>
      </c>
      <c r="O24" s="124">
        <v>3</v>
      </c>
      <c r="P24" s="125">
        <v>12</v>
      </c>
      <c r="Q24" s="125">
        <v>171</v>
      </c>
      <c r="R24" s="125">
        <v>188</v>
      </c>
      <c r="S24" s="123">
        <v>142</v>
      </c>
      <c r="T24" s="126">
        <v>516</v>
      </c>
      <c r="U24" s="128">
        <v>516</v>
      </c>
      <c r="V24" s="129">
        <v>0</v>
      </c>
      <c r="W24" s="123">
        <v>0</v>
      </c>
      <c r="X24" s="126">
        <v>0</v>
      </c>
      <c r="Y24" s="129">
        <v>0</v>
      </c>
      <c r="Z24" s="125">
        <v>0</v>
      </c>
      <c r="AA24" s="125">
        <v>1</v>
      </c>
      <c r="AB24" s="125">
        <v>0</v>
      </c>
      <c r="AC24" s="123">
        <v>3</v>
      </c>
      <c r="AD24" s="126">
        <v>4</v>
      </c>
      <c r="AE24" s="130">
        <v>4</v>
      </c>
      <c r="AF24" s="129">
        <v>0</v>
      </c>
      <c r="AG24" s="123">
        <v>0</v>
      </c>
      <c r="AH24" s="126">
        <v>0</v>
      </c>
      <c r="AI24" s="129">
        <v>19</v>
      </c>
      <c r="AJ24" s="125">
        <v>33</v>
      </c>
      <c r="AK24" s="125">
        <v>38</v>
      </c>
      <c r="AL24" s="125">
        <v>54</v>
      </c>
      <c r="AM24" s="123">
        <v>22</v>
      </c>
      <c r="AN24" s="126">
        <v>166</v>
      </c>
      <c r="AO24" s="130">
        <v>166</v>
      </c>
      <c r="AP24" s="129">
        <v>0</v>
      </c>
      <c r="AQ24" s="123">
        <v>0</v>
      </c>
      <c r="AR24" s="126">
        <v>0</v>
      </c>
      <c r="AS24" s="124">
        <v>19</v>
      </c>
      <c r="AT24" s="125">
        <v>33</v>
      </c>
      <c r="AU24" s="125">
        <v>38</v>
      </c>
      <c r="AV24" s="125">
        <v>50</v>
      </c>
      <c r="AW24" s="123">
        <v>20</v>
      </c>
      <c r="AX24" s="126">
        <v>160</v>
      </c>
      <c r="AY24" s="127">
        <v>160</v>
      </c>
      <c r="AZ24" s="122">
        <v>0</v>
      </c>
      <c r="BA24" s="123">
        <v>0</v>
      </c>
      <c r="BB24" s="123">
        <v>0</v>
      </c>
      <c r="BC24" s="124">
        <v>0</v>
      </c>
      <c r="BD24" s="125">
        <v>0</v>
      </c>
      <c r="BE24" s="125">
        <v>0</v>
      </c>
      <c r="BF24" s="125">
        <v>4</v>
      </c>
      <c r="BG24" s="123">
        <v>2</v>
      </c>
      <c r="BH24" s="126">
        <v>6</v>
      </c>
      <c r="BI24" s="128">
        <v>6</v>
      </c>
      <c r="BJ24" s="129">
        <v>0</v>
      </c>
      <c r="BK24" s="123">
        <v>0</v>
      </c>
      <c r="BL24" s="123">
        <v>0</v>
      </c>
      <c r="BM24" s="124">
        <v>0</v>
      </c>
      <c r="BN24" s="125">
        <v>0</v>
      </c>
      <c r="BO24" s="125">
        <v>1</v>
      </c>
      <c r="BP24" s="125">
        <v>1</v>
      </c>
      <c r="BQ24" s="123">
        <v>4</v>
      </c>
      <c r="BR24" s="126">
        <v>6</v>
      </c>
      <c r="BS24" s="127">
        <v>6</v>
      </c>
      <c r="BT24" s="122">
        <v>0</v>
      </c>
      <c r="BU24" s="123">
        <v>0</v>
      </c>
      <c r="BV24" s="123">
        <v>0</v>
      </c>
      <c r="BW24" s="124">
        <v>0</v>
      </c>
      <c r="BX24" s="125">
        <v>0</v>
      </c>
      <c r="BY24" s="125">
        <v>1</v>
      </c>
      <c r="BZ24" s="125">
        <v>1</v>
      </c>
      <c r="CA24" s="123">
        <v>4</v>
      </c>
      <c r="CB24" s="126">
        <v>6</v>
      </c>
      <c r="CC24" s="128">
        <v>6</v>
      </c>
      <c r="CD24" s="129">
        <v>0</v>
      </c>
      <c r="CE24" s="123">
        <v>0</v>
      </c>
      <c r="CF24" s="123">
        <v>0</v>
      </c>
      <c r="CG24" s="124">
        <v>0</v>
      </c>
      <c r="CH24" s="125">
        <v>0</v>
      </c>
      <c r="CI24" s="125">
        <v>0</v>
      </c>
      <c r="CJ24" s="125">
        <v>0</v>
      </c>
      <c r="CK24" s="123">
        <v>0</v>
      </c>
      <c r="CL24" s="126">
        <v>0</v>
      </c>
      <c r="CM24" s="128">
        <v>0</v>
      </c>
      <c r="CN24" s="129">
        <v>0</v>
      </c>
      <c r="CO24" s="123">
        <v>0</v>
      </c>
      <c r="CP24" s="123">
        <v>0</v>
      </c>
      <c r="CQ24" s="124">
        <v>0</v>
      </c>
      <c r="CR24" s="125">
        <v>0</v>
      </c>
      <c r="CS24" s="125">
        <v>1</v>
      </c>
      <c r="CT24" s="125">
        <v>7</v>
      </c>
      <c r="CU24" s="123">
        <v>3</v>
      </c>
      <c r="CV24" s="126">
        <v>11</v>
      </c>
      <c r="CW24" s="127">
        <v>11</v>
      </c>
      <c r="CX24" s="122">
        <v>0</v>
      </c>
      <c r="CY24" s="123">
        <v>0</v>
      </c>
      <c r="CZ24" s="123">
        <v>0</v>
      </c>
      <c r="DA24" s="124">
        <v>0</v>
      </c>
      <c r="DB24" s="125">
        <v>0</v>
      </c>
      <c r="DC24" s="125">
        <v>1</v>
      </c>
      <c r="DD24" s="125">
        <v>7</v>
      </c>
      <c r="DE24" s="123">
        <v>3</v>
      </c>
      <c r="DF24" s="126">
        <v>11</v>
      </c>
      <c r="DG24" s="128">
        <v>11</v>
      </c>
      <c r="DH24" s="129">
        <v>0</v>
      </c>
      <c r="DI24" s="123">
        <v>0</v>
      </c>
      <c r="DJ24" s="123">
        <v>0</v>
      </c>
      <c r="DK24" s="124">
        <v>0</v>
      </c>
      <c r="DL24" s="125">
        <v>0</v>
      </c>
      <c r="DM24" s="125">
        <v>0</v>
      </c>
      <c r="DN24" s="125">
        <v>0</v>
      </c>
      <c r="DO24" s="123">
        <v>0</v>
      </c>
      <c r="DP24" s="126">
        <v>0</v>
      </c>
      <c r="DQ24" s="128">
        <v>0</v>
      </c>
      <c r="DR24" s="129">
        <v>0</v>
      </c>
      <c r="DS24" s="123">
        <v>0</v>
      </c>
      <c r="DT24" s="123">
        <v>0</v>
      </c>
      <c r="DU24" s="124">
        <v>22</v>
      </c>
      <c r="DV24" s="125">
        <v>45</v>
      </c>
      <c r="DW24" s="125">
        <v>212</v>
      </c>
      <c r="DX24" s="125">
        <v>249</v>
      </c>
      <c r="DY24" s="123">
        <v>174</v>
      </c>
      <c r="DZ24" s="126">
        <v>702</v>
      </c>
      <c r="EA24" s="128">
        <v>702</v>
      </c>
      <c r="EB24" s="36"/>
    </row>
    <row r="25" spans="1:132" ht="20.25" customHeight="1" x14ac:dyDescent="0.2">
      <c r="A25" s="61" t="s">
        <v>22</v>
      </c>
      <c r="B25" s="122">
        <v>0</v>
      </c>
      <c r="C25" s="123">
        <v>0</v>
      </c>
      <c r="D25" s="123">
        <v>0</v>
      </c>
      <c r="E25" s="124">
        <v>3</v>
      </c>
      <c r="F25" s="125">
        <v>8</v>
      </c>
      <c r="G25" s="125">
        <v>43</v>
      </c>
      <c r="H25" s="125">
        <v>67</v>
      </c>
      <c r="I25" s="123">
        <v>31</v>
      </c>
      <c r="J25" s="126">
        <v>152</v>
      </c>
      <c r="K25" s="127">
        <v>152</v>
      </c>
      <c r="L25" s="122">
        <v>0</v>
      </c>
      <c r="M25" s="123">
        <v>0</v>
      </c>
      <c r="N25" s="126">
        <v>0</v>
      </c>
      <c r="O25" s="124">
        <v>3</v>
      </c>
      <c r="P25" s="125">
        <v>8</v>
      </c>
      <c r="Q25" s="125">
        <v>43</v>
      </c>
      <c r="R25" s="125">
        <v>67</v>
      </c>
      <c r="S25" s="123">
        <v>29</v>
      </c>
      <c r="T25" s="126">
        <v>150</v>
      </c>
      <c r="U25" s="128">
        <v>150</v>
      </c>
      <c r="V25" s="129">
        <v>0</v>
      </c>
      <c r="W25" s="123">
        <v>0</v>
      </c>
      <c r="X25" s="126">
        <v>0</v>
      </c>
      <c r="Y25" s="129">
        <v>0</v>
      </c>
      <c r="Z25" s="125">
        <v>0</v>
      </c>
      <c r="AA25" s="125">
        <v>0</v>
      </c>
      <c r="AB25" s="125">
        <v>0</v>
      </c>
      <c r="AC25" s="123">
        <v>2</v>
      </c>
      <c r="AD25" s="126">
        <v>2</v>
      </c>
      <c r="AE25" s="130">
        <v>2</v>
      </c>
      <c r="AF25" s="129">
        <v>0</v>
      </c>
      <c r="AG25" s="123">
        <v>0</v>
      </c>
      <c r="AH25" s="126">
        <v>0</v>
      </c>
      <c r="AI25" s="129">
        <v>12</v>
      </c>
      <c r="AJ25" s="125">
        <v>27</v>
      </c>
      <c r="AK25" s="125">
        <v>24</v>
      </c>
      <c r="AL25" s="125">
        <v>34</v>
      </c>
      <c r="AM25" s="123">
        <v>20</v>
      </c>
      <c r="AN25" s="126">
        <v>117</v>
      </c>
      <c r="AO25" s="130">
        <v>117</v>
      </c>
      <c r="AP25" s="129">
        <v>0</v>
      </c>
      <c r="AQ25" s="123">
        <v>0</v>
      </c>
      <c r="AR25" s="126">
        <v>0</v>
      </c>
      <c r="AS25" s="124">
        <v>12</v>
      </c>
      <c r="AT25" s="125">
        <v>27</v>
      </c>
      <c r="AU25" s="125">
        <v>24</v>
      </c>
      <c r="AV25" s="125">
        <v>33</v>
      </c>
      <c r="AW25" s="123">
        <v>20</v>
      </c>
      <c r="AX25" s="126">
        <v>116</v>
      </c>
      <c r="AY25" s="127">
        <v>116</v>
      </c>
      <c r="AZ25" s="122">
        <v>0</v>
      </c>
      <c r="BA25" s="123">
        <v>0</v>
      </c>
      <c r="BB25" s="123">
        <v>0</v>
      </c>
      <c r="BC25" s="124">
        <v>0</v>
      </c>
      <c r="BD25" s="125">
        <v>0</v>
      </c>
      <c r="BE25" s="125">
        <v>0</v>
      </c>
      <c r="BF25" s="125">
        <v>1</v>
      </c>
      <c r="BG25" s="123">
        <v>0</v>
      </c>
      <c r="BH25" s="126">
        <v>1</v>
      </c>
      <c r="BI25" s="128">
        <v>1</v>
      </c>
      <c r="BJ25" s="129">
        <v>0</v>
      </c>
      <c r="BK25" s="123">
        <v>0</v>
      </c>
      <c r="BL25" s="123">
        <v>0</v>
      </c>
      <c r="BM25" s="124">
        <v>0</v>
      </c>
      <c r="BN25" s="125">
        <v>0</v>
      </c>
      <c r="BO25" s="125">
        <v>1</v>
      </c>
      <c r="BP25" s="125">
        <v>0</v>
      </c>
      <c r="BQ25" s="123">
        <v>3</v>
      </c>
      <c r="BR25" s="126">
        <v>4</v>
      </c>
      <c r="BS25" s="127">
        <v>4</v>
      </c>
      <c r="BT25" s="122">
        <v>0</v>
      </c>
      <c r="BU25" s="123">
        <v>0</v>
      </c>
      <c r="BV25" s="123">
        <v>0</v>
      </c>
      <c r="BW25" s="124">
        <v>0</v>
      </c>
      <c r="BX25" s="125">
        <v>0</v>
      </c>
      <c r="BY25" s="125">
        <v>1</v>
      </c>
      <c r="BZ25" s="125">
        <v>0</v>
      </c>
      <c r="CA25" s="123">
        <v>3</v>
      </c>
      <c r="CB25" s="126">
        <v>4</v>
      </c>
      <c r="CC25" s="128">
        <v>4</v>
      </c>
      <c r="CD25" s="129">
        <v>0</v>
      </c>
      <c r="CE25" s="123">
        <v>0</v>
      </c>
      <c r="CF25" s="123">
        <v>0</v>
      </c>
      <c r="CG25" s="124">
        <v>0</v>
      </c>
      <c r="CH25" s="125">
        <v>0</v>
      </c>
      <c r="CI25" s="125">
        <v>0</v>
      </c>
      <c r="CJ25" s="125">
        <v>0</v>
      </c>
      <c r="CK25" s="123">
        <v>0</v>
      </c>
      <c r="CL25" s="126">
        <v>0</v>
      </c>
      <c r="CM25" s="128">
        <v>0</v>
      </c>
      <c r="CN25" s="129">
        <v>0</v>
      </c>
      <c r="CO25" s="123">
        <v>0</v>
      </c>
      <c r="CP25" s="123">
        <v>0</v>
      </c>
      <c r="CQ25" s="124">
        <v>0</v>
      </c>
      <c r="CR25" s="125">
        <v>0</v>
      </c>
      <c r="CS25" s="125">
        <v>1</v>
      </c>
      <c r="CT25" s="125">
        <v>2</v>
      </c>
      <c r="CU25" s="123">
        <v>3</v>
      </c>
      <c r="CV25" s="126">
        <v>6</v>
      </c>
      <c r="CW25" s="127">
        <v>6</v>
      </c>
      <c r="CX25" s="122">
        <v>0</v>
      </c>
      <c r="CY25" s="123">
        <v>0</v>
      </c>
      <c r="CZ25" s="123">
        <v>0</v>
      </c>
      <c r="DA25" s="124">
        <v>0</v>
      </c>
      <c r="DB25" s="125">
        <v>0</v>
      </c>
      <c r="DC25" s="125">
        <v>1</v>
      </c>
      <c r="DD25" s="125">
        <v>2</v>
      </c>
      <c r="DE25" s="123">
        <v>3</v>
      </c>
      <c r="DF25" s="126">
        <v>6</v>
      </c>
      <c r="DG25" s="128">
        <v>6</v>
      </c>
      <c r="DH25" s="129">
        <v>0</v>
      </c>
      <c r="DI25" s="123">
        <v>0</v>
      </c>
      <c r="DJ25" s="123">
        <v>0</v>
      </c>
      <c r="DK25" s="124">
        <v>0</v>
      </c>
      <c r="DL25" s="125">
        <v>0</v>
      </c>
      <c r="DM25" s="125">
        <v>0</v>
      </c>
      <c r="DN25" s="125">
        <v>0</v>
      </c>
      <c r="DO25" s="123">
        <v>0</v>
      </c>
      <c r="DP25" s="126">
        <v>0</v>
      </c>
      <c r="DQ25" s="128">
        <v>0</v>
      </c>
      <c r="DR25" s="129">
        <v>0</v>
      </c>
      <c r="DS25" s="123">
        <v>0</v>
      </c>
      <c r="DT25" s="123">
        <v>0</v>
      </c>
      <c r="DU25" s="124">
        <v>15</v>
      </c>
      <c r="DV25" s="125">
        <v>35</v>
      </c>
      <c r="DW25" s="125">
        <v>69</v>
      </c>
      <c r="DX25" s="125">
        <v>103</v>
      </c>
      <c r="DY25" s="123">
        <v>57</v>
      </c>
      <c r="DZ25" s="126">
        <v>279</v>
      </c>
      <c r="EA25" s="128">
        <v>279</v>
      </c>
      <c r="EB25" s="36"/>
    </row>
    <row r="26" spans="1:132" ht="20.25" customHeight="1" x14ac:dyDescent="0.2">
      <c r="A26" s="61" t="s">
        <v>23</v>
      </c>
      <c r="B26" s="122">
        <v>0</v>
      </c>
      <c r="C26" s="123">
        <v>0</v>
      </c>
      <c r="D26" s="123">
        <v>0</v>
      </c>
      <c r="E26" s="124">
        <v>4</v>
      </c>
      <c r="F26" s="125">
        <v>15</v>
      </c>
      <c r="G26" s="125">
        <v>73</v>
      </c>
      <c r="H26" s="125">
        <v>137</v>
      </c>
      <c r="I26" s="123">
        <v>104</v>
      </c>
      <c r="J26" s="126">
        <v>333</v>
      </c>
      <c r="K26" s="127">
        <v>333</v>
      </c>
      <c r="L26" s="122">
        <v>0</v>
      </c>
      <c r="M26" s="123">
        <v>0</v>
      </c>
      <c r="N26" s="126">
        <v>0</v>
      </c>
      <c r="O26" s="124">
        <v>4</v>
      </c>
      <c r="P26" s="125">
        <v>15</v>
      </c>
      <c r="Q26" s="125">
        <v>72</v>
      </c>
      <c r="R26" s="125">
        <v>137</v>
      </c>
      <c r="S26" s="123">
        <v>103</v>
      </c>
      <c r="T26" s="126">
        <v>331</v>
      </c>
      <c r="U26" s="128">
        <v>331</v>
      </c>
      <c r="V26" s="129">
        <v>0</v>
      </c>
      <c r="W26" s="123">
        <v>0</v>
      </c>
      <c r="X26" s="126">
        <v>0</v>
      </c>
      <c r="Y26" s="129">
        <v>0</v>
      </c>
      <c r="Z26" s="125">
        <v>0</v>
      </c>
      <c r="AA26" s="125">
        <v>1</v>
      </c>
      <c r="AB26" s="125">
        <v>0</v>
      </c>
      <c r="AC26" s="123">
        <v>1</v>
      </c>
      <c r="AD26" s="126">
        <v>2</v>
      </c>
      <c r="AE26" s="130">
        <v>2</v>
      </c>
      <c r="AF26" s="129">
        <v>0</v>
      </c>
      <c r="AG26" s="123">
        <v>0</v>
      </c>
      <c r="AH26" s="126">
        <v>0</v>
      </c>
      <c r="AI26" s="129">
        <v>14</v>
      </c>
      <c r="AJ26" s="125">
        <v>36</v>
      </c>
      <c r="AK26" s="125">
        <v>45</v>
      </c>
      <c r="AL26" s="125">
        <v>54</v>
      </c>
      <c r="AM26" s="123">
        <v>21</v>
      </c>
      <c r="AN26" s="126">
        <v>170</v>
      </c>
      <c r="AO26" s="130">
        <v>170</v>
      </c>
      <c r="AP26" s="129">
        <v>0</v>
      </c>
      <c r="AQ26" s="123">
        <v>0</v>
      </c>
      <c r="AR26" s="126">
        <v>0</v>
      </c>
      <c r="AS26" s="124">
        <v>14</v>
      </c>
      <c r="AT26" s="125">
        <v>35</v>
      </c>
      <c r="AU26" s="125">
        <v>45</v>
      </c>
      <c r="AV26" s="125">
        <v>54</v>
      </c>
      <c r="AW26" s="123">
        <v>19</v>
      </c>
      <c r="AX26" s="126">
        <v>167</v>
      </c>
      <c r="AY26" s="127">
        <v>167</v>
      </c>
      <c r="AZ26" s="122">
        <v>0</v>
      </c>
      <c r="BA26" s="123">
        <v>0</v>
      </c>
      <c r="BB26" s="123">
        <v>0</v>
      </c>
      <c r="BC26" s="124">
        <v>0</v>
      </c>
      <c r="BD26" s="125">
        <v>1</v>
      </c>
      <c r="BE26" s="125">
        <v>0</v>
      </c>
      <c r="BF26" s="125">
        <v>0</v>
      </c>
      <c r="BG26" s="123">
        <v>2</v>
      </c>
      <c r="BH26" s="126">
        <v>3</v>
      </c>
      <c r="BI26" s="128">
        <v>3</v>
      </c>
      <c r="BJ26" s="129">
        <v>0</v>
      </c>
      <c r="BK26" s="123">
        <v>0</v>
      </c>
      <c r="BL26" s="123">
        <v>0</v>
      </c>
      <c r="BM26" s="124">
        <v>0</v>
      </c>
      <c r="BN26" s="125">
        <v>0</v>
      </c>
      <c r="BO26" s="125">
        <v>1</v>
      </c>
      <c r="BP26" s="125">
        <v>2</v>
      </c>
      <c r="BQ26" s="123">
        <v>3</v>
      </c>
      <c r="BR26" s="126">
        <v>6</v>
      </c>
      <c r="BS26" s="127">
        <v>6</v>
      </c>
      <c r="BT26" s="122">
        <v>0</v>
      </c>
      <c r="BU26" s="123">
        <v>0</v>
      </c>
      <c r="BV26" s="123">
        <v>0</v>
      </c>
      <c r="BW26" s="124">
        <v>0</v>
      </c>
      <c r="BX26" s="125">
        <v>0</v>
      </c>
      <c r="BY26" s="125">
        <v>1</v>
      </c>
      <c r="BZ26" s="125">
        <v>2</v>
      </c>
      <c r="CA26" s="123">
        <v>3</v>
      </c>
      <c r="CB26" s="126">
        <v>6</v>
      </c>
      <c r="CC26" s="128">
        <v>6</v>
      </c>
      <c r="CD26" s="129">
        <v>0</v>
      </c>
      <c r="CE26" s="123">
        <v>0</v>
      </c>
      <c r="CF26" s="123">
        <v>0</v>
      </c>
      <c r="CG26" s="124">
        <v>0</v>
      </c>
      <c r="CH26" s="125">
        <v>0</v>
      </c>
      <c r="CI26" s="125">
        <v>0</v>
      </c>
      <c r="CJ26" s="125">
        <v>0</v>
      </c>
      <c r="CK26" s="123">
        <v>0</v>
      </c>
      <c r="CL26" s="126">
        <v>0</v>
      </c>
      <c r="CM26" s="128">
        <v>0</v>
      </c>
      <c r="CN26" s="129">
        <v>0</v>
      </c>
      <c r="CO26" s="123">
        <v>0</v>
      </c>
      <c r="CP26" s="123">
        <v>0</v>
      </c>
      <c r="CQ26" s="124">
        <v>0</v>
      </c>
      <c r="CR26" s="125">
        <v>0</v>
      </c>
      <c r="CS26" s="125">
        <v>0</v>
      </c>
      <c r="CT26" s="125">
        <v>1</v>
      </c>
      <c r="CU26" s="123">
        <v>3</v>
      </c>
      <c r="CV26" s="126">
        <v>4</v>
      </c>
      <c r="CW26" s="127">
        <v>4</v>
      </c>
      <c r="CX26" s="122">
        <v>0</v>
      </c>
      <c r="CY26" s="123">
        <v>0</v>
      </c>
      <c r="CZ26" s="123">
        <v>0</v>
      </c>
      <c r="DA26" s="124">
        <v>0</v>
      </c>
      <c r="DB26" s="125">
        <v>0</v>
      </c>
      <c r="DC26" s="125">
        <v>0</v>
      </c>
      <c r="DD26" s="125">
        <v>1</v>
      </c>
      <c r="DE26" s="123">
        <v>3</v>
      </c>
      <c r="DF26" s="126">
        <v>4</v>
      </c>
      <c r="DG26" s="128">
        <v>4</v>
      </c>
      <c r="DH26" s="129">
        <v>0</v>
      </c>
      <c r="DI26" s="123">
        <v>0</v>
      </c>
      <c r="DJ26" s="123">
        <v>0</v>
      </c>
      <c r="DK26" s="124">
        <v>0</v>
      </c>
      <c r="DL26" s="125">
        <v>0</v>
      </c>
      <c r="DM26" s="125">
        <v>0</v>
      </c>
      <c r="DN26" s="125">
        <v>0</v>
      </c>
      <c r="DO26" s="123">
        <v>0</v>
      </c>
      <c r="DP26" s="126">
        <v>0</v>
      </c>
      <c r="DQ26" s="128">
        <v>0</v>
      </c>
      <c r="DR26" s="129">
        <v>0</v>
      </c>
      <c r="DS26" s="123">
        <v>0</v>
      </c>
      <c r="DT26" s="123">
        <v>0</v>
      </c>
      <c r="DU26" s="124">
        <v>18</v>
      </c>
      <c r="DV26" s="125">
        <v>51</v>
      </c>
      <c r="DW26" s="125">
        <v>117</v>
      </c>
      <c r="DX26" s="125">
        <v>193</v>
      </c>
      <c r="DY26" s="123">
        <v>131</v>
      </c>
      <c r="DZ26" s="126">
        <v>510</v>
      </c>
      <c r="EA26" s="128">
        <v>510</v>
      </c>
      <c r="EB26" s="36"/>
    </row>
    <row r="27" spans="1:132" ht="20.25" customHeight="1" x14ac:dyDescent="0.2">
      <c r="A27" s="61" t="s">
        <v>24</v>
      </c>
      <c r="B27" s="122">
        <v>0</v>
      </c>
      <c r="C27" s="123">
        <v>0</v>
      </c>
      <c r="D27" s="123">
        <v>0</v>
      </c>
      <c r="E27" s="124">
        <v>0</v>
      </c>
      <c r="F27" s="125">
        <v>1</v>
      </c>
      <c r="G27" s="125">
        <v>35</v>
      </c>
      <c r="H27" s="125">
        <v>71</v>
      </c>
      <c r="I27" s="123">
        <v>60</v>
      </c>
      <c r="J27" s="126">
        <v>167</v>
      </c>
      <c r="K27" s="127">
        <v>167</v>
      </c>
      <c r="L27" s="122">
        <v>0</v>
      </c>
      <c r="M27" s="123">
        <v>0</v>
      </c>
      <c r="N27" s="126">
        <v>0</v>
      </c>
      <c r="O27" s="124">
        <v>0</v>
      </c>
      <c r="P27" s="125">
        <v>1</v>
      </c>
      <c r="Q27" s="125">
        <v>35</v>
      </c>
      <c r="R27" s="125">
        <v>71</v>
      </c>
      <c r="S27" s="123">
        <v>60</v>
      </c>
      <c r="T27" s="126">
        <v>167</v>
      </c>
      <c r="U27" s="128">
        <v>167</v>
      </c>
      <c r="V27" s="129">
        <v>0</v>
      </c>
      <c r="W27" s="123">
        <v>0</v>
      </c>
      <c r="X27" s="126">
        <v>0</v>
      </c>
      <c r="Y27" s="129">
        <v>0</v>
      </c>
      <c r="Z27" s="125">
        <v>0</v>
      </c>
      <c r="AA27" s="125">
        <v>0</v>
      </c>
      <c r="AB27" s="125">
        <v>0</v>
      </c>
      <c r="AC27" s="123">
        <v>0</v>
      </c>
      <c r="AD27" s="126">
        <v>0</v>
      </c>
      <c r="AE27" s="130">
        <v>0</v>
      </c>
      <c r="AF27" s="129">
        <v>0</v>
      </c>
      <c r="AG27" s="123">
        <v>0</v>
      </c>
      <c r="AH27" s="126">
        <v>0</v>
      </c>
      <c r="AI27" s="129">
        <v>13</v>
      </c>
      <c r="AJ27" s="125">
        <v>25</v>
      </c>
      <c r="AK27" s="125">
        <v>19</v>
      </c>
      <c r="AL27" s="125">
        <v>28</v>
      </c>
      <c r="AM27" s="123">
        <v>14</v>
      </c>
      <c r="AN27" s="126">
        <v>99</v>
      </c>
      <c r="AO27" s="130">
        <v>99</v>
      </c>
      <c r="AP27" s="129">
        <v>0</v>
      </c>
      <c r="AQ27" s="123">
        <v>0</v>
      </c>
      <c r="AR27" s="126">
        <v>0</v>
      </c>
      <c r="AS27" s="124">
        <v>13</v>
      </c>
      <c r="AT27" s="125">
        <v>25</v>
      </c>
      <c r="AU27" s="125">
        <v>19</v>
      </c>
      <c r="AV27" s="125">
        <v>28</v>
      </c>
      <c r="AW27" s="123">
        <v>13</v>
      </c>
      <c r="AX27" s="126">
        <v>98</v>
      </c>
      <c r="AY27" s="127">
        <v>98</v>
      </c>
      <c r="AZ27" s="122">
        <v>0</v>
      </c>
      <c r="BA27" s="123">
        <v>0</v>
      </c>
      <c r="BB27" s="123">
        <v>0</v>
      </c>
      <c r="BC27" s="124">
        <v>0</v>
      </c>
      <c r="BD27" s="125">
        <v>0</v>
      </c>
      <c r="BE27" s="125">
        <v>0</v>
      </c>
      <c r="BF27" s="125">
        <v>0</v>
      </c>
      <c r="BG27" s="123">
        <v>1</v>
      </c>
      <c r="BH27" s="126">
        <v>1</v>
      </c>
      <c r="BI27" s="128">
        <v>1</v>
      </c>
      <c r="BJ27" s="129">
        <v>0</v>
      </c>
      <c r="BK27" s="123">
        <v>0</v>
      </c>
      <c r="BL27" s="123">
        <v>0</v>
      </c>
      <c r="BM27" s="124">
        <v>0</v>
      </c>
      <c r="BN27" s="125">
        <v>0</v>
      </c>
      <c r="BO27" s="125">
        <v>0</v>
      </c>
      <c r="BP27" s="125">
        <v>0</v>
      </c>
      <c r="BQ27" s="123">
        <v>1</v>
      </c>
      <c r="BR27" s="126">
        <v>1</v>
      </c>
      <c r="BS27" s="127">
        <v>1</v>
      </c>
      <c r="BT27" s="122">
        <v>0</v>
      </c>
      <c r="BU27" s="123">
        <v>0</v>
      </c>
      <c r="BV27" s="123">
        <v>0</v>
      </c>
      <c r="BW27" s="124">
        <v>0</v>
      </c>
      <c r="BX27" s="125">
        <v>0</v>
      </c>
      <c r="BY27" s="125">
        <v>0</v>
      </c>
      <c r="BZ27" s="125">
        <v>0</v>
      </c>
      <c r="CA27" s="123">
        <v>1</v>
      </c>
      <c r="CB27" s="126">
        <v>1</v>
      </c>
      <c r="CC27" s="128">
        <v>1</v>
      </c>
      <c r="CD27" s="129">
        <v>0</v>
      </c>
      <c r="CE27" s="123">
        <v>0</v>
      </c>
      <c r="CF27" s="123">
        <v>0</v>
      </c>
      <c r="CG27" s="124">
        <v>0</v>
      </c>
      <c r="CH27" s="125">
        <v>0</v>
      </c>
      <c r="CI27" s="125">
        <v>0</v>
      </c>
      <c r="CJ27" s="125">
        <v>0</v>
      </c>
      <c r="CK27" s="123">
        <v>0</v>
      </c>
      <c r="CL27" s="126">
        <v>0</v>
      </c>
      <c r="CM27" s="128">
        <v>0</v>
      </c>
      <c r="CN27" s="129">
        <v>0</v>
      </c>
      <c r="CO27" s="123">
        <v>0</v>
      </c>
      <c r="CP27" s="123">
        <v>0</v>
      </c>
      <c r="CQ27" s="124">
        <v>0</v>
      </c>
      <c r="CR27" s="125">
        <v>0</v>
      </c>
      <c r="CS27" s="125">
        <v>0</v>
      </c>
      <c r="CT27" s="125">
        <v>0</v>
      </c>
      <c r="CU27" s="123">
        <v>0</v>
      </c>
      <c r="CV27" s="126">
        <v>0</v>
      </c>
      <c r="CW27" s="127">
        <v>0</v>
      </c>
      <c r="CX27" s="122">
        <v>0</v>
      </c>
      <c r="CY27" s="123">
        <v>0</v>
      </c>
      <c r="CZ27" s="123">
        <v>0</v>
      </c>
      <c r="DA27" s="124">
        <v>0</v>
      </c>
      <c r="DB27" s="125">
        <v>0</v>
      </c>
      <c r="DC27" s="125">
        <v>0</v>
      </c>
      <c r="DD27" s="125">
        <v>0</v>
      </c>
      <c r="DE27" s="123">
        <v>0</v>
      </c>
      <c r="DF27" s="126">
        <v>0</v>
      </c>
      <c r="DG27" s="128">
        <v>0</v>
      </c>
      <c r="DH27" s="129">
        <v>0</v>
      </c>
      <c r="DI27" s="123">
        <v>0</v>
      </c>
      <c r="DJ27" s="123">
        <v>0</v>
      </c>
      <c r="DK27" s="124">
        <v>0</v>
      </c>
      <c r="DL27" s="125">
        <v>0</v>
      </c>
      <c r="DM27" s="125">
        <v>0</v>
      </c>
      <c r="DN27" s="125">
        <v>0</v>
      </c>
      <c r="DO27" s="123">
        <v>0</v>
      </c>
      <c r="DP27" s="126">
        <v>0</v>
      </c>
      <c r="DQ27" s="128">
        <v>0</v>
      </c>
      <c r="DR27" s="129">
        <v>0</v>
      </c>
      <c r="DS27" s="123">
        <v>0</v>
      </c>
      <c r="DT27" s="123">
        <v>0</v>
      </c>
      <c r="DU27" s="124">
        <v>13</v>
      </c>
      <c r="DV27" s="125">
        <v>26</v>
      </c>
      <c r="DW27" s="125">
        <v>54</v>
      </c>
      <c r="DX27" s="125">
        <v>98</v>
      </c>
      <c r="DY27" s="123">
        <v>74</v>
      </c>
      <c r="DZ27" s="126">
        <v>265</v>
      </c>
      <c r="EA27" s="128">
        <v>265</v>
      </c>
      <c r="EB27" s="36"/>
    </row>
    <row r="28" spans="1:132" ht="20.25" customHeight="1" x14ac:dyDescent="0.2">
      <c r="A28" s="61" t="s">
        <v>25</v>
      </c>
      <c r="B28" s="122">
        <v>0</v>
      </c>
      <c r="C28" s="123">
        <v>0</v>
      </c>
      <c r="D28" s="123">
        <v>0</v>
      </c>
      <c r="E28" s="124">
        <v>8</v>
      </c>
      <c r="F28" s="125">
        <v>8</v>
      </c>
      <c r="G28" s="125">
        <v>64</v>
      </c>
      <c r="H28" s="125">
        <v>70</v>
      </c>
      <c r="I28" s="123">
        <v>52</v>
      </c>
      <c r="J28" s="126">
        <v>202</v>
      </c>
      <c r="K28" s="127">
        <v>202</v>
      </c>
      <c r="L28" s="122">
        <v>0</v>
      </c>
      <c r="M28" s="123">
        <v>0</v>
      </c>
      <c r="N28" s="126">
        <v>0</v>
      </c>
      <c r="O28" s="124">
        <v>8</v>
      </c>
      <c r="P28" s="125">
        <v>8</v>
      </c>
      <c r="Q28" s="125">
        <v>64</v>
      </c>
      <c r="R28" s="125">
        <v>69</v>
      </c>
      <c r="S28" s="123">
        <v>48</v>
      </c>
      <c r="T28" s="126">
        <v>197</v>
      </c>
      <c r="U28" s="128">
        <v>197</v>
      </c>
      <c r="V28" s="129">
        <v>0</v>
      </c>
      <c r="W28" s="123">
        <v>0</v>
      </c>
      <c r="X28" s="126">
        <v>0</v>
      </c>
      <c r="Y28" s="129">
        <v>0</v>
      </c>
      <c r="Z28" s="125">
        <v>0</v>
      </c>
      <c r="AA28" s="125">
        <v>0</v>
      </c>
      <c r="AB28" s="125">
        <v>1</v>
      </c>
      <c r="AC28" s="123">
        <v>4</v>
      </c>
      <c r="AD28" s="126">
        <v>5</v>
      </c>
      <c r="AE28" s="130">
        <v>5</v>
      </c>
      <c r="AF28" s="129">
        <v>0</v>
      </c>
      <c r="AG28" s="123">
        <v>0</v>
      </c>
      <c r="AH28" s="126">
        <v>0</v>
      </c>
      <c r="AI28" s="129">
        <v>14</v>
      </c>
      <c r="AJ28" s="125">
        <v>16</v>
      </c>
      <c r="AK28" s="125">
        <v>31</v>
      </c>
      <c r="AL28" s="125">
        <v>53</v>
      </c>
      <c r="AM28" s="123">
        <v>19</v>
      </c>
      <c r="AN28" s="126">
        <v>133</v>
      </c>
      <c r="AO28" s="130">
        <v>133</v>
      </c>
      <c r="AP28" s="129">
        <v>0</v>
      </c>
      <c r="AQ28" s="123">
        <v>0</v>
      </c>
      <c r="AR28" s="126">
        <v>0</v>
      </c>
      <c r="AS28" s="124">
        <v>14</v>
      </c>
      <c r="AT28" s="125">
        <v>16</v>
      </c>
      <c r="AU28" s="125">
        <v>31</v>
      </c>
      <c r="AV28" s="125">
        <v>52</v>
      </c>
      <c r="AW28" s="123">
        <v>19</v>
      </c>
      <c r="AX28" s="126">
        <v>132</v>
      </c>
      <c r="AY28" s="127">
        <v>132</v>
      </c>
      <c r="AZ28" s="122">
        <v>0</v>
      </c>
      <c r="BA28" s="123">
        <v>0</v>
      </c>
      <c r="BB28" s="123">
        <v>0</v>
      </c>
      <c r="BC28" s="124">
        <v>0</v>
      </c>
      <c r="BD28" s="125">
        <v>0</v>
      </c>
      <c r="BE28" s="125">
        <v>0</v>
      </c>
      <c r="BF28" s="125">
        <v>1</v>
      </c>
      <c r="BG28" s="123">
        <v>0</v>
      </c>
      <c r="BH28" s="126">
        <v>1</v>
      </c>
      <c r="BI28" s="128">
        <v>1</v>
      </c>
      <c r="BJ28" s="129">
        <v>0</v>
      </c>
      <c r="BK28" s="123">
        <v>0</v>
      </c>
      <c r="BL28" s="123">
        <v>0</v>
      </c>
      <c r="BM28" s="124">
        <v>0</v>
      </c>
      <c r="BN28" s="125">
        <v>0</v>
      </c>
      <c r="BO28" s="125">
        <v>0</v>
      </c>
      <c r="BP28" s="125">
        <v>0</v>
      </c>
      <c r="BQ28" s="123">
        <v>1</v>
      </c>
      <c r="BR28" s="126">
        <v>1</v>
      </c>
      <c r="BS28" s="127">
        <v>1</v>
      </c>
      <c r="BT28" s="122">
        <v>0</v>
      </c>
      <c r="BU28" s="123">
        <v>0</v>
      </c>
      <c r="BV28" s="123">
        <v>0</v>
      </c>
      <c r="BW28" s="124">
        <v>0</v>
      </c>
      <c r="BX28" s="125">
        <v>0</v>
      </c>
      <c r="BY28" s="125">
        <v>0</v>
      </c>
      <c r="BZ28" s="125">
        <v>0</v>
      </c>
      <c r="CA28" s="123">
        <v>1</v>
      </c>
      <c r="CB28" s="126">
        <v>1</v>
      </c>
      <c r="CC28" s="128">
        <v>1</v>
      </c>
      <c r="CD28" s="129">
        <v>0</v>
      </c>
      <c r="CE28" s="123">
        <v>0</v>
      </c>
      <c r="CF28" s="123">
        <v>0</v>
      </c>
      <c r="CG28" s="124">
        <v>0</v>
      </c>
      <c r="CH28" s="125">
        <v>0</v>
      </c>
      <c r="CI28" s="125">
        <v>0</v>
      </c>
      <c r="CJ28" s="125">
        <v>0</v>
      </c>
      <c r="CK28" s="123">
        <v>0</v>
      </c>
      <c r="CL28" s="126">
        <v>0</v>
      </c>
      <c r="CM28" s="128">
        <v>0</v>
      </c>
      <c r="CN28" s="129">
        <v>0</v>
      </c>
      <c r="CO28" s="123">
        <v>0</v>
      </c>
      <c r="CP28" s="123">
        <v>0</v>
      </c>
      <c r="CQ28" s="124">
        <v>0</v>
      </c>
      <c r="CR28" s="125">
        <v>0</v>
      </c>
      <c r="CS28" s="125">
        <v>0</v>
      </c>
      <c r="CT28" s="125">
        <v>2</v>
      </c>
      <c r="CU28" s="123">
        <v>0</v>
      </c>
      <c r="CV28" s="126">
        <v>2</v>
      </c>
      <c r="CW28" s="127">
        <v>2</v>
      </c>
      <c r="CX28" s="122">
        <v>0</v>
      </c>
      <c r="CY28" s="123">
        <v>0</v>
      </c>
      <c r="CZ28" s="123">
        <v>0</v>
      </c>
      <c r="DA28" s="124">
        <v>0</v>
      </c>
      <c r="DB28" s="125">
        <v>0</v>
      </c>
      <c r="DC28" s="125">
        <v>0</v>
      </c>
      <c r="DD28" s="125">
        <v>2</v>
      </c>
      <c r="DE28" s="123">
        <v>0</v>
      </c>
      <c r="DF28" s="126">
        <v>2</v>
      </c>
      <c r="DG28" s="128">
        <v>2</v>
      </c>
      <c r="DH28" s="129">
        <v>0</v>
      </c>
      <c r="DI28" s="123">
        <v>0</v>
      </c>
      <c r="DJ28" s="123">
        <v>0</v>
      </c>
      <c r="DK28" s="124">
        <v>0</v>
      </c>
      <c r="DL28" s="125">
        <v>0</v>
      </c>
      <c r="DM28" s="125">
        <v>0</v>
      </c>
      <c r="DN28" s="125">
        <v>0</v>
      </c>
      <c r="DO28" s="123">
        <v>0</v>
      </c>
      <c r="DP28" s="126">
        <v>0</v>
      </c>
      <c r="DQ28" s="128">
        <v>0</v>
      </c>
      <c r="DR28" s="129">
        <v>0</v>
      </c>
      <c r="DS28" s="123">
        <v>0</v>
      </c>
      <c r="DT28" s="123">
        <v>0</v>
      </c>
      <c r="DU28" s="124">
        <v>21</v>
      </c>
      <c r="DV28" s="125">
        <v>24</v>
      </c>
      <c r="DW28" s="125">
        <v>95</v>
      </c>
      <c r="DX28" s="125">
        <v>124</v>
      </c>
      <c r="DY28" s="123">
        <v>72</v>
      </c>
      <c r="DZ28" s="126">
        <v>336</v>
      </c>
      <c r="EA28" s="128">
        <v>336</v>
      </c>
      <c r="EB28" s="36"/>
    </row>
    <row r="29" spans="1:132" ht="20.25" customHeight="1" x14ac:dyDescent="0.2">
      <c r="A29" s="61" t="s">
        <v>26</v>
      </c>
      <c r="B29" s="122">
        <v>0</v>
      </c>
      <c r="C29" s="123">
        <v>0</v>
      </c>
      <c r="D29" s="123">
        <v>0</v>
      </c>
      <c r="E29" s="124">
        <v>1</v>
      </c>
      <c r="F29" s="125">
        <v>5</v>
      </c>
      <c r="G29" s="125">
        <v>39</v>
      </c>
      <c r="H29" s="125">
        <v>63</v>
      </c>
      <c r="I29" s="123">
        <v>61</v>
      </c>
      <c r="J29" s="126">
        <v>169</v>
      </c>
      <c r="K29" s="127">
        <v>169</v>
      </c>
      <c r="L29" s="122">
        <v>0</v>
      </c>
      <c r="M29" s="123">
        <v>0</v>
      </c>
      <c r="N29" s="126">
        <v>0</v>
      </c>
      <c r="O29" s="124">
        <v>1</v>
      </c>
      <c r="P29" s="125">
        <v>5</v>
      </c>
      <c r="Q29" s="125">
        <v>39</v>
      </c>
      <c r="R29" s="125">
        <v>63</v>
      </c>
      <c r="S29" s="123">
        <v>61</v>
      </c>
      <c r="T29" s="126">
        <v>169</v>
      </c>
      <c r="U29" s="128">
        <v>169</v>
      </c>
      <c r="V29" s="129">
        <v>0</v>
      </c>
      <c r="W29" s="123">
        <v>0</v>
      </c>
      <c r="X29" s="126">
        <v>0</v>
      </c>
      <c r="Y29" s="129">
        <v>0</v>
      </c>
      <c r="Z29" s="125">
        <v>0</v>
      </c>
      <c r="AA29" s="125">
        <v>0</v>
      </c>
      <c r="AB29" s="125">
        <v>0</v>
      </c>
      <c r="AC29" s="123">
        <v>0</v>
      </c>
      <c r="AD29" s="126">
        <v>0</v>
      </c>
      <c r="AE29" s="130">
        <v>0</v>
      </c>
      <c r="AF29" s="129">
        <v>0</v>
      </c>
      <c r="AG29" s="123">
        <v>0</v>
      </c>
      <c r="AH29" s="126">
        <v>0</v>
      </c>
      <c r="AI29" s="129">
        <v>11</v>
      </c>
      <c r="AJ29" s="125">
        <v>20</v>
      </c>
      <c r="AK29" s="125">
        <v>24</v>
      </c>
      <c r="AL29" s="125">
        <v>23</v>
      </c>
      <c r="AM29" s="123">
        <v>13</v>
      </c>
      <c r="AN29" s="126">
        <v>91</v>
      </c>
      <c r="AO29" s="130">
        <v>91</v>
      </c>
      <c r="AP29" s="129">
        <v>0</v>
      </c>
      <c r="AQ29" s="123">
        <v>0</v>
      </c>
      <c r="AR29" s="126">
        <v>0</v>
      </c>
      <c r="AS29" s="124">
        <v>11</v>
      </c>
      <c r="AT29" s="125">
        <v>20</v>
      </c>
      <c r="AU29" s="125">
        <v>24</v>
      </c>
      <c r="AV29" s="125">
        <v>22</v>
      </c>
      <c r="AW29" s="123">
        <v>13</v>
      </c>
      <c r="AX29" s="126">
        <v>90</v>
      </c>
      <c r="AY29" s="127">
        <v>90</v>
      </c>
      <c r="AZ29" s="122">
        <v>0</v>
      </c>
      <c r="BA29" s="123">
        <v>0</v>
      </c>
      <c r="BB29" s="123">
        <v>0</v>
      </c>
      <c r="BC29" s="124">
        <v>0</v>
      </c>
      <c r="BD29" s="125">
        <v>0</v>
      </c>
      <c r="BE29" s="125">
        <v>0</v>
      </c>
      <c r="BF29" s="125">
        <v>1</v>
      </c>
      <c r="BG29" s="123">
        <v>0</v>
      </c>
      <c r="BH29" s="126">
        <v>1</v>
      </c>
      <c r="BI29" s="128">
        <v>1</v>
      </c>
      <c r="BJ29" s="129">
        <v>0</v>
      </c>
      <c r="BK29" s="123">
        <v>0</v>
      </c>
      <c r="BL29" s="123">
        <v>0</v>
      </c>
      <c r="BM29" s="124">
        <v>0</v>
      </c>
      <c r="BN29" s="125">
        <v>0</v>
      </c>
      <c r="BO29" s="125">
        <v>0</v>
      </c>
      <c r="BP29" s="125">
        <v>1</v>
      </c>
      <c r="BQ29" s="123">
        <v>0</v>
      </c>
      <c r="BR29" s="126">
        <v>1</v>
      </c>
      <c r="BS29" s="127">
        <v>1</v>
      </c>
      <c r="BT29" s="122">
        <v>0</v>
      </c>
      <c r="BU29" s="123">
        <v>0</v>
      </c>
      <c r="BV29" s="123">
        <v>0</v>
      </c>
      <c r="BW29" s="124">
        <v>0</v>
      </c>
      <c r="BX29" s="125">
        <v>0</v>
      </c>
      <c r="BY29" s="125">
        <v>0</v>
      </c>
      <c r="BZ29" s="125">
        <v>1</v>
      </c>
      <c r="CA29" s="123">
        <v>0</v>
      </c>
      <c r="CB29" s="126">
        <v>1</v>
      </c>
      <c r="CC29" s="128">
        <v>1</v>
      </c>
      <c r="CD29" s="129">
        <v>0</v>
      </c>
      <c r="CE29" s="123">
        <v>0</v>
      </c>
      <c r="CF29" s="123">
        <v>0</v>
      </c>
      <c r="CG29" s="124">
        <v>0</v>
      </c>
      <c r="CH29" s="125">
        <v>0</v>
      </c>
      <c r="CI29" s="125">
        <v>0</v>
      </c>
      <c r="CJ29" s="125">
        <v>0</v>
      </c>
      <c r="CK29" s="123">
        <v>0</v>
      </c>
      <c r="CL29" s="126">
        <v>0</v>
      </c>
      <c r="CM29" s="128">
        <v>0</v>
      </c>
      <c r="CN29" s="129">
        <v>0</v>
      </c>
      <c r="CO29" s="123">
        <v>0</v>
      </c>
      <c r="CP29" s="123">
        <v>0</v>
      </c>
      <c r="CQ29" s="124">
        <v>0</v>
      </c>
      <c r="CR29" s="125">
        <v>0</v>
      </c>
      <c r="CS29" s="125">
        <v>0</v>
      </c>
      <c r="CT29" s="125">
        <v>0</v>
      </c>
      <c r="CU29" s="123">
        <v>1</v>
      </c>
      <c r="CV29" s="126">
        <v>1</v>
      </c>
      <c r="CW29" s="127">
        <v>1</v>
      </c>
      <c r="CX29" s="122">
        <v>0</v>
      </c>
      <c r="CY29" s="123">
        <v>0</v>
      </c>
      <c r="CZ29" s="123">
        <v>0</v>
      </c>
      <c r="DA29" s="124">
        <v>0</v>
      </c>
      <c r="DB29" s="125">
        <v>0</v>
      </c>
      <c r="DC29" s="125">
        <v>0</v>
      </c>
      <c r="DD29" s="125">
        <v>0</v>
      </c>
      <c r="DE29" s="123">
        <v>1</v>
      </c>
      <c r="DF29" s="126">
        <v>1</v>
      </c>
      <c r="DG29" s="128">
        <v>1</v>
      </c>
      <c r="DH29" s="129">
        <v>0</v>
      </c>
      <c r="DI29" s="123">
        <v>0</v>
      </c>
      <c r="DJ29" s="123">
        <v>0</v>
      </c>
      <c r="DK29" s="124">
        <v>0</v>
      </c>
      <c r="DL29" s="125">
        <v>0</v>
      </c>
      <c r="DM29" s="125">
        <v>0</v>
      </c>
      <c r="DN29" s="125">
        <v>0</v>
      </c>
      <c r="DO29" s="123">
        <v>0</v>
      </c>
      <c r="DP29" s="126">
        <v>0</v>
      </c>
      <c r="DQ29" s="128">
        <v>0</v>
      </c>
      <c r="DR29" s="129">
        <v>0</v>
      </c>
      <c r="DS29" s="123">
        <v>0</v>
      </c>
      <c r="DT29" s="123">
        <v>0</v>
      </c>
      <c r="DU29" s="124">
        <v>12</v>
      </c>
      <c r="DV29" s="125">
        <v>25</v>
      </c>
      <c r="DW29" s="125">
        <v>63</v>
      </c>
      <c r="DX29" s="125">
        <v>87</v>
      </c>
      <c r="DY29" s="123">
        <v>75</v>
      </c>
      <c r="DZ29" s="126">
        <v>262</v>
      </c>
      <c r="EA29" s="128">
        <v>262</v>
      </c>
      <c r="EB29" s="36"/>
    </row>
    <row r="30" spans="1:132" ht="20.25" customHeight="1" x14ac:dyDescent="0.2">
      <c r="A30" s="61" t="s">
        <v>27</v>
      </c>
      <c r="B30" s="122">
        <v>0</v>
      </c>
      <c r="C30" s="123">
        <v>0</v>
      </c>
      <c r="D30" s="123">
        <v>0</v>
      </c>
      <c r="E30" s="124">
        <v>2</v>
      </c>
      <c r="F30" s="125">
        <v>2</v>
      </c>
      <c r="G30" s="125">
        <v>43</v>
      </c>
      <c r="H30" s="125">
        <v>56</v>
      </c>
      <c r="I30" s="123">
        <v>42</v>
      </c>
      <c r="J30" s="126">
        <v>145</v>
      </c>
      <c r="K30" s="127">
        <v>145</v>
      </c>
      <c r="L30" s="122">
        <v>0</v>
      </c>
      <c r="M30" s="123">
        <v>0</v>
      </c>
      <c r="N30" s="126">
        <v>0</v>
      </c>
      <c r="O30" s="124">
        <v>2</v>
      </c>
      <c r="P30" s="125">
        <v>2</v>
      </c>
      <c r="Q30" s="125">
        <v>41</v>
      </c>
      <c r="R30" s="125">
        <v>56</v>
      </c>
      <c r="S30" s="123">
        <v>42</v>
      </c>
      <c r="T30" s="126">
        <v>143</v>
      </c>
      <c r="U30" s="128">
        <v>143</v>
      </c>
      <c r="V30" s="129">
        <v>0</v>
      </c>
      <c r="W30" s="123">
        <v>0</v>
      </c>
      <c r="X30" s="126">
        <v>0</v>
      </c>
      <c r="Y30" s="129">
        <v>0</v>
      </c>
      <c r="Z30" s="125">
        <v>0</v>
      </c>
      <c r="AA30" s="125">
        <v>2</v>
      </c>
      <c r="AB30" s="125">
        <v>0</v>
      </c>
      <c r="AC30" s="123">
        <v>0</v>
      </c>
      <c r="AD30" s="126">
        <v>2</v>
      </c>
      <c r="AE30" s="130">
        <v>2</v>
      </c>
      <c r="AF30" s="129">
        <v>0</v>
      </c>
      <c r="AG30" s="123">
        <v>0</v>
      </c>
      <c r="AH30" s="126">
        <v>0</v>
      </c>
      <c r="AI30" s="129">
        <v>8</v>
      </c>
      <c r="AJ30" s="125">
        <v>15</v>
      </c>
      <c r="AK30" s="125">
        <v>27</v>
      </c>
      <c r="AL30" s="125">
        <v>13</v>
      </c>
      <c r="AM30" s="123">
        <v>8</v>
      </c>
      <c r="AN30" s="126">
        <v>71</v>
      </c>
      <c r="AO30" s="130">
        <v>71</v>
      </c>
      <c r="AP30" s="129">
        <v>0</v>
      </c>
      <c r="AQ30" s="123">
        <v>0</v>
      </c>
      <c r="AR30" s="126">
        <v>0</v>
      </c>
      <c r="AS30" s="124">
        <v>8</v>
      </c>
      <c r="AT30" s="125">
        <v>15</v>
      </c>
      <c r="AU30" s="125">
        <v>26</v>
      </c>
      <c r="AV30" s="125">
        <v>13</v>
      </c>
      <c r="AW30" s="123">
        <v>8</v>
      </c>
      <c r="AX30" s="126">
        <v>70</v>
      </c>
      <c r="AY30" s="127">
        <v>70</v>
      </c>
      <c r="AZ30" s="122">
        <v>0</v>
      </c>
      <c r="BA30" s="123">
        <v>0</v>
      </c>
      <c r="BB30" s="123">
        <v>0</v>
      </c>
      <c r="BC30" s="124">
        <v>0</v>
      </c>
      <c r="BD30" s="125">
        <v>0</v>
      </c>
      <c r="BE30" s="125">
        <v>1</v>
      </c>
      <c r="BF30" s="125">
        <v>0</v>
      </c>
      <c r="BG30" s="123">
        <v>0</v>
      </c>
      <c r="BH30" s="126">
        <v>1</v>
      </c>
      <c r="BI30" s="128">
        <v>1</v>
      </c>
      <c r="BJ30" s="129">
        <v>0</v>
      </c>
      <c r="BK30" s="123">
        <v>0</v>
      </c>
      <c r="BL30" s="123">
        <v>0</v>
      </c>
      <c r="BM30" s="124">
        <v>0</v>
      </c>
      <c r="BN30" s="125">
        <v>0</v>
      </c>
      <c r="BO30" s="125">
        <v>1</v>
      </c>
      <c r="BP30" s="125">
        <v>0</v>
      </c>
      <c r="BQ30" s="123">
        <v>0</v>
      </c>
      <c r="BR30" s="126">
        <v>1</v>
      </c>
      <c r="BS30" s="127">
        <v>1</v>
      </c>
      <c r="BT30" s="122">
        <v>0</v>
      </c>
      <c r="BU30" s="123">
        <v>0</v>
      </c>
      <c r="BV30" s="123">
        <v>0</v>
      </c>
      <c r="BW30" s="124">
        <v>0</v>
      </c>
      <c r="BX30" s="125">
        <v>0</v>
      </c>
      <c r="BY30" s="125">
        <v>1</v>
      </c>
      <c r="BZ30" s="125">
        <v>0</v>
      </c>
      <c r="CA30" s="123">
        <v>0</v>
      </c>
      <c r="CB30" s="126">
        <v>1</v>
      </c>
      <c r="CC30" s="128">
        <v>1</v>
      </c>
      <c r="CD30" s="129">
        <v>0</v>
      </c>
      <c r="CE30" s="123">
        <v>0</v>
      </c>
      <c r="CF30" s="123">
        <v>0</v>
      </c>
      <c r="CG30" s="124">
        <v>0</v>
      </c>
      <c r="CH30" s="125">
        <v>0</v>
      </c>
      <c r="CI30" s="125">
        <v>0</v>
      </c>
      <c r="CJ30" s="125">
        <v>0</v>
      </c>
      <c r="CK30" s="123">
        <v>0</v>
      </c>
      <c r="CL30" s="126">
        <v>0</v>
      </c>
      <c r="CM30" s="128">
        <v>0</v>
      </c>
      <c r="CN30" s="129">
        <v>0</v>
      </c>
      <c r="CO30" s="123">
        <v>0</v>
      </c>
      <c r="CP30" s="123">
        <v>0</v>
      </c>
      <c r="CQ30" s="124">
        <v>0</v>
      </c>
      <c r="CR30" s="125">
        <v>0</v>
      </c>
      <c r="CS30" s="125">
        <v>1</v>
      </c>
      <c r="CT30" s="125">
        <v>2</v>
      </c>
      <c r="CU30" s="123">
        <v>1</v>
      </c>
      <c r="CV30" s="126">
        <v>4</v>
      </c>
      <c r="CW30" s="127">
        <v>4</v>
      </c>
      <c r="CX30" s="122">
        <v>0</v>
      </c>
      <c r="CY30" s="123">
        <v>0</v>
      </c>
      <c r="CZ30" s="123">
        <v>0</v>
      </c>
      <c r="DA30" s="124">
        <v>0</v>
      </c>
      <c r="DB30" s="125">
        <v>0</v>
      </c>
      <c r="DC30" s="125">
        <v>1</v>
      </c>
      <c r="DD30" s="125">
        <v>2</v>
      </c>
      <c r="DE30" s="123">
        <v>0</v>
      </c>
      <c r="DF30" s="126">
        <v>3</v>
      </c>
      <c r="DG30" s="128">
        <v>3</v>
      </c>
      <c r="DH30" s="129">
        <v>0</v>
      </c>
      <c r="DI30" s="123">
        <v>0</v>
      </c>
      <c r="DJ30" s="123">
        <v>0</v>
      </c>
      <c r="DK30" s="124">
        <v>0</v>
      </c>
      <c r="DL30" s="125">
        <v>0</v>
      </c>
      <c r="DM30" s="125">
        <v>0</v>
      </c>
      <c r="DN30" s="125">
        <v>0</v>
      </c>
      <c r="DO30" s="123">
        <v>1</v>
      </c>
      <c r="DP30" s="126">
        <v>1</v>
      </c>
      <c r="DQ30" s="128">
        <v>1</v>
      </c>
      <c r="DR30" s="129">
        <v>0</v>
      </c>
      <c r="DS30" s="123">
        <v>0</v>
      </c>
      <c r="DT30" s="123">
        <v>0</v>
      </c>
      <c r="DU30" s="124">
        <v>10</v>
      </c>
      <c r="DV30" s="125">
        <v>17</v>
      </c>
      <c r="DW30" s="125">
        <v>71</v>
      </c>
      <c r="DX30" s="125">
        <v>71</v>
      </c>
      <c r="DY30" s="123">
        <v>51</v>
      </c>
      <c r="DZ30" s="126">
        <v>220</v>
      </c>
      <c r="EA30" s="128">
        <v>220</v>
      </c>
      <c r="EB30" s="36"/>
    </row>
    <row r="31" spans="1:132" ht="20.25" customHeight="1" x14ac:dyDescent="0.2">
      <c r="A31" s="61" t="s">
        <v>28</v>
      </c>
      <c r="B31" s="122">
        <v>0</v>
      </c>
      <c r="C31" s="123">
        <v>0</v>
      </c>
      <c r="D31" s="123">
        <v>0</v>
      </c>
      <c r="E31" s="124">
        <v>0</v>
      </c>
      <c r="F31" s="125">
        <v>2</v>
      </c>
      <c r="G31" s="125">
        <v>12</v>
      </c>
      <c r="H31" s="125">
        <v>20</v>
      </c>
      <c r="I31" s="123">
        <v>13</v>
      </c>
      <c r="J31" s="126">
        <v>47</v>
      </c>
      <c r="K31" s="127">
        <v>47</v>
      </c>
      <c r="L31" s="122">
        <v>0</v>
      </c>
      <c r="M31" s="123">
        <v>0</v>
      </c>
      <c r="N31" s="126">
        <v>0</v>
      </c>
      <c r="O31" s="124">
        <v>0</v>
      </c>
      <c r="P31" s="125">
        <v>2</v>
      </c>
      <c r="Q31" s="125">
        <v>12</v>
      </c>
      <c r="R31" s="125">
        <v>20</v>
      </c>
      <c r="S31" s="123">
        <v>13</v>
      </c>
      <c r="T31" s="126">
        <v>47</v>
      </c>
      <c r="U31" s="128">
        <v>47</v>
      </c>
      <c r="V31" s="129">
        <v>0</v>
      </c>
      <c r="W31" s="123">
        <v>0</v>
      </c>
      <c r="X31" s="126">
        <v>0</v>
      </c>
      <c r="Y31" s="129">
        <v>0</v>
      </c>
      <c r="Z31" s="125">
        <v>0</v>
      </c>
      <c r="AA31" s="125">
        <v>0</v>
      </c>
      <c r="AB31" s="125">
        <v>0</v>
      </c>
      <c r="AC31" s="123">
        <v>0</v>
      </c>
      <c r="AD31" s="126">
        <v>0</v>
      </c>
      <c r="AE31" s="130">
        <v>0</v>
      </c>
      <c r="AF31" s="129">
        <v>0</v>
      </c>
      <c r="AG31" s="123">
        <v>0</v>
      </c>
      <c r="AH31" s="126">
        <v>0</v>
      </c>
      <c r="AI31" s="129">
        <v>0</v>
      </c>
      <c r="AJ31" s="125">
        <v>9</v>
      </c>
      <c r="AK31" s="125">
        <v>7</v>
      </c>
      <c r="AL31" s="125">
        <v>9</v>
      </c>
      <c r="AM31" s="123">
        <v>4</v>
      </c>
      <c r="AN31" s="126">
        <v>29</v>
      </c>
      <c r="AO31" s="130">
        <v>29</v>
      </c>
      <c r="AP31" s="129">
        <v>0</v>
      </c>
      <c r="AQ31" s="123">
        <v>0</v>
      </c>
      <c r="AR31" s="126">
        <v>0</v>
      </c>
      <c r="AS31" s="124">
        <v>0</v>
      </c>
      <c r="AT31" s="125">
        <v>9</v>
      </c>
      <c r="AU31" s="125">
        <v>7</v>
      </c>
      <c r="AV31" s="125">
        <v>8</v>
      </c>
      <c r="AW31" s="123">
        <v>4</v>
      </c>
      <c r="AX31" s="126">
        <v>28</v>
      </c>
      <c r="AY31" s="127">
        <v>28</v>
      </c>
      <c r="AZ31" s="122">
        <v>0</v>
      </c>
      <c r="BA31" s="123">
        <v>0</v>
      </c>
      <c r="BB31" s="123">
        <v>0</v>
      </c>
      <c r="BC31" s="124">
        <v>0</v>
      </c>
      <c r="BD31" s="125">
        <v>0</v>
      </c>
      <c r="BE31" s="125">
        <v>0</v>
      </c>
      <c r="BF31" s="125">
        <v>1</v>
      </c>
      <c r="BG31" s="123">
        <v>0</v>
      </c>
      <c r="BH31" s="126">
        <v>1</v>
      </c>
      <c r="BI31" s="128">
        <v>1</v>
      </c>
      <c r="BJ31" s="129">
        <v>0</v>
      </c>
      <c r="BK31" s="123">
        <v>0</v>
      </c>
      <c r="BL31" s="123">
        <v>0</v>
      </c>
      <c r="BM31" s="124">
        <v>0</v>
      </c>
      <c r="BN31" s="125">
        <v>0</v>
      </c>
      <c r="BO31" s="125">
        <v>0</v>
      </c>
      <c r="BP31" s="125">
        <v>0</v>
      </c>
      <c r="BQ31" s="123">
        <v>0</v>
      </c>
      <c r="BR31" s="126">
        <v>0</v>
      </c>
      <c r="BS31" s="127">
        <v>0</v>
      </c>
      <c r="BT31" s="122">
        <v>0</v>
      </c>
      <c r="BU31" s="123">
        <v>0</v>
      </c>
      <c r="BV31" s="123">
        <v>0</v>
      </c>
      <c r="BW31" s="124">
        <v>0</v>
      </c>
      <c r="BX31" s="125">
        <v>0</v>
      </c>
      <c r="BY31" s="125">
        <v>0</v>
      </c>
      <c r="BZ31" s="125">
        <v>0</v>
      </c>
      <c r="CA31" s="123">
        <v>0</v>
      </c>
      <c r="CB31" s="126">
        <v>0</v>
      </c>
      <c r="CC31" s="128">
        <v>0</v>
      </c>
      <c r="CD31" s="129">
        <v>0</v>
      </c>
      <c r="CE31" s="123">
        <v>0</v>
      </c>
      <c r="CF31" s="123">
        <v>0</v>
      </c>
      <c r="CG31" s="124">
        <v>0</v>
      </c>
      <c r="CH31" s="125">
        <v>0</v>
      </c>
      <c r="CI31" s="125">
        <v>0</v>
      </c>
      <c r="CJ31" s="125">
        <v>0</v>
      </c>
      <c r="CK31" s="123">
        <v>0</v>
      </c>
      <c r="CL31" s="126">
        <v>0</v>
      </c>
      <c r="CM31" s="128">
        <v>0</v>
      </c>
      <c r="CN31" s="129">
        <v>0</v>
      </c>
      <c r="CO31" s="123">
        <v>0</v>
      </c>
      <c r="CP31" s="123">
        <v>0</v>
      </c>
      <c r="CQ31" s="124">
        <v>0</v>
      </c>
      <c r="CR31" s="125">
        <v>0</v>
      </c>
      <c r="CS31" s="125">
        <v>0</v>
      </c>
      <c r="CT31" s="125">
        <v>0</v>
      </c>
      <c r="CU31" s="123">
        <v>0</v>
      </c>
      <c r="CV31" s="126">
        <v>0</v>
      </c>
      <c r="CW31" s="127">
        <v>0</v>
      </c>
      <c r="CX31" s="122">
        <v>0</v>
      </c>
      <c r="CY31" s="123">
        <v>0</v>
      </c>
      <c r="CZ31" s="123">
        <v>0</v>
      </c>
      <c r="DA31" s="124">
        <v>0</v>
      </c>
      <c r="DB31" s="125">
        <v>0</v>
      </c>
      <c r="DC31" s="125">
        <v>0</v>
      </c>
      <c r="DD31" s="125">
        <v>0</v>
      </c>
      <c r="DE31" s="123">
        <v>0</v>
      </c>
      <c r="DF31" s="126">
        <v>0</v>
      </c>
      <c r="DG31" s="128">
        <v>0</v>
      </c>
      <c r="DH31" s="129">
        <v>0</v>
      </c>
      <c r="DI31" s="123">
        <v>0</v>
      </c>
      <c r="DJ31" s="123">
        <v>0</v>
      </c>
      <c r="DK31" s="124">
        <v>0</v>
      </c>
      <c r="DL31" s="125">
        <v>0</v>
      </c>
      <c r="DM31" s="125">
        <v>0</v>
      </c>
      <c r="DN31" s="125">
        <v>0</v>
      </c>
      <c r="DO31" s="123">
        <v>0</v>
      </c>
      <c r="DP31" s="126">
        <v>0</v>
      </c>
      <c r="DQ31" s="128">
        <v>0</v>
      </c>
      <c r="DR31" s="129">
        <v>0</v>
      </c>
      <c r="DS31" s="123">
        <v>0</v>
      </c>
      <c r="DT31" s="123">
        <v>0</v>
      </c>
      <c r="DU31" s="124">
        <v>0</v>
      </c>
      <c r="DV31" s="125">
        <v>11</v>
      </c>
      <c r="DW31" s="125">
        <v>19</v>
      </c>
      <c r="DX31" s="125">
        <v>29</v>
      </c>
      <c r="DY31" s="123">
        <v>17</v>
      </c>
      <c r="DZ31" s="126">
        <v>76</v>
      </c>
      <c r="EA31" s="128">
        <v>76</v>
      </c>
      <c r="EB31" s="36"/>
    </row>
    <row r="32" spans="1:132" ht="20.25" customHeight="1" x14ac:dyDescent="0.2">
      <c r="A32" s="61" t="s">
        <v>29</v>
      </c>
      <c r="B32" s="122">
        <v>0</v>
      </c>
      <c r="C32" s="123">
        <v>0</v>
      </c>
      <c r="D32" s="123">
        <v>0</v>
      </c>
      <c r="E32" s="124">
        <v>0</v>
      </c>
      <c r="F32" s="125">
        <v>1</v>
      </c>
      <c r="G32" s="125">
        <v>20</v>
      </c>
      <c r="H32" s="125">
        <v>35</v>
      </c>
      <c r="I32" s="123">
        <v>20</v>
      </c>
      <c r="J32" s="126">
        <v>76</v>
      </c>
      <c r="K32" s="127">
        <v>76</v>
      </c>
      <c r="L32" s="122">
        <v>0</v>
      </c>
      <c r="M32" s="123">
        <v>0</v>
      </c>
      <c r="N32" s="126">
        <v>0</v>
      </c>
      <c r="O32" s="124">
        <v>0</v>
      </c>
      <c r="P32" s="125">
        <v>1</v>
      </c>
      <c r="Q32" s="125">
        <v>20</v>
      </c>
      <c r="R32" s="125">
        <v>35</v>
      </c>
      <c r="S32" s="123">
        <v>20</v>
      </c>
      <c r="T32" s="126">
        <v>76</v>
      </c>
      <c r="U32" s="128">
        <v>76</v>
      </c>
      <c r="V32" s="129">
        <v>0</v>
      </c>
      <c r="W32" s="123">
        <v>0</v>
      </c>
      <c r="X32" s="126">
        <v>0</v>
      </c>
      <c r="Y32" s="129">
        <v>0</v>
      </c>
      <c r="Z32" s="125">
        <v>0</v>
      </c>
      <c r="AA32" s="125">
        <v>0</v>
      </c>
      <c r="AB32" s="125">
        <v>0</v>
      </c>
      <c r="AC32" s="123">
        <v>0</v>
      </c>
      <c r="AD32" s="126">
        <v>0</v>
      </c>
      <c r="AE32" s="130">
        <v>0</v>
      </c>
      <c r="AF32" s="129">
        <v>0</v>
      </c>
      <c r="AG32" s="123">
        <v>0</v>
      </c>
      <c r="AH32" s="126">
        <v>0</v>
      </c>
      <c r="AI32" s="129">
        <v>3</v>
      </c>
      <c r="AJ32" s="125">
        <v>11</v>
      </c>
      <c r="AK32" s="125">
        <v>5</v>
      </c>
      <c r="AL32" s="125">
        <v>18</v>
      </c>
      <c r="AM32" s="123">
        <v>10</v>
      </c>
      <c r="AN32" s="126">
        <v>47</v>
      </c>
      <c r="AO32" s="130">
        <v>47</v>
      </c>
      <c r="AP32" s="129">
        <v>0</v>
      </c>
      <c r="AQ32" s="123">
        <v>0</v>
      </c>
      <c r="AR32" s="126">
        <v>0</v>
      </c>
      <c r="AS32" s="124">
        <v>3</v>
      </c>
      <c r="AT32" s="125">
        <v>10</v>
      </c>
      <c r="AU32" s="125">
        <v>5</v>
      </c>
      <c r="AV32" s="125">
        <v>18</v>
      </c>
      <c r="AW32" s="123">
        <v>9</v>
      </c>
      <c r="AX32" s="126">
        <v>45</v>
      </c>
      <c r="AY32" s="127">
        <v>45</v>
      </c>
      <c r="AZ32" s="122">
        <v>0</v>
      </c>
      <c r="BA32" s="123">
        <v>0</v>
      </c>
      <c r="BB32" s="123">
        <v>0</v>
      </c>
      <c r="BC32" s="124">
        <v>0</v>
      </c>
      <c r="BD32" s="125">
        <v>1</v>
      </c>
      <c r="BE32" s="125">
        <v>0</v>
      </c>
      <c r="BF32" s="125">
        <v>0</v>
      </c>
      <c r="BG32" s="123">
        <v>1</v>
      </c>
      <c r="BH32" s="126">
        <v>2</v>
      </c>
      <c r="BI32" s="128">
        <v>2</v>
      </c>
      <c r="BJ32" s="129">
        <v>0</v>
      </c>
      <c r="BK32" s="123">
        <v>0</v>
      </c>
      <c r="BL32" s="123">
        <v>0</v>
      </c>
      <c r="BM32" s="124">
        <v>0</v>
      </c>
      <c r="BN32" s="125">
        <v>0</v>
      </c>
      <c r="BO32" s="125">
        <v>0</v>
      </c>
      <c r="BP32" s="125">
        <v>0</v>
      </c>
      <c r="BQ32" s="123">
        <v>2</v>
      </c>
      <c r="BR32" s="126">
        <v>2</v>
      </c>
      <c r="BS32" s="127">
        <v>2</v>
      </c>
      <c r="BT32" s="122">
        <v>0</v>
      </c>
      <c r="BU32" s="123">
        <v>0</v>
      </c>
      <c r="BV32" s="123">
        <v>0</v>
      </c>
      <c r="BW32" s="124">
        <v>0</v>
      </c>
      <c r="BX32" s="125">
        <v>0</v>
      </c>
      <c r="BY32" s="125">
        <v>0</v>
      </c>
      <c r="BZ32" s="125">
        <v>0</v>
      </c>
      <c r="CA32" s="123">
        <v>2</v>
      </c>
      <c r="CB32" s="126">
        <v>2</v>
      </c>
      <c r="CC32" s="128">
        <v>2</v>
      </c>
      <c r="CD32" s="129">
        <v>0</v>
      </c>
      <c r="CE32" s="123">
        <v>0</v>
      </c>
      <c r="CF32" s="123">
        <v>0</v>
      </c>
      <c r="CG32" s="124">
        <v>0</v>
      </c>
      <c r="CH32" s="125">
        <v>0</v>
      </c>
      <c r="CI32" s="125">
        <v>0</v>
      </c>
      <c r="CJ32" s="125">
        <v>0</v>
      </c>
      <c r="CK32" s="123">
        <v>0</v>
      </c>
      <c r="CL32" s="126">
        <v>0</v>
      </c>
      <c r="CM32" s="128">
        <v>0</v>
      </c>
      <c r="CN32" s="129">
        <v>0</v>
      </c>
      <c r="CO32" s="123">
        <v>0</v>
      </c>
      <c r="CP32" s="123">
        <v>0</v>
      </c>
      <c r="CQ32" s="124">
        <v>0</v>
      </c>
      <c r="CR32" s="125">
        <v>0</v>
      </c>
      <c r="CS32" s="125">
        <v>0</v>
      </c>
      <c r="CT32" s="125">
        <v>0</v>
      </c>
      <c r="CU32" s="123">
        <v>0</v>
      </c>
      <c r="CV32" s="126">
        <v>0</v>
      </c>
      <c r="CW32" s="127">
        <v>0</v>
      </c>
      <c r="CX32" s="122">
        <v>0</v>
      </c>
      <c r="CY32" s="123">
        <v>0</v>
      </c>
      <c r="CZ32" s="123">
        <v>0</v>
      </c>
      <c r="DA32" s="124">
        <v>0</v>
      </c>
      <c r="DB32" s="125">
        <v>0</v>
      </c>
      <c r="DC32" s="125">
        <v>0</v>
      </c>
      <c r="DD32" s="125">
        <v>0</v>
      </c>
      <c r="DE32" s="123">
        <v>0</v>
      </c>
      <c r="DF32" s="126">
        <v>0</v>
      </c>
      <c r="DG32" s="128">
        <v>0</v>
      </c>
      <c r="DH32" s="129">
        <v>0</v>
      </c>
      <c r="DI32" s="123">
        <v>0</v>
      </c>
      <c r="DJ32" s="123">
        <v>0</v>
      </c>
      <c r="DK32" s="124">
        <v>0</v>
      </c>
      <c r="DL32" s="125">
        <v>0</v>
      </c>
      <c r="DM32" s="125">
        <v>0</v>
      </c>
      <c r="DN32" s="125">
        <v>0</v>
      </c>
      <c r="DO32" s="123">
        <v>0</v>
      </c>
      <c r="DP32" s="126">
        <v>0</v>
      </c>
      <c r="DQ32" s="128">
        <v>0</v>
      </c>
      <c r="DR32" s="129">
        <v>0</v>
      </c>
      <c r="DS32" s="123">
        <v>0</v>
      </c>
      <c r="DT32" s="123">
        <v>0</v>
      </c>
      <c r="DU32" s="124">
        <v>3</v>
      </c>
      <c r="DV32" s="125">
        <v>12</v>
      </c>
      <c r="DW32" s="125">
        <v>25</v>
      </c>
      <c r="DX32" s="125">
        <v>52</v>
      </c>
      <c r="DY32" s="123">
        <v>31</v>
      </c>
      <c r="DZ32" s="126">
        <v>123</v>
      </c>
      <c r="EA32" s="128">
        <v>123</v>
      </c>
      <c r="EB32" s="36"/>
    </row>
    <row r="33" spans="1:132" ht="20.25" customHeight="1" x14ac:dyDescent="0.2">
      <c r="A33" s="61" t="s">
        <v>30</v>
      </c>
      <c r="B33" s="122">
        <v>0</v>
      </c>
      <c r="C33" s="123">
        <v>0</v>
      </c>
      <c r="D33" s="123">
        <v>0</v>
      </c>
      <c r="E33" s="124">
        <v>1</v>
      </c>
      <c r="F33" s="125">
        <v>2</v>
      </c>
      <c r="G33" s="125">
        <v>22</v>
      </c>
      <c r="H33" s="125">
        <v>23</v>
      </c>
      <c r="I33" s="123">
        <v>17</v>
      </c>
      <c r="J33" s="126">
        <v>65</v>
      </c>
      <c r="K33" s="127">
        <v>65</v>
      </c>
      <c r="L33" s="122">
        <v>0</v>
      </c>
      <c r="M33" s="123">
        <v>0</v>
      </c>
      <c r="N33" s="126">
        <v>0</v>
      </c>
      <c r="O33" s="124">
        <v>1</v>
      </c>
      <c r="P33" s="125">
        <v>2</v>
      </c>
      <c r="Q33" s="125">
        <v>22</v>
      </c>
      <c r="R33" s="125">
        <v>23</v>
      </c>
      <c r="S33" s="123">
        <v>17</v>
      </c>
      <c r="T33" s="126">
        <v>65</v>
      </c>
      <c r="U33" s="128">
        <v>65</v>
      </c>
      <c r="V33" s="129">
        <v>0</v>
      </c>
      <c r="W33" s="123">
        <v>0</v>
      </c>
      <c r="X33" s="126">
        <v>0</v>
      </c>
      <c r="Y33" s="129">
        <v>0</v>
      </c>
      <c r="Z33" s="125">
        <v>0</v>
      </c>
      <c r="AA33" s="125">
        <v>0</v>
      </c>
      <c r="AB33" s="125">
        <v>0</v>
      </c>
      <c r="AC33" s="123">
        <v>0</v>
      </c>
      <c r="AD33" s="126">
        <v>0</v>
      </c>
      <c r="AE33" s="130">
        <v>0</v>
      </c>
      <c r="AF33" s="129">
        <v>0</v>
      </c>
      <c r="AG33" s="123">
        <v>0</v>
      </c>
      <c r="AH33" s="126">
        <v>0</v>
      </c>
      <c r="AI33" s="129">
        <v>3</v>
      </c>
      <c r="AJ33" s="125">
        <v>9</v>
      </c>
      <c r="AK33" s="125">
        <v>13</v>
      </c>
      <c r="AL33" s="125">
        <v>20</v>
      </c>
      <c r="AM33" s="123">
        <v>8</v>
      </c>
      <c r="AN33" s="126">
        <v>53</v>
      </c>
      <c r="AO33" s="130">
        <v>53</v>
      </c>
      <c r="AP33" s="129">
        <v>0</v>
      </c>
      <c r="AQ33" s="123">
        <v>0</v>
      </c>
      <c r="AR33" s="126">
        <v>0</v>
      </c>
      <c r="AS33" s="124">
        <v>3</v>
      </c>
      <c r="AT33" s="125">
        <v>9</v>
      </c>
      <c r="AU33" s="125">
        <v>12</v>
      </c>
      <c r="AV33" s="125">
        <v>20</v>
      </c>
      <c r="AW33" s="123">
        <v>8</v>
      </c>
      <c r="AX33" s="126">
        <v>52</v>
      </c>
      <c r="AY33" s="127">
        <v>52</v>
      </c>
      <c r="AZ33" s="122">
        <v>0</v>
      </c>
      <c r="BA33" s="123">
        <v>0</v>
      </c>
      <c r="BB33" s="123">
        <v>0</v>
      </c>
      <c r="BC33" s="124">
        <v>0</v>
      </c>
      <c r="BD33" s="125">
        <v>0</v>
      </c>
      <c r="BE33" s="125">
        <v>1</v>
      </c>
      <c r="BF33" s="125">
        <v>0</v>
      </c>
      <c r="BG33" s="123">
        <v>0</v>
      </c>
      <c r="BH33" s="126">
        <v>1</v>
      </c>
      <c r="BI33" s="128">
        <v>1</v>
      </c>
      <c r="BJ33" s="129">
        <v>0</v>
      </c>
      <c r="BK33" s="123">
        <v>0</v>
      </c>
      <c r="BL33" s="123">
        <v>0</v>
      </c>
      <c r="BM33" s="124">
        <v>0</v>
      </c>
      <c r="BN33" s="125">
        <v>0</v>
      </c>
      <c r="BO33" s="125">
        <v>0</v>
      </c>
      <c r="BP33" s="125">
        <v>0</v>
      </c>
      <c r="BQ33" s="123">
        <v>0</v>
      </c>
      <c r="BR33" s="126">
        <v>0</v>
      </c>
      <c r="BS33" s="127">
        <v>0</v>
      </c>
      <c r="BT33" s="122">
        <v>0</v>
      </c>
      <c r="BU33" s="123">
        <v>0</v>
      </c>
      <c r="BV33" s="123">
        <v>0</v>
      </c>
      <c r="BW33" s="124">
        <v>0</v>
      </c>
      <c r="BX33" s="125">
        <v>0</v>
      </c>
      <c r="BY33" s="125">
        <v>0</v>
      </c>
      <c r="BZ33" s="125">
        <v>0</v>
      </c>
      <c r="CA33" s="123">
        <v>0</v>
      </c>
      <c r="CB33" s="126">
        <v>0</v>
      </c>
      <c r="CC33" s="128">
        <v>0</v>
      </c>
      <c r="CD33" s="129">
        <v>0</v>
      </c>
      <c r="CE33" s="123">
        <v>0</v>
      </c>
      <c r="CF33" s="123">
        <v>0</v>
      </c>
      <c r="CG33" s="124">
        <v>0</v>
      </c>
      <c r="CH33" s="125">
        <v>0</v>
      </c>
      <c r="CI33" s="125">
        <v>0</v>
      </c>
      <c r="CJ33" s="125">
        <v>0</v>
      </c>
      <c r="CK33" s="123">
        <v>0</v>
      </c>
      <c r="CL33" s="126">
        <v>0</v>
      </c>
      <c r="CM33" s="128">
        <v>0</v>
      </c>
      <c r="CN33" s="129">
        <v>0</v>
      </c>
      <c r="CO33" s="123">
        <v>0</v>
      </c>
      <c r="CP33" s="123">
        <v>0</v>
      </c>
      <c r="CQ33" s="124">
        <v>0</v>
      </c>
      <c r="CR33" s="125">
        <v>1</v>
      </c>
      <c r="CS33" s="125">
        <v>0</v>
      </c>
      <c r="CT33" s="125">
        <v>0</v>
      </c>
      <c r="CU33" s="123">
        <v>2</v>
      </c>
      <c r="CV33" s="126">
        <v>3</v>
      </c>
      <c r="CW33" s="127">
        <v>3</v>
      </c>
      <c r="CX33" s="122">
        <v>0</v>
      </c>
      <c r="CY33" s="123">
        <v>0</v>
      </c>
      <c r="CZ33" s="123">
        <v>0</v>
      </c>
      <c r="DA33" s="124">
        <v>0</v>
      </c>
      <c r="DB33" s="125">
        <v>1</v>
      </c>
      <c r="DC33" s="125">
        <v>0</v>
      </c>
      <c r="DD33" s="125">
        <v>0</v>
      </c>
      <c r="DE33" s="123">
        <v>2</v>
      </c>
      <c r="DF33" s="126">
        <v>3</v>
      </c>
      <c r="DG33" s="128">
        <v>3</v>
      </c>
      <c r="DH33" s="129">
        <v>0</v>
      </c>
      <c r="DI33" s="123">
        <v>0</v>
      </c>
      <c r="DJ33" s="123">
        <v>0</v>
      </c>
      <c r="DK33" s="124">
        <v>0</v>
      </c>
      <c r="DL33" s="125">
        <v>0</v>
      </c>
      <c r="DM33" s="125">
        <v>0</v>
      </c>
      <c r="DN33" s="125">
        <v>0</v>
      </c>
      <c r="DO33" s="123">
        <v>0</v>
      </c>
      <c r="DP33" s="126">
        <v>0</v>
      </c>
      <c r="DQ33" s="128">
        <v>0</v>
      </c>
      <c r="DR33" s="129">
        <v>0</v>
      </c>
      <c r="DS33" s="123">
        <v>0</v>
      </c>
      <c r="DT33" s="123">
        <v>0</v>
      </c>
      <c r="DU33" s="124">
        <v>4</v>
      </c>
      <c r="DV33" s="125">
        <v>12</v>
      </c>
      <c r="DW33" s="125">
        <v>35</v>
      </c>
      <c r="DX33" s="125">
        <v>43</v>
      </c>
      <c r="DY33" s="123">
        <v>27</v>
      </c>
      <c r="DZ33" s="126">
        <v>121</v>
      </c>
      <c r="EA33" s="128">
        <v>121</v>
      </c>
      <c r="EB33" s="36"/>
    </row>
    <row r="34" spans="1:132" ht="20.25" customHeight="1" x14ac:dyDescent="0.2">
      <c r="A34" s="61" t="s">
        <v>31</v>
      </c>
      <c r="B34" s="122">
        <v>0</v>
      </c>
      <c r="C34" s="123">
        <v>0</v>
      </c>
      <c r="D34" s="123">
        <v>0</v>
      </c>
      <c r="E34" s="124">
        <v>0</v>
      </c>
      <c r="F34" s="125">
        <v>4</v>
      </c>
      <c r="G34" s="125">
        <v>26</v>
      </c>
      <c r="H34" s="125">
        <v>22</v>
      </c>
      <c r="I34" s="123">
        <v>19</v>
      </c>
      <c r="J34" s="126">
        <v>71</v>
      </c>
      <c r="K34" s="127">
        <v>71</v>
      </c>
      <c r="L34" s="122">
        <v>0</v>
      </c>
      <c r="M34" s="123">
        <v>0</v>
      </c>
      <c r="N34" s="126">
        <v>0</v>
      </c>
      <c r="O34" s="124">
        <v>0</v>
      </c>
      <c r="P34" s="125">
        <v>4</v>
      </c>
      <c r="Q34" s="125">
        <v>26</v>
      </c>
      <c r="R34" s="125">
        <v>22</v>
      </c>
      <c r="S34" s="123">
        <v>19</v>
      </c>
      <c r="T34" s="126">
        <v>71</v>
      </c>
      <c r="U34" s="128">
        <v>71</v>
      </c>
      <c r="V34" s="129">
        <v>0</v>
      </c>
      <c r="W34" s="123">
        <v>0</v>
      </c>
      <c r="X34" s="126">
        <v>0</v>
      </c>
      <c r="Y34" s="129">
        <v>0</v>
      </c>
      <c r="Z34" s="125">
        <v>0</v>
      </c>
      <c r="AA34" s="125">
        <v>0</v>
      </c>
      <c r="AB34" s="125">
        <v>0</v>
      </c>
      <c r="AC34" s="123">
        <v>0</v>
      </c>
      <c r="AD34" s="126">
        <v>0</v>
      </c>
      <c r="AE34" s="130">
        <v>0</v>
      </c>
      <c r="AF34" s="129">
        <v>0</v>
      </c>
      <c r="AG34" s="123">
        <v>0</v>
      </c>
      <c r="AH34" s="126">
        <v>0</v>
      </c>
      <c r="AI34" s="129">
        <v>2</v>
      </c>
      <c r="AJ34" s="125">
        <v>13</v>
      </c>
      <c r="AK34" s="125">
        <v>10</v>
      </c>
      <c r="AL34" s="125">
        <v>12</v>
      </c>
      <c r="AM34" s="123">
        <v>3</v>
      </c>
      <c r="AN34" s="126">
        <v>40</v>
      </c>
      <c r="AO34" s="130">
        <v>40</v>
      </c>
      <c r="AP34" s="129">
        <v>0</v>
      </c>
      <c r="AQ34" s="123">
        <v>0</v>
      </c>
      <c r="AR34" s="126">
        <v>0</v>
      </c>
      <c r="AS34" s="124">
        <v>2</v>
      </c>
      <c r="AT34" s="125">
        <v>13</v>
      </c>
      <c r="AU34" s="125">
        <v>10</v>
      </c>
      <c r="AV34" s="125">
        <v>12</v>
      </c>
      <c r="AW34" s="123">
        <v>3</v>
      </c>
      <c r="AX34" s="126">
        <v>40</v>
      </c>
      <c r="AY34" s="127">
        <v>40</v>
      </c>
      <c r="AZ34" s="122">
        <v>0</v>
      </c>
      <c r="BA34" s="123">
        <v>0</v>
      </c>
      <c r="BB34" s="123">
        <v>0</v>
      </c>
      <c r="BC34" s="124">
        <v>0</v>
      </c>
      <c r="BD34" s="125">
        <v>0</v>
      </c>
      <c r="BE34" s="125">
        <v>0</v>
      </c>
      <c r="BF34" s="125">
        <v>0</v>
      </c>
      <c r="BG34" s="123">
        <v>0</v>
      </c>
      <c r="BH34" s="126">
        <v>0</v>
      </c>
      <c r="BI34" s="128">
        <v>0</v>
      </c>
      <c r="BJ34" s="129">
        <v>0</v>
      </c>
      <c r="BK34" s="123">
        <v>0</v>
      </c>
      <c r="BL34" s="123">
        <v>0</v>
      </c>
      <c r="BM34" s="124">
        <v>0</v>
      </c>
      <c r="BN34" s="125">
        <v>0</v>
      </c>
      <c r="BO34" s="125">
        <v>0</v>
      </c>
      <c r="BP34" s="125">
        <v>2</v>
      </c>
      <c r="BQ34" s="123">
        <v>0</v>
      </c>
      <c r="BR34" s="126">
        <v>2</v>
      </c>
      <c r="BS34" s="127">
        <v>2</v>
      </c>
      <c r="BT34" s="122">
        <v>0</v>
      </c>
      <c r="BU34" s="123">
        <v>0</v>
      </c>
      <c r="BV34" s="123">
        <v>0</v>
      </c>
      <c r="BW34" s="124">
        <v>0</v>
      </c>
      <c r="BX34" s="125">
        <v>0</v>
      </c>
      <c r="BY34" s="125">
        <v>0</v>
      </c>
      <c r="BZ34" s="125">
        <v>2</v>
      </c>
      <c r="CA34" s="123">
        <v>0</v>
      </c>
      <c r="CB34" s="126">
        <v>2</v>
      </c>
      <c r="CC34" s="128">
        <v>2</v>
      </c>
      <c r="CD34" s="129">
        <v>0</v>
      </c>
      <c r="CE34" s="123">
        <v>0</v>
      </c>
      <c r="CF34" s="123">
        <v>0</v>
      </c>
      <c r="CG34" s="124">
        <v>0</v>
      </c>
      <c r="CH34" s="125">
        <v>0</v>
      </c>
      <c r="CI34" s="125">
        <v>0</v>
      </c>
      <c r="CJ34" s="125">
        <v>0</v>
      </c>
      <c r="CK34" s="123">
        <v>0</v>
      </c>
      <c r="CL34" s="126">
        <v>0</v>
      </c>
      <c r="CM34" s="128">
        <v>0</v>
      </c>
      <c r="CN34" s="129">
        <v>0</v>
      </c>
      <c r="CO34" s="123">
        <v>0</v>
      </c>
      <c r="CP34" s="123">
        <v>0</v>
      </c>
      <c r="CQ34" s="124">
        <v>0</v>
      </c>
      <c r="CR34" s="125">
        <v>0</v>
      </c>
      <c r="CS34" s="125">
        <v>0</v>
      </c>
      <c r="CT34" s="125">
        <v>0</v>
      </c>
      <c r="CU34" s="123">
        <v>1</v>
      </c>
      <c r="CV34" s="126">
        <v>1</v>
      </c>
      <c r="CW34" s="127">
        <v>1</v>
      </c>
      <c r="CX34" s="122">
        <v>0</v>
      </c>
      <c r="CY34" s="123">
        <v>0</v>
      </c>
      <c r="CZ34" s="123">
        <v>0</v>
      </c>
      <c r="DA34" s="124">
        <v>0</v>
      </c>
      <c r="DB34" s="125">
        <v>0</v>
      </c>
      <c r="DC34" s="125">
        <v>0</v>
      </c>
      <c r="DD34" s="125">
        <v>0</v>
      </c>
      <c r="DE34" s="123">
        <v>1</v>
      </c>
      <c r="DF34" s="126">
        <v>1</v>
      </c>
      <c r="DG34" s="128">
        <v>1</v>
      </c>
      <c r="DH34" s="129">
        <v>0</v>
      </c>
      <c r="DI34" s="123">
        <v>0</v>
      </c>
      <c r="DJ34" s="123">
        <v>0</v>
      </c>
      <c r="DK34" s="124">
        <v>0</v>
      </c>
      <c r="DL34" s="125">
        <v>0</v>
      </c>
      <c r="DM34" s="125">
        <v>0</v>
      </c>
      <c r="DN34" s="125">
        <v>0</v>
      </c>
      <c r="DO34" s="123">
        <v>0</v>
      </c>
      <c r="DP34" s="126">
        <v>0</v>
      </c>
      <c r="DQ34" s="128">
        <v>0</v>
      </c>
      <c r="DR34" s="129">
        <v>0</v>
      </c>
      <c r="DS34" s="123">
        <v>0</v>
      </c>
      <c r="DT34" s="123">
        <v>0</v>
      </c>
      <c r="DU34" s="124">
        <v>2</v>
      </c>
      <c r="DV34" s="125">
        <v>17</v>
      </c>
      <c r="DW34" s="125">
        <v>36</v>
      </c>
      <c r="DX34" s="125">
        <v>36</v>
      </c>
      <c r="DY34" s="123">
        <v>23</v>
      </c>
      <c r="DZ34" s="126">
        <v>114</v>
      </c>
      <c r="EA34" s="128">
        <v>114</v>
      </c>
      <c r="EB34" s="36"/>
    </row>
    <row r="35" spans="1:132" ht="20.25" customHeight="1" x14ac:dyDescent="0.2">
      <c r="A35" s="61" t="s">
        <v>32</v>
      </c>
      <c r="B35" s="122">
        <v>0</v>
      </c>
      <c r="C35" s="123">
        <v>0</v>
      </c>
      <c r="D35" s="123">
        <v>0</v>
      </c>
      <c r="E35" s="124">
        <v>1</v>
      </c>
      <c r="F35" s="125">
        <v>2</v>
      </c>
      <c r="G35" s="125">
        <v>9</v>
      </c>
      <c r="H35" s="125">
        <v>23</v>
      </c>
      <c r="I35" s="123">
        <v>8</v>
      </c>
      <c r="J35" s="126">
        <v>43</v>
      </c>
      <c r="K35" s="127">
        <v>43</v>
      </c>
      <c r="L35" s="122">
        <v>0</v>
      </c>
      <c r="M35" s="123">
        <v>0</v>
      </c>
      <c r="N35" s="126">
        <v>0</v>
      </c>
      <c r="O35" s="124">
        <v>1</v>
      </c>
      <c r="P35" s="125">
        <v>2</v>
      </c>
      <c r="Q35" s="125">
        <v>9</v>
      </c>
      <c r="R35" s="125">
        <v>23</v>
      </c>
      <c r="S35" s="123">
        <v>6</v>
      </c>
      <c r="T35" s="126">
        <v>41</v>
      </c>
      <c r="U35" s="128">
        <v>41</v>
      </c>
      <c r="V35" s="129">
        <v>0</v>
      </c>
      <c r="W35" s="123">
        <v>0</v>
      </c>
      <c r="X35" s="126">
        <v>0</v>
      </c>
      <c r="Y35" s="129">
        <v>0</v>
      </c>
      <c r="Z35" s="125">
        <v>0</v>
      </c>
      <c r="AA35" s="125">
        <v>0</v>
      </c>
      <c r="AB35" s="125">
        <v>0</v>
      </c>
      <c r="AC35" s="123">
        <v>2</v>
      </c>
      <c r="AD35" s="126">
        <v>2</v>
      </c>
      <c r="AE35" s="130">
        <v>2</v>
      </c>
      <c r="AF35" s="129">
        <v>0</v>
      </c>
      <c r="AG35" s="123">
        <v>0</v>
      </c>
      <c r="AH35" s="126">
        <v>0</v>
      </c>
      <c r="AI35" s="129">
        <v>3</v>
      </c>
      <c r="AJ35" s="125">
        <v>10</v>
      </c>
      <c r="AK35" s="125">
        <v>13</v>
      </c>
      <c r="AL35" s="125">
        <v>10</v>
      </c>
      <c r="AM35" s="123">
        <v>7</v>
      </c>
      <c r="AN35" s="126">
        <v>43</v>
      </c>
      <c r="AO35" s="130">
        <v>43</v>
      </c>
      <c r="AP35" s="129">
        <v>0</v>
      </c>
      <c r="AQ35" s="123">
        <v>0</v>
      </c>
      <c r="AR35" s="126">
        <v>0</v>
      </c>
      <c r="AS35" s="124">
        <v>3</v>
      </c>
      <c r="AT35" s="125">
        <v>10</v>
      </c>
      <c r="AU35" s="125">
        <v>13</v>
      </c>
      <c r="AV35" s="125">
        <v>10</v>
      </c>
      <c r="AW35" s="123">
        <v>7</v>
      </c>
      <c r="AX35" s="126">
        <v>43</v>
      </c>
      <c r="AY35" s="127">
        <v>43</v>
      </c>
      <c r="AZ35" s="122">
        <v>0</v>
      </c>
      <c r="BA35" s="123">
        <v>0</v>
      </c>
      <c r="BB35" s="123">
        <v>0</v>
      </c>
      <c r="BC35" s="124">
        <v>0</v>
      </c>
      <c r="BD35" s="125">
        <v>0</v>
      </c>
      <c r="BE35" s="125">
        <v>0</v>
      </c>
      <c r="BF35" s="125">
        <v>0</v>
      </c>
      <c r="BG35" s="123">
        <v>0</v>
      </c>
      <c r="BH35" s="126">
        <v>0</v>
      </c>
      <c r="BI35" s="128">
        <v>0</v>
      </c>
      <c r="BJ35" s="129">
        <v>0</v>
      </c>
      <c r="BK35" s="123">
        <v>0</v>
      </c>
      <c r="BL35" s="123">
        <v>0</v>
      </c>
      <c r="BM35" s="124">
        <v>0</v>
      </c>
      <c r="BN35" s="125">
        <v>0</v>
      </c>
      <c r="BO35" s="125">
        <v>0</v>
      </c>
      <c r="BP35" s="125">
        <v>0</v>
      </c>
      <c r="BQ35" s="123">
        <v>0</v>
      </c>
      <c r="BR35" s="126">
        <v>0</v>
      </c>
      <c r="BS35" s="127">
        <v>0</v>
      </c>
      <c r="BT35" s="122">
        <v>0</v>
      </c>
      <c r="BU35" s="123">
        <v>0</v>
      </c>
      <c r="BV35" s="123">
        <v>0</v>
      </c>
      <c r="BW35" s="124">
        <v>0</v>
      </c>
      <c r="BX35" s="125">
        <v>0</v>
      </c>
      <c r="BY35" s="125">
        <v>0</v>
      </c>
      <c r="BZ35" s="125">
        <v>0</v>
      </c>
      <c r="CA35" s="123">
        <v>0</v>
      </c>
      <c r="CB35" s="126">
        <v>0</v>
      </c>
      <c r="CC35" s="128">
        <v>0</v>
      </c>
      <c r="CD35" s="129">
        <v>0</v>
      </c>
      <c r="CE35" s="123">
        <v>0</v>
      </c>
      <c r="CF35" s="123">
        <v>0</v>
      </c>
      <c r="CG35" s="124">
        <v>0</v>
      </c>
      <c r="CH35" s="125">
        <v>0</v>
      </c>
      <c r="CI35" s="125">
        <v>0</v>
      </c>
      <c r="CJ35" s="125">
        <v>0</v>
      </c>
      <c r="CK35" s="123">
        <v>0</v>
      </c>
      <c r="CL35" s="126">
        <v>0</v>
      </c>
      <c r="CM35" s="128">
        <v>0</v>
      </c>
      <c r="CN35" s="129">
        <v>0</v>
      </c>
      <c r="CO35" s="123">
        <v>0</v>
      </c>
      <c r="CP35" s="123">
        <v>0</v>
      </c>
      <c r="CQ35" s="124">
        <v>0</v>
      </c>
      <c r="CR35" s="125">
        <v>0</v>
      </c>
      <c r="CS35" s="125">
        <v>0</v>
      </c>
      <c r="CT35" s="125">
        <v>0</v>
      </c>
      <c r="CU35" s="123">
        <v>0</v>
      </c>
      <c r="CV35" s="126">
        <v>0</v>
      </c>
      <c r="CW35" s="127">
        <v>0</v>
      </c>
      <c r="CX35" s="122">
        <v>0</v>
      </c>
      <c r="CY35" s="123">
        <v>0</v>
      </c>
      <c r="CZ35" s="123">
        <v>0</v>
      </c>
      <c r="DA35" s="124">
        <v>0</v>
      </c>
      <c r="DB35" s="125">
        <v>0</v>
      </c>
      <c r="DC35" s="125">
        <v>0</v>
      </c>
      <c r="DD35" s="125">
        <v>0</v>
      </c>
      <c r="DE35" s="123">
        <v>0</v>
      </c>
      <c r="DF35" s="126">
        <v>0</v>
      </c>
      <c r="DG35" s="128">
        <v>0</v>
      </c>
      <c r="DH35" s="129">
        <v>0</v>
      </c>
      <c r="DI35" s="123">
        <v>0</v>
      </c>
      <c r="DJ35" s="123">
        <v>0</v>
      </c>
      <c r="DK35" s="124">
        <v>0</v>
      </c>
      <c r="DL35" s="125">
        <v>0</v>
      </c>
      <c r="DM35" s="125">
        <v>0</v>
      </c>
      <c r="DN35" s="125">
        <v>0</v>
      </c>
      <c r="DO35" s="123">
        <v>0</v>
      </c>
      <c r="DP35" s="126">
        <v>0</v>
      </c>
      <c r="DQ35" s="128">
        <v>0</v>
      </c>
      <c r="DR35" s="129">
        <v>0</v>
      </c>
      <c r="DS35" s="123">
        <v>0</v>
      </c>
      <c r="DT35" s="123">
        <v>0</v>
      </c>
      <c r="DU35" s="124">
        <v>4</v>
      </c>
      <c r="DV35" s="125">
        <v>12</v>
      </c>
      <c r="DW35" s="125">
        <v>22</v>
      </c>
      <c r="DX35" s="125">
        <v>33</v>
      </c>
      <c r="DY35" s="123">
        <v>15</v>
      </c>
      <c r="DZ35" s="126">
        <v>86</v>
      </c>
      <c r="EA35" s="128">
        <v>86</v>
      </c>
      <c r="EB35" s="36"/>
    </row>
    <row r="36" spans="1:132" ht="20.25" customHeight="1" x14ac:dyDescent="0.2">
      <c r="A36" s="61" t="s">
        <v>33</v>
      </c>
      <c r="B36" s="122">
        <v>0</v>
      </c>
      <c r="C36" s="123">
        <v>0</v>
      </c>
      <c r="D36" s="123">
        <v>0</v>
      </c>
      <c r="E36" s="124">
        <v>0</v>
      </c>
      <c r="F36" s="125">
        <v>8</v>
      </c>
      <c r="G36" s="125">
        <v>29</v>
      </c>
      <c r="H36" s="125">
        <v>24</v>
      </c>
      <c r="I36" s="123">
        <v>29</v>
      </c>
      <c r="J36" s="126">
        <v>90</v>
      </c>
      <c r="K36" s="127">
        <v>90</v>
      </c>
      <c r="L36" s="122">
        <v>0</v>
      </c>
      <c r="M36" s="123">
        <v>0</v>
      </c>
      <c r="N36" s="126">
        <v>0</v>
      </c>
      <c r="O36" s="124">
        <v>0</v>
      </c>
      <c r="P36" s="125">
        <v>8</v>
      </c>
      <c r="Q36" s="125">
        <v>29</v>
      </c>
      <c r="R36" s="125">
        <v>24</v>
      </c>
      <c r="S36" s="123">
        <v>29</v>
      </c>
      <c r="T36" s="126">
        <v>90</v>
      </c>
      <c r="U36" s="128">
        <v>90</v>
      </c>
      <c r="V36" s="129">
        <v>0</v>
      </c>
      <c r="W36" s="123">
        <v>0</v>
      </c>
      <c r="X36" s="126">
        <v>0</v>
      </c>
      <c r="Y36" s="129">
        <v>0</v>
      </c>
      <c r="Z36" s="125">
        <v>0</v>
      </c>
      <c r="AA36" s="125">
        <v>0</v>
      </c>
      <c r="AB36" s="125">
        <v>0</v>
      </c>
      <c r="AC36" s="123">
        <v>0</v>
      </c>
      <c r="AD36" s="126">
        <v>0</v>
      </c>
      <c r="AE36" s="130">
        <v>0</v>
      </c>
      <c r="AF36" s="129">
        <v>0</v>
      </c>
      <c r="AG36" s="123">
        <v>0</v>
      </c>
      <c r="AH36" s="126">
        <v>0</v>
      </c>
      <c r="AI36" s="129">
        <v>8</v>
      </c>
      <c r="AJ36" s="125">
        <v>8</v>
      </c>
      <c r="AK36" s="125">
        <v>12</v>
      </c>
      <c r="AL36" s="125">
        <v>15</v>
      </c>
      <c r="AM36" s="123">
        <v>7</v>
      </c>
      <c r="AN36" s="126">
        <v>50</v>
      </c>
      <c r="AO36" s="130">
        <v>50</v>
      </c>
      <c r="AP36" s="129">
        <v>0</v>
      </c>
      <c r="AQ36" s="123">
        <v>0</v>
      </c>
      <c r="AR36" s="126">
        <v>0</v>
      </c>
      <c r="AS36" s="124">
        <v>8</v>
      </c>
      <c r="AT36" s="125">
        <v>8</v>
      </c>
      <c r="AU36" s="125">
        <v>12</v>
      </c>
      <c r="AV36" s="125">
        <v>15</v>
      </c>
      <c r="AW36" s="123">
        <v>7</v>
      </c>
      <c r="AX36" s="126">
        <v>50</v>
      </c>
      <c r="AY36" s="127">
        <v>50</v>
      </c>
      <c r="AZ36" s="122">
        <v>0</v>
      </c>
      <c r="BA36" s="123">
        <v>0</v>
      </c>
      <c r="BB36" s="123">
        <v>0</v>
      </c>
      <c r="BC36" s="124">
        <v>0</v>
      </c>
      <c r="BD36" s="125">
        <v>0</v>
      </c>
      <c r="BE36" s="125">
        <v>0</v>
      </c>
      <c r="BF36" s="125">
        <v>0</v>
      </c>
      <c r="BG36" s="123">
        <v>0</v>
      </c>
      <c r="BH36" s="126">
        <v>0</v>
      </c>
      <c r="BI36" s="128">
        <v>0</v>
      </c>
      <c r="BJ36" s="129">
        <v>0</v>
      </c>
      <c r="BK36" s="123">
        <v>0</v>
      </c>
      <c r="BL36" s="123">
        <v>0</v>
      </c>
      <c r="BM36" s="124">
        <v>0</v>
      </c>
      <c r="BN36" s="125">
        <v>0</v>
      </c>
      <c r="BO36" s="125">
        <v>0</v>
      </c>
      <c r="BP36" s="125">
        <v>0</v>
      </c>
      <c r="BQ36" s="123">
        <v>0</v>
      </c>
      <c r="BR36" s="126">
        <v>0</v>
      </c>
      <c r="BS36" s="127">
        <v>0</v>
      </c>
      <c r="BT36" s="122">
        <v>0</v>
      </c>
      <c r="BU36" s="123">
        <v>0</v>
      </c>
      <c r="BV36" s="123">
        <v>0</v>
      </c>
      <c r="BW36" s="124">
        <v>0</v>
      </c>
      <c r="BX36" s="125">
        <v>0</v>
      </c>
      <c r="BY36" s="125">
        <v>0</v>
      </c>
      <c r="BZ36" s="125">
        <v>0</v>
      </c>
      <c r="CA36" s="123">
        <v>0</v>
      </c>
      <c r="CB36" s="126">
        <v>0</v>
      </c>
      <c r="CC36" s="128">
        <v>0</v>
      </c>
      <c r="CD36" s="129">
        <v>0</v>
      </c>
      <c r="CE36" s="123">
        <v>0</v>
      </c>
      <c r="CF36" s="123">
        <v>0</v>
      </c>
      <c r="CG36" s="124">
        <v>0</v>
      </c>
      <c r="CH36" s="125">
        <v>0</v>
      </c>
      <c r="CI36" s="125">
        <v>0</v>
      </c>
      <c r="CJ36" s="125">
        <v>0</v>
      </c>
      <c r="CK36" s="123">
        <v>0</v>
      </c>
      <c r="CL36" s="126">
        <v>0</v>
      </c>
      <c r="CM36" s="128">
        <v>0</v>
      </c>
      <c r="CN36" s="129">
        <v>0</v>
      </c>
      <c r="CO36" s="123">
        <v>0</v>
      </c>
      <c r="CP36" s="123">
        <v>0</v>
      </c>
      <c r="CQ36" s="124">
        <v>3</v>
      </c>
      <c r="CR36" s="125">
        <v>5</v>
      </c>
      <c r="CS36" s="125">
        <v>8</v>
      </c>
      <c r="CT36" s="125">
        <v>4</v>
      </c>
      <c r="CU36" s="123">
        <v>6</v>
      </c>
      <c r="CV36" s="126">
        <v>26</v>
      </c>
      <c r="CW36" s="127">
        <v>26</v>
      </c>
      <c r="CX36" s="122">
        <v>0</v>
      </c>
      <c r="CY36" s="123">
        <v>0</v>
      </c>
      <c r="CZ36" s="123">
        <v>0</v>
      </c>
      <c r="DA36" s="124">
        <v>3</v>
      </c>
      <c r="DB36" s="125">
        <v>5</v>
      </c>
      <c r="DC36" s="125">
        <v>8</v>
      </c>
      <c r="DD36" s="125">
        <v>4</v>
      </c>
      <c r="DE36" s="123">
        <v>6</v>
      </c>
      <c r="DF36" s="126">
        <v>26</v>
      </c>
      <c r="DG36" s="128">
        <v>26</v>
      </c>
      <c r="DH36" s="129">
        <v>0</v>
      </c>
      <c r="DI36" s="123">
        <v>0</v>
      </c>
      <c r="DJ36" s="123">
        <v>0</v>
      </c>
      <c r="DK36" s="124">
        <v>0</v>
      </c>
      <c r="DL36" s="125">
        <v>0</v>
      </c>
      <c r="DM36" s="125">
        <v>0</v>
      </c>
      <c r="DN36" s="125">
        <v>0</v>
      </c>
      <c r="DO36" s="123">
        <v>0</v>
      </c>
      <c r="DP36" s="126">
        <v>0</v>
      </c>
      <c r="DQ36" s="128">
        <v>0</v>
      </c>
      <c r="DR36" s="129">
        <v>0</v>
      </c>
      <c r="DS36" s="123">
        <v>0</v>
      </c>
      <c r="DT36" s="123">
        <v>0</v>
      </c>
      <c r="DU36" s="124">
        <v>11</v>
      </c>
      <c r="DV36" s="125">
        <v>21</v>
      </c>
      <c r="DW36" s="125">
        <v>49</v>
      </c>
      <c r="DX36" s="125">
        <v>43</v>
      </c>
      <c r="DY36" s="123">
        <v>42</v>
      </c>
      <c r="DZ36" s="126">
        <v>166</v>
      </c>
      <c r="EA36" s="128">
        <v>166</v>
      </c>
      <c r="EB36" s="36"/>
    </row>
    <row r="37" spans="1:132" ht="20.25" customHeight="1" x14ac:dyDescent="0.2">
      <c r="A37" s="61" t="s">
        <v>34</v>
      </c>
      <c r="B37" s="122">
        <v>0</v>
      </c>
      <c r="C37" s="123">
        <v>0</v>
      </c>
      <c r="D37" s="123">
        <v>0</v>
      </c>
      <c r="E37" s="124">
        <v>0</v>
      </c>
      <c r="F37" s="125">
        <v>0</v>
      </c>
      <c r="G37" s="125">
        <v>7</v>
      </c>
      <c r="H37" s="125">
        <v>20</v>
      </c>
      <c r="I37" s="123">
        <v>18</v>
      </c>
      <c r="J37" s="126">
        <v>45</v>
      </c>
      <c r="K37" s="127">
        <v>45</v>
      </c>
      <c r="L37" s="122">
        <v>0</v>
      </c>
      <c r="M37" s="123">
        <v>0</v>
      </c>
      <c r="N37" s="126">
        <v>0</v>
      </c>
      <c r="O37" s="124">
        <v>0</v>
      </c>
      <c r="P37" s="125">
        <v>0</v>
      </c>
      <c r="Q37" s="125">
        <v>7</v>
      </c>
      <c r="R37" s="125">
        <v>20</v>
      </c>
      <c r="S37" s="123">
        <v>18</v>
      </c>
      <c r="T37" s="126">
        <v>45</v>
      </c>
      <c r="U37" s="128">
        <v>45</v>
      </c>
      <c r="V37" s="129">
        <v>0</v>
      </c>
      <c r="W37" s="123">
        <v>0</v>
      </c>
      <c r="X37" s="126">
        <v>0</v>
      </c>
      <c r="Y37" s="129">
        <v>0</v>
      </c>
      <c r="Z37" s="125">
        <v>0</v>
      </c>
      <c r="AA37" s="125">
        <v>0</v>
      </c>
      <c r="AB37" s="125">
        <v>0</v>
      </c>
      <c r="AC37" s="123">
        <v>0</v>
      </c>
      <c r="AD37" s="126">
        <v>0</v>
      </c>
      <c r="AE37" s="130">
        <v>0</v>
      </c>
      <c r="AF37" s="129">
        <v>0</v>
      </c>
      <c r="AG37" s="123">
        <v>0</v>
      </c>
      <c r="AH37" s="126">
        <v>0</v>
      </c>
      <c r="AI37" s="129">
        <v>6</v>
      </c>
      <c r="AJ37" s="125">
        <v>9</v>
      </c>
      <c r="AK37" s="125">
        <v>13</v>
      </c>
      <c r="AL37" s="125">
        <v>8</v>
      </c>
      <c r="AM37" s="123">
        <v>5</v>
      </c>
      <c r="AN37" s="126">
        <v>41</v>
      </c>
      <c r="AO37" s="130">
        <v>41</v>
      </c>
      <c r="AP37" s="129">
        <v>0</v>
      </c>
      <c r="AQ37" s="123">
        <v>0</v>
      </c>
      <c r="AR37" s="126">
        <v>0</v>
      </c>
      <c r="AS37" s="124">
        <v>6</v>
      </c>
      <c r="AT37" s="125">
        <v>9</v>
      </c>
      <c r="AU37" s="125">
        <v>13</v>
      </c>
      <c r="AV37" s="125">
        <v>8</v>
      </c>
      <c r="AW37" s="123">
        <v>5</v>
      </c>
      <c r="AX37" s="126">
        <v>41</v>
      </c>
      <c r="AY37" s="127">
        <v>41</v>
      </c>
      <c r="AZ37" s="122">
        <v>0</v>
      </c>
      <c r="BA37" s="123">
        <v>0</v>
      </c>
      <c r="BB37" s="123">
        <v>0</v>
      </c>
      <c r="BC37" s="124">
        <v>0</v>
      </c>
      <c r="BD37" s="125">
        <v>0</v>
      </c>
      <c r="BE37" s="125">
        <v>0</v>
      </c>
      <c r="BF37" s="125">
        <v>0</v>
      </c>
      <c r="BG37" s="123">
        <v>0</v>
      </c>
      <c r="BH37" s="126">
        <v>0</v>
      </c>
      <c r="BI37" s="128">
        <v>0</v>
      </c>
      <c r="BJ37" s="129">
        <v>0</v>
      </c>
      <c r="BK37" s="123">
        <v>0</v>
      </c>
      <c r="BL37" s="123">
        <v>0</v>
      </c>
      <c r="BM37" s="124">
        <v>0</v>
      </c>
      <c r="BN37" s="125">
        <v>0</v>
      </c>
      <c r="BO37" s="125">
        <v>0</v>
      </c>
      <c r="BP37" s="125">
        <v>0</v>
      </c>
      <c r="BQ37" s="123">
        <v>0</v>
      </c>
      <c r="BR37" s="126">
        <v>0</v>
      </c>
      <c r="BS37" s="127">
        <v>0</v>
      </c>
      <c r="BT37" s="122">
        <v>0</v>
      </c>
      <c r="BU37" s="123">
        <v>0</v>
      </c>
      <c r="BV37" s="123">
        <v>0</v>
      </c>
      <c r="BW37" s="124">
        <v>0</v>
      </c>
      <c r="BX37" s="125">
        <v>0</v>
      </c>
      <c r="BY37" s="125">
        <v>0</v>
      </c>
      <c r="BZ37" s="125">
        <v>0</v>
      </c>
      <c r="CA37" s="123">
        <v>0</v>
      </c>
      <c r="CB37" s="126">
        <v>0</v>
      </c>
      <c r="CC37" s="128">
        <v>0</v>
      </c>
      <c r="CD37" s="129">
        <v>0</v>
      </c>
      <c r="CE37" s="123">
        <v>0</v>
      </c>
      <c r="CF37" s="123">
        <v>0</v>
      </c>
      <c r="CG37" s="124">
        <v>0</v>
      </c>
      <c r="CH37" s="125">
        <v>0</v>
      </c>
      <c r="CI37" s="125">
        <v>0</v>
      </c>
      <c r="CJ37" s="125">
        <v>0</v>
      </c>
      <c r="CK37" s="123">
        <v>0</v>
      </c>
      <c r="CL37" s="126">
        <v>0</v>
      </c>
      <c r="CM37" s="128">
        <v>0</v>
      </c>
      <c r="CN37" s="129">
        <v>0</v>
      </c>
      <c r="CO37" s="123">
        <v>0</v>
      </c>
      <c r="CP37" s="123">
        <v>0</v>
      </c>
      <c r="CQ37" s="124">
        <v>0</v>
      </c>
      <c r="CR37" s="125">
        <v>1</v>
      </c>
      <c r="CS37" s="125">
        <v>0</v>
      </c>
      <c r="CT37" s="125">
        <v>2</v>
      </c>
      <c r="CU37" s="123">
        <v>0</v>
      </c>
      <c r="CV37" s="126">
        <v>3</v>
      </c>
      <c r="CW37" s="127">
        <v>3</v>
      </c>
      <c r="CX37" s="122">
        <v>0</v>
      </c>
      <c r="CY37" s="123">
        <v>0</v>
      </c>
      <c r="CZ37" s="123">
        <v>0</v>
      </c>
      <c r="DA37" s="124">
        <v>0</v>
      </c>
      <c r="DB37" s="125">
        <v>1</v>
      </c>
      <c r="DC37" s="125">
        <v>0</v>
      </c>
      <c r="DD37" s="125">
        <v>2</v>
      </c>
      <c r="DE37" s="123">
        <v>0</v>
      </c>
      <c r="DF37" s="126">
        <v>3</v>
      </c>
      <c r="DG37" s="128">
        <v>3</v>
      </c>
      <c r="DH37" s="129">
        <v>0</v>
      </c>
      <c r="DI37" s="123">
        <v>0</v>
      </c>
      <c r="DJ37" s="123">
        <v>0</v>
      </c>
      <c r="DK37" s="124">
        <v>0</v>
      </c>
      <c r="DL37" s="125">
        <v>0</v>
      </c>
      <c r="DM37" s="125">
        <v>0</v>
      </c>
      <c r="DN37" s="125">
        <v>0</v>
      </c>
      <c r="DO37" s="123">
        <v>0</v>
      </c>
      <c r="DP37" s="126">
        <v>0</v>
      </c>
      <c r="DQ37" s="128">
        <v>0</v>
      </c>
      <c r="DR37" s="129">
        <v>0</v>
      </c>
      <c r="DS37" s="123">
        <v>0</v>
      </c>
      <c r="DT37" s="123">
        <v>0</v>
      </c>
      <c r="DU37" s="124">
        <v>6</v>
      </c>
      <c r="DV37" s="125">
        <v>10</v>
      </c>
      <c r="DW37" s="125">
        <v>20</v>
      </c>
      <c r="DX37" s="125">
        <v>30</v>
      </c>
      <c r="DY37" s="123">
        <v>23</v>
      </c>
      <c r="DZ37" s="126">
        <v>89</v>
      </c>
      <c r="EA37" s="128">
        <v>89</v>
      </c>
      <c r="EB37" s="36"/>
    </row>
    <row r="38" spans="1:132" ht="20.25" customHeight="1" x14ac:dyDescent="0.2">
      <c r="A38" s="61" t="s">
        <v>35</v>
      </c>
      <c r="B38" s="122">
        <v>0</v>
      </c>
      <c r="C38" s="123">
        <v>0</v>
      </c>
      <c r="D38" s="123">
        <v>0</v>
      </c>
      <c r="E38" s="124">
        <v>1</v>
      </c>
      <c r="F38" s="125">
        <v>2</v>
      </c>
      <c r="G38" s="125">
        <v>29</v>
      </c>
      <c r="H38" s="125">
        <v>46</v>
      </c>
      <c r="I38" s="123">
        <v>37</v>
      </c>
      <c r="J38" s="126">
        <v>115</v>
      </c>
      <c r="K38" s="127">
        <v>115</v>
      </c>
      <c r="L38" s="122">
        <v>0</v>
      </c>
      <c r="M38" s="123">
        <v>0</v>
      </c>
      <c r="N38" s="126">
        <v>0</v>
      </c>
      <c r="O38" s="124">
        <v>1</v>
      </c>
      <c r="P38" s="125">
        <v>2</v>
      </c>
      <c r="Q38" s="125">
        <v>29</v>
      </c>
      <c r="R38" s="125">
        <v>46</v>
      </c>
      <c r="S38" s="123">
        <v>37</v>
      </c>
      <c r="T38" s="126">
        <v>115</v>
      </c>
      <c r="U38" s="128">
        <v>115</v>
      </c>
      <c r="V38" s="129">
        <v>0</v>
      </c>
      <c r="W38" s="123">
        <v>0</v>
      </c>
      <c r="X38" s="126">
        <v>0</v>
      </c>
      <c r="Y38" s="129">
        <v>0</v>
      </c>
      <c r="Z38" s="125">
        <v>0</v>
      </c>
      <c r="AA38" s="125">
        <v>0</v>
      </c>
      <c r="AB38" s="125">
        <v>0</v>
      </c>
      <c r="AC38" s="123">
        <v>0</v>
      </c>
      <c r="AD38" s="126">
        <v>0</v>
      </c>
      <c r="AE38" s="130">
        <v>0</v>
      </c>
      <c r="AF38" s="129">
        <v>0</v>
      </c>
      <c r="AG38" s="123">
        <v>0</v>
      </c>
      <c r="AH38" s="126">
        <v>0</v>
      </c>
      <c r="AI38" s="129">
        <v>23</v>
      </c>
      <c r="AJ38" s="125">
        <v>28</v>
      </c>
      <c r="AK38" s="125">
        <v>24</v>
      </c>
      <c r="AL38" s="125">
        <v>18</v>
      </c>
      <c r="AM38" s="123">
        <v>10</v>
      </c>
      <c r="AN38" s="126">
        <v>103</v>
      </c>
      <c r="AO38" s="130">
        <v>103</v>
      </c>
      <c r="AP38" s="129">
        <v>0</v>
      </c>
      <c r="AQ38" s="123">
        <v>0</v>
      </c>
      <c r="AR38" s="126">
        <v>0</v>
      </c>
      <c r="AS38" s="124">
        <v>23</v>
      </c>
      <c r="AT38" s="125">
        <v>28</v>
      </c>
      <c r="AU38" s="125">
        <v>22</v>
      </c>
      <c r="AV38" s="125">
        <v>17</v>
      </c>
      <c r="AW38" s="123">
        <v>10</v>
      </c>
      <c r="AX38" s="126">
        <v>100</v>
      </c>
      <c r="AY38" s="127">
        <v>100</v>
      </c>
      <c r="AZ38" s="122">
        <v>0</v>
      </c>
      <c r="BA38" s="123">
        <v>0</v>
      </c>
      <c r="BB38" s="123">
        <v>0</v>
      </c>
      <c r="BC38" s="124">
        <v>0</v>
      </c>
      <c r="BD38" s="125">
        <v>0</v>
      </c>
      <c r="BE38" s="125">
        <v>2</v>
      </c>
      <c r="BF38" s="125">
        <v>1</v>
      </c>
      <c r="BG38" s="123">
        <v>0</v>
      </c>
      <c r="BH38" s="126">
        <v>3</v>
      </c>
      <c r="BI38" s="128">
        <v>3</v>
      </c>
      <c r="BJ38" s="129">
        <v>0</v>
      </c>
      <c r="BK38" s="123">
        <v>0</v>
      </c>
      <c r="BL38" s="123">
        <v>0</v>
      </c>
      <c r="BM38" s="124">
        <v>0</v>
      </c>
      <c r="BN38" s="125">
        <v>0</v>
      </c>
      <c r="BO38" s="125">
        <v>0</v>
      </c>
      <c r="BP38" s="125">
        <v>0</v>
      </c>
      <c r="BQ38" s="123">
        <v>0</v>
      </c>
      <c r="BR38" s="126">
        <v>0</v>
      </c>
      <c r="BS38" s="127">
        <v>0</v>
      </c>
      <c r="BT38" s="122">
        <v>0</v>
      </c>
      <c r="BU38" s="123">
        <v>0</v>
      </c>
      <c r="BV38" s="123">
        <v>0</v>
      </c>
      <c r="BW38" s="124">
        <v>0</v>
      </c>
      <c r="BX38" s="125">
        <v>0</v>
      </c>
      <c r="BY38" s="125">
        <v>0</v>
      </c>
      <c r="BZ38" s="125">
        <v>0</v>
      </c>
      <c r="CA38" s="123">
        <v>0</v>
      </c>
      <c r="CB38" s="126">
        <v>0</v>
      </c>
      <c r="CC38" s="128">
        <v>0</v>
      </c>
      <c r="CD38" s="129">
        <v>0</v>
      </c>
      <c r="CE38" s="123">
        <v>0</v>
      </c>
      <c r="CF38" s="123">
        <v>0</v>
      </c>
      <c r="CG38" s="124">
        <v>0</v>
      </c>
      <c r="CH38" s="125">
        <v>0</v>
      </c>
      <c r="CI38" s="125">
        <v>0</v>
      </c>
      <c r="CJ38" s="125">
        <v>0</v>
      </c>
      <c r="CK38" s="123">
        <v>0</v>
      </c>
      <c r="CL38" s="126">
        <v>0</v>
      </c>
      <c r="CM38" s="128">
        <v>0</v>
      </c>
      <c r="CN38" s="129">
        <v>0</v>
      </c>
      <c r="CO38" s="123">
        <v>0</v>
      </c>
      <c r="CP38" s="123">
        <v>0</v>
      </c>
      <c r="CQ38" s="124">
        <v>4</v>
      </c>
      <c r="CR38" s="125">
        <v>2</v>
      </c>
      <c r="CS38" s="125">
        <v>4</v>
      </c>
      <c r="CT38" s="125">
        <v>11</v>
      </c>
      <c r="CU38" s="123">
        <v>10</v>
      </c>
      <c r="CV38" s="126">
        <v>31</v>
      </c>
      <c r="CW38" s="127">
        <v>31</v>
      </c>
      <c r="CX38" s="122">
        <v>0</v>
      </c>
      <c r="CY38" s="123">
        <v>0</v>
      </c>
      <c r="CZ38" s="123">
        <v>0</v>
      </c>
      <c r="DA38" s="124">
        <v>4</v>
      </c>
      <c r="DB38" s="125">
        <v>1</v>
      </c>
      <c r="DC38" s="125">
        <v>4</v>
      </c>
      <c r="DD38" s="125">
        <v>11</v>
      </c>
      <c r="DE38" s="123">
        <v>9</v>
      </c>
      <c r="DF38" s="126">
        <v>29</v>
      </c>
      <c r="DG38" s="128">
        <v>29</v>
      </c>
      <c r="DH38" s="129">
        <v>0</v>
      </c>
      <c r="DI38" s="123">
        <v>0</v>
      </c>
      <c r="DJ38" s="123">
        <v>0</v>
      </c>
      <c r="DK38" s="124">
        <v>0</v>
      </c>
      <c r="DL38" s="125">
        <v>1</v>
      </c>
      <c r="DM38" s="125">
        <v>0</v>
      </c>
      <c r="DN38" s="125">
        <v>0</v>
      </c>
      <c r="DO38" s="123">
        <v>1</v>
      </c>
      <c r="DP38" s="126">
        <v>2</v>
      </c>
      <c r="DQ38" s="128">
        <v>2</v>
      </c>
      <c r="DR38" s="129">
        <v>0</v>
      </c>
      <c r="DS38" s="123">
        <v>0</v>
      </c>
      <c r="DT38" s="123">
        <v>0</v>
      </c>
      <c r="DU38" s="124">
        <v>28</v>
      </c>
      <c r="DV38" s="125">
        <v>32</v>
      </c>
      <c r="DW38" s="125">
        <v>57</v>
      </c>
      <c r="DX38" s="125">
        <v>75</v>
      </c>
      <c r="DY38" s="123">
        <v>56</v>
      </c>
      <c r="DZ38" s="126">
        <v>248</v>
      </c>
      <c r="EA38" s="128">
        <v>248</v>
      </c>
      <c r="EB38" s="36"/>
    </row>
    <row r="39" spans="1:132" ht="20.25" customHeight="1" x14ac:dyDescent="0.2">
      <c r="A39" s="61" t="s">
        <v>36</v>
      </c>
      <c r="B39" s="122">
        <v>0</v>
      </c>
      <c r="C39" s="123">
        <v>0</v>
      </c>
      <c r="D39" s="123">
        <v>0</v>
      </c>
      <c r="E39" s="124">
        <v>0</v>
      </c>
      <c r="F39" s="125">
        <v>3</v>
      </c>
      <c r="G39" s="125">
        <v>47</v>
      </c>
      <c r="H39" s="125">
        <v>89</v>
      </c>
      <c r="I39" s="123">
        <v>81</v>
      </c>
      <c r="J39" s="126">
        <v>220</v>
      </c>
      <c r="K39" s="127">
        <v>220</v>
      </c>
      <c r="L39" s="122">
        <v>0</v>
      </c>
      <c r="M39" s="123">
        <v>0</v>
      </c>
      <c r="N39" s="126">
        <v>0</v>
      </c>
      <c r="O39" s="124">
        <v>0</v>
      </c>
      <c r="P39" s="125">
        <v>3</v>
      </c>
      <c r="Q39" s="125">
        <v>47</v>
      </c>
      <c r="R39" s="125">
        <v>86</v>
      </c>
      <c r="S39" s="123">
        <v>80</v>
      </c>
      <c r="T39" s="126">
        <v>216</v>
      </c>
      <c r="U39" s="128">
        <v>216</v>
      </c>
      <c r="V39" s="129">
        <v>0</v>
      </c>
      <c r="W39" s="123">
        <v>0</v>
      </c>
      <c r="X39" s="126">
        <v>0</v>
      </c>
      <c r="Y39" s="129">
        <v>0</v>
      </c>
      <c r="Z39" s="125">
        <v>0</v>
      </c>
      <c r="AA39" s="125">
        <v>0</v>
      </c>
      <c r="AB39" s="125">
        <v>3</v>
      </c>
      <c r="AC39" s="123">
        <v>1</v>
      </c>
      <c r="AD39" s="126">
        <v>4</v>
      </c>
      <c r="AE39" s="130">
        <v>4</v>
      </c>
      <c r="AF39" s="129">
        <v>0</v>
      </c>
      <c r="AG39" s="123">
        <v>0</v>
      </c>
      <c r="AH39" s="126">
        <v>0</v>
      </c>
      <c r="AI39" s="129">
        <v>21</v>
      </c>
      <c r="AJ39" s="125">
        <v>26</v>
      </c>
      <c r="AK39" s="125">
        <v>35</v>
      </c>
      <c r="AL39" s="125">
        <v>34</v>
      </c>
      <c r="AM39" s="123">
        <v>18</v>
      </c>
      <c r="AN39" s="126">
        <v>134</v>
      </c>
      <c r="AO39" s="130">
        <v>134</v>
      </c>
      <c r="AP39" s="129">
        <v>0</v>
      </c>
      <c r="AQ39" s="123">
        <v>0</v>
      </c>
      <c r="AR39" s="126">
        <v>0</v>
      </c>
      <c r="AS39" s="124">
        <v>21</v>
      </c>
      <c r="AT39" s="125">
        <v>26</v>
      </c>
      <c r="AU39" s="125">
        <v>35</v>
      </c>
      <c r="AV39" s="125">
        <v>33</v>
      </c>
      <c r="AW39" s="123">
        <v>18</v>
      </c>
      <c r="AX39" s="126">
        <v>133</v>
      </c>
      <c r="AY39" s="127">
        <v>133</v>
      </c>
      <c r="AZ39" s="122">
        <v>0</v>
      </c>
      <c r="BA39" s="123">
        <v>0</v>
      </c>
      <c r="BB39" s="123">
        <v>0</v>
      </c>
      <c r="BC39" s="124">
        <v>0</v>
      </c>
      <c r="BD39" s="125">
        <v>0</v>
      </c>
      <c r="BE39" s="125">
        <v>0</v>
      </c>
      <c r="BF39" s="125">
        <v>1</v>
      </c>
      <c r="BG39" s="123">
        <v>0</v>
      </c>
      <c r="BH39" s="126">
        <v>1</v>
      </c>
      <c r="BI39" s="128">
        <v>1</v>
      </c>
      <c r="BJ39" s="129">
        <v>0</v>
      </c>
      <c r="BK39" s="123">
        <v>0</v>
      </c>
      <c r="BL39" s="123">
        <v>0</v>
      </c>
      <c r="BM39" s="124">
        <v>0</v>
      </c>
      <c r="BN39" s="125">
        <v>0</v>
      </c>
      <c r="BO39" s="125">
        <v>0</v>
      </c>
      <c r="BP39" s="125">
        <v>1</v>
      </c>
      <c r="BQ39" s="123">
        <v>0</v>
      </c>
      <c r="BR39" s="126">
        <v>1</v>
      </c>
      <c r="BS39" s="127">
        <v>1</v>
      </c>
      <c r="BT39" s="122">
        <v>0</v>
      </c>
      <c r="BU39" s="123">
        <v>0</v>
      </c>
      <c r="BV39" s="123">
        <v>0</v>
      </c>
      <c r="BW39" s="124">
        <v>0</v>
      </c>
      <c r="BX39" s="125">
        <v>0</v>
      </c>
      <c r="BY39" s="125">
        <v>0</v>
      </c>
      <c r="BZ39" s="125">
        <v>1</v>
      </c>
      <c r="CA39" s="123">
        <v>0</v>
      </c>
      <c r="CB39" s="126">
        <v>1</v>
      </c>
      <c r="CC39" s="128">
        <v>1</v>
      </c>
      <c r="CD39" s="129">
        <v>0</v>
      </c>
      <c r="CE39" s="123">
        <v>0</v>
      </c>
      <c r="CF39" s="123">
        <v>0</v>
      </c>
      <c r="CG39" s="124">
        <v>0</v>
      </c>
      <c r="CH39" s="125">
        <v>0</v>
      </c>
      <c r="CI39" s="125">
        <v>0</v>
      </c>
      <c r="CJ39" s="125">
        <v>0</v>
      </c>
      <c r="CK39" s="123">
        <v>0</v>
      </c>
      <c r="CL39" s="126">
        <v>0</v>
      </c>
      <c r="CM39" s="128">
        <v>0</v>
      </c>
      <c r="CN39" s="129">
        <v>0</v>
      </c>
      <c r="CO39" s="123">
        <v>0</v>
      </c>
      <c r="CP39" s="123">
        <v>0</v>
      </c>
      <c r="CQ39" s="124">
        <v>0</v>
      </c>
      <c r="CR39" s="125">
        <v>0</v>
      </c>
      <c r="CS39" s="125">
        <v>0</v>
      </c>
      <c r="CT39" s="125">
        <v>5</v>
      </c>
      <c r="CU39" s="123">
        <v>1</v>
      </c>
      <c r="CV39" s="126">
        <v>6</v>
      </c>
      <c r="CW39" s="127">
        <v>6</v>
      </c>
      <c r="CX39" s="122">
        <v>0</v>
      </c>
      <c r="CY39" s="123">
        <v>0</v>
      </c>
      <c r="CZ39" s="123">
        <v>0</v>
      </c>
      <c r="DA39" s="124">
        <v>0</v>
      </c>
      <c r="DB39" s="125">
        <v>0</v>
      </c>
      <c r="DC39" s="125">
        <v>0</v>
      </c>
      <c r="DD39" s="125">
        <v>4</v>
      </c>
      <c r="DE39" s="123">
        <v>1</v>
      </c>
      <c r="DF39" s="126">
        <v>5</v>
      </c>
      <c r="DG39" s="128">
        <v>5</v>
      </c>
      <c r="DH39" s="129">
        <v>0</v>
      </c>
      <c r="DI39" s="123">
        <v>0</v>
      </c>
      <c r="DJ39" s="123">
        <v>0</v>
      </c>
      <c r="DK39" s="124">
        <v>0</v>
      </c>
      <c r="DL39" s="125">
        <v>0</v>
      </c>
      <c r="DM39" s="125">
        <v>0</v>
      </c>
      <c r="DN39" s="125">
        <v>1</v>
      </c>
      <c r="DO39" s="123">
        <v>0</v>
      </c>
      <c r="DP39" s="126">
        <v>1</v>
      </c>
      <c r="DQ39" s="128">
        <v>1</v>
      </c>
      <c r="DR39" s="129">
        <v>0</v>
      </c>
      <c r="DS39" s="123">
        <v>0</v>
      </c>
      <c r="DT39" s="123">
        <v>0</v>
      </c>
      <c r="DU39" s="124">
        <v>21</v>
      </c>
      <c r="DV39" s="125">
        <v>29</v>
      </c>
      <c r="DW39" s="125">
        <v>81</v>
      </c>
      <c r="DX39" s="125">
        <v>129</v>
      </c>
      <c r="DY39" s="123">
        <v>100</v>
      </c>
      <c r="DZ39" s="126">
        <v>360</v>
      </c>
      <c r="EA39" s="128">
        <v>360</v>
      </c>
      <c r="EB39" s="36"/>
    </row>
    <row r="40" spans="1:132" ht="20.25" customHeight="1" thickBot="1" x14ac:dyDescent="0.25">
      <c r="A40" s="62" t="s">
        <v>37</v>
      </c>
      <c r="B40" s="131">
        <v>0</v>
      </c>
      <c r="C40" s="132">
        <v>0</v>
      </c>
      <c r="D40" s="132">
        <v>0</v>
      </c>
      <c r="E40" s="133">
        <v>0</v>
      </c>
      <c r="F40" s="134">
        <v>0</v>
      </c>
      <c r="G40" s="134">
        <v>9</v>
      </c>
      <c r="H40" s="134">
        <v>9</v>
      </c>
      <c r="I40" s="132">
        <v>6</v>
      </c>
      <c r="J40" s="135">
        <v>24</v>
      </c>
      <c r="K40" s="136">
        <v>24</v>
      </c>
      <c r="L40" s="131">
        <v>0</v>
      </c>
      <c r="M40" s="132">
        <v>0</v>
      </c>
      <c r="N40" s="135">
        <v>0</v>
      </c>
      <c r="O40" s="133">
        <v>0</v>
      </c>
      <c r="P40" s="134">
        <v>0</v>
      </c>
      <c r="Q40" s="134">
        <v>9</v>
      </c>
      <c r="R40" s="134">
        <v>9</v>
      </c>
      <c r="S40" s="132">
        <v>6</v>
      </c>
      <c r="T40" s="135">
        <v>24</v>
      </c>
      <c r="U40" s="137">
        <v>24</v>
      </c>
      <c r="V40" s="138">
        <v>0</v>
      </c>
      <c r="W40" s="132">
        <v>0</v>
      </c>
      <c r="X40" s="135">
        <v>0</v>
      </c>
      <c r="Y40" s="138">
        <v>0</v>
      </c>
      <c r="Z40" s="134">
        <v>0</v>
      </c>
      <c r="AA40" s="134">
        <v>0</v>
      </c>
      <c r="AB40" s="134">
        <v>0</v>
      </c>
      <c r="AC40" s="132">
        <v>0</v>
      </c>
      <c r="AD40" s="135">
        <v>0</v>
      </c>
      <c r="AE40" s="139">
        <v>0</v>
      </c>
      <c r="AF40" s="138">
        <v>0</v>
      </c>
      <c r="AG40" s="132">
        <v>0</v>
      </c>
      <c r="AH40" s="135">
        <v>0</v>
      </c>
      <c r="AI40" s="138">
        <v>2</v>
      </c>
      <c r="AJ40" s="134">
        <v>1</v>
      </c>
      <c r="AK40" s="134">
        <v>5</v>
      </c>
      <c r="AL40" s="134">
        <v>2</v>
      </c>
      <c r="AM40" s="132">
        <v>0</v>
      </c>
      <c r="AN40" s="135">
        <v>10</v>
      </c>
      <c r="AO40" s="139">
        <v>10</v>
      </c>
      <c r="AP40" s="138">
        <v>0</v>
      </c>
      <c r="AQ40" s="132">
        <v>0</v>
      </c>
      <c r="AR40" s="135">
        <v>0</v>
      </c>
      <c r="AS40" s="133">
        <v>2</v>
      </c>
      <c r="AT40" s="134">
        <v>1</v>
      </c>
      <c r="AU40" s="134">
        <v>5</v>
      </c>
      <c r="AV40" s="134">
        <v>2</v>
      </c>
      <c r="AW40" s="132">
        <v>0</v>
      </c>
      <c r="AX40" s="135">
        <v>10</v>
      </c>
      <c r="AY40" s="136">
        <v>10</v>
      </c>
      <c r="AZ40" s="131">
        <v>0</v>
      </c>
      <c r="BA40" s="132">
        <v>0</v>
      </c>
      <c r="BB40" s="132">
        <v>0</v>
      </c>
      <c r="BC40" s="133">
        <v>0</v>
      </c>
      <c r="BD40" s="134">
        <v>0</v>
      </c>
      <c r="BE40" s="134">
        <v>0</v>
      </c>
      <c r="BF40" s="134">
        <v>0</v>
      </c>
      <c r="BG40" s="132">
        <v>0</v>
      </c>
      <c r="BH40" s="135">
        <v>0</v>
      </c>
      <c r="BI40" s="137">
        <v>0</v>
      </c>
      <c r="BJ40" s="138">
        <v>0</v>
      </c>
      <c r="BK40" s="132">
        <v>0</v>
      </c>
      <c r="BL40" s="132">
        <v>0</v>
      </c>
      <c r="BM40" s="133">
        <v>0</v>
      </c>
      <c r="BN40" s="134">
        <v>0</v>
      </c>
      <c r="BO40" s="134">
        <v>0</v>
      </c>
      <c r="BP40" s="134">
        <v>1</v>
      </c>
      <c r="BQ40" s="132">
        <v>0</v>
      </c>
      <c r="BR40" s="135">
        <v>1</v>
      </c>
      <c r="BS40" s="136">
        <v>1</v>
      </c>
      <c r="BT40" s="131">
        <v>0</v>
      </c>
      <c r="BU40" s="132">
        <v>0</v>
      </c>
      <c r="BV40" s="132">
        <v>0</v>
      </c>
      <c r="BW40" s="133">
        <v>0</v>
      </c>
      <c r="BX40" s="134">
        <v>0</v>
      </c>
      <c r="BY40" s="134">
        <v>0</v>
      </c>
      <c r="BZ40" s="134">
        <v>1</v>
      </c>
      <c r="CA40" s="132">
        <v>0</v>
      </c>
      <c r="CB40" s="135">
        <v>1</v>
      </c>
      <c r="CC40" s="137">
        <v>1</v>
      </c>
      <c r="CD40" s="138">
        <v>0</v>
      </c>
      <c r="CE40" s="132">
        <v>0</v>
      </c>
      <c r="CF40" s="132">
        <v>0</v>
      </c>
      <c r="CG40" s="133">
        <v>0</v>
      </c>
      <c r="CH40" s="134">
        <v>0</v>
      </c>
      <c r="CI40" s="134">
        <v>0</v>
      </c>
      <c r="CJ40" s="134">
        <v>0</v>
      </c>
      <c r="CK40" s="132">
        <v>0</v>
      </c>
      <c r="CL40" s="135">
        <v>0</v>
      </c>
      <c r="CM40" s="137">
        <v>0</v>
      </c>
      <c r="CN40" s="138">
        <v>0</v>
      </c>
      <c r="CO40" s="132">
        <v>0</v>
      </c>
      <c r="CP40" s="132">
        <v>0</v>
      </c>
      <c r="CQ40" s="133">
        <v>0</v>
      </c>
      <c r="CR40" s="134">
        <v>0</v>
      </c>
      <c r="CS40" s="134">
        <v>0</v>
      </c>
      <c r="CT40" s="134">
        <v>0</v>
      </c>
      <c r="CU40" s="132">
        <v>1</v>
      </c>
      <c r="CV40" s="135">
        <v>1</v>
      </c>
      <c r="CW40" s="136">
        <v>1</v>
      </c>
      <c r="CX40" s="131">
        <v>0</v>
      </c>
      <c r="CY40" s="132">
        <v>0</v>
      </c>
      <c r="CZ40" s="132">
        <v>0</v>
      </c>
      <c r="DA40" s="133">
        <v>0</v>
      </c>
      <c r="DB40" s="134">
        <v>0</v>
      </c>
      <c r="DC40" s="134">
        <v>0</v>
      </c>
      <c r="DD40" s="134">
        <v>0</v>
      </c>
      <c r="DE40" s="132">
        <v>1</v>
      </c>
      <c r="DF40" s="135">
        <v>1</v>
      </c>
      <c r="DG40" s="137">
        <v>1</v>
      </c>
      <c r="DH40" s="138">
        <v>0</v>
      </c>
      <c r="DI40" s="132">
        <v>0</v>
      </c>
      <c r="DJ40" s="132">
        <v>0</v>
      </c>
      <c r="DK40" s="133">
        <v>0</v>
      </c>
      <c r="DL40" s="134">
        <v>0</v>
      </c>
      <c r="DM40" s="134">
        <v>0</v>
      </c>
      <c r="DN40" s="134">
        <v>0</v>
      </c>
      <c r="DO40" s="132">
        <v>0</v>
      </c>
      <c r="DP40" s="135">
        <v>0</v>
      </c>
      <c r="DQ40" s="137">
        <v>0</v>
      </c>
      <c r="DR40" s="138">
        <v>0</v>
      </c>
      <c r="DS40" s="132">
        <v>0</v>
      </c>
      <c r="DT40" s="132">
        <v>0</v>
      </c>
      <c r="DU40" s="133">
        <v>2</v>
      </c>
      <c r="DV40" s="134">
        <v>1</v>
      </c>
      <c r="DW40" s="134">
        <v>14</v>
      </c>
      <c r="DX40" s="134">
        <v>12</v>
      </c>
      <c r="DY40" s="132">
        <v>7</v>
      </c>
      <c r="DZ40" s="135">
        <v>36</v>
      </c>
      <c r="EA40" s="137">
        <v>36</v>
      </c>
      <c r="EB40" s="36"/>
    </row>
    <row r="41" spans="1:132" x14ac:dyDescent="0.2">
      <c r="B41" s="37"/>
      <c r="C41" s="37"/>
      <c r="D41" s="37"/>
      <c r="E41" s="37"/>
      <c r="F41" s="37"/>
      <c r="G41" s="37"/>
      <c r="H41" s="37"/>
      <c r="I41" s="37"/>
      <c r="J41" s="37"/>
      <c r="K41" s="37"/>
      <c r="L41" s="37"/>
      <c r="M41" s="37"/>
      <c r="N41" s="37"/>
      <c r="O41" s="37"/>
      <c r="P41" s="37"/>
      <c r="Q41" s="37"/>
      <c r="R41" s="37"/>
      <c r="S41" s="37"/>
      <c r="T41" s="37"/>
      <c r="U41" s="37"/>
      <c r="V41" s="37"/>
      <c r="W41" s="37"/>
      <c r="X41" s="37"/>
      <c r="Y41" s="37"/>
      <c r="Z41" s="37"/>
      <c r="AA41" s="37"/>
      <c r="AB41" s="37"/>
      <c r="AC41" s="37"/>
      <c r="AD41" s="37"/>
      <c r="AE41" s="37"/>
      <c r="AF41" s="36"/>
      <c r="AG41" s="36"/>
      <c r="AH41" s="36"/>
      <c r="AI41" s="36"/>
      <c r="AJ41" s="36"/>
      <c r="AK41" s="36"/>
      <c r="AL41" s="36"/>
      <c r="AM41" s="36"/>
      <c r="AN41" s="36"/>
      <c r="AO41" s="36"/>
      <c r="AP41" s="36"/>
      <c r="AQ41" s="36"/>
      <c r="AR41" s="36"/>
      <c r="AS41" s="36"/>
      <c r="AT41" s="36"/>
      <c r="AU41" s="36"/>
      <c r="AV41" s="36"/>
      <c r="AW41" s="36"/>
      <c r="AX41" s="36"/>
      <c r="AY41" s="36"/>
      <c r="AZ41" s="36"/>
      <c r="BA41" s="36"/>
      <c r="BB41" s="36"/>
      <c r="BC41" s="36"/>
      <c r="BD41" s="36"/>
      <c r="BE41" s="36"/>
      <c r="BF41" s="36"/>
      <c r="BG41" s="36"/>
      <c r="BH41" s="36"/>
      <c r="BI41" s="36"/>
      <c r="BJ41" s="36"/>
      <c r="BK41" s="36"/>
      <c r="BL41" s="36"/>
      <c r="BM41" s="36"/>
      <c r="BN41" s="36"/>
      <c r="BO41" s="36"/>
      <c r="BP41" s="36"/>
      <c r="BQ41" s="36"/>
      <c r="BR41" s="36"/>
      <c r="BS41" s="36"/>
      <c r="BT41" s="36"/>
      <c r="BU41" s="36"/>
      <c r="BV41" s="36"/>
      <c r="BW41" s="36"/>
      <c r="BX41" s="36"/>
      <c r="BY41" s="36"/>
      <c r="BZ41" s="36"/>
      <c r="CA41" s="36"/>
      <c r="CB41" s="36"/>
      <c r="CC41" s="36"/>
      <c r="CD41" s="36"/>
      <c r="CE41" s="36"/>
      <c r="CF41" s="36"/>
      <c r="CG41" s="36"/>
      <c r="CH41" s="36"/>
      <c r="CI41" s="36"/>
      <c r="CJ41" s="36"/>
      <c r="CK41" s="36"/>
      <c r="CL41" s="36"/>
      <c r="CM41" s="36"/>
      <c r="CN41" s="36"/>
      <c r="CO41" s="36"/>
      <c r="CP41" s="36"/>
      <c r="CQ41" s="36"/>
      <c r="CR41" s="36"/>
      <c r="CS41" s="36"/>
      <c r="CT41" s="36"/>
      <c r="CU41" s="36"/>
      <c r="CV41" s="36"/>
      <c r="CW41" s="36"/>
      <c r="CX41" s="36"/>
      <c r="CY41" s="36"/>
      <c r="CZ41" s="36"/>
      <c r="DA41" s="36"/>
      <c r="DB41" s="36"/>
      <c r="DC41" s="36"/>
      <c r="DD41" s="36"/>
      <c r="DE41" s="36"/>
      <c r="DF41" s="36"/>
      <c r="DG41" s="36"/>
      <c r="DH41" s="36"/>
      <c r="DI41" s="36"/>
      <c r="DJ41" s="36"/>
      <c r="DK41" s="36"/>
      <c r="DL41" s="36"/>
      <c r="DM41" s="36"/>
      <c r="DN41" s="36"/>
      <c r="DO41" s="36"/>
      <c r="DP41" s="36"/>
      <c r="DQ41" s="36"/>
      <c r="DR41" s="36"/>
      <c r="DS41" s="36"/>
      <c r="DT41" s="36"/>
      <c r="DU41" s="36"/>
      <c r="DV41" s="36"/>
      <c r="DW41" s="36"/>
      <c r="DX41" s="36"/>
      <c r="DY41" s="36"/>
      <c r="DZ41" s="36"/>
      <c r="EA41" s="36"/>
      <c r="EB41" s="36"/>
    </row>
    <row r="42" spans="1:132" x14ac:dyDescent="0.2">
      <c r="B42" s="37"/>
      <c r="C42" s="37"/>
      <c r="D42" s="37"/>
      <c r="E42" s="37"/>
      <c r="F42" s="37"/>
      <c r="G42" s="37"/>
      <c r="H42" s="37"/>
      <c r="I42" s="37"/>
      <c r="J42" s="37"/>
      <c r="K42" s="37"/>
      <c r="L42" s="37"/>
      <c r="M42" s="37"/>
      <c r="N42" s="37"/>
      <c r="O42" s="37"/>
      <c r="P42" s="37"/>
      <c r="Q42" s="37"/>
      <c r="R42" s="37"/>
      <c r="S42" s="37"/>
      <c r="T42" s="37"/>
      <c r="U42" s="37"/>
      <c r="V42" s="37"/>
      <c r="W42" s="37"/>
      <c r="X42" s="37"/>
      <c r="Y42" s="37"/>
      <c r="Z42" s="37"/>
      <c r="AA42" s="37"/>
      <c r="AB42" s="37"/>
      <c r="AC42" s="37"/>
      <c r="AD42" s="37"/>
      <c r="AE42" s="37"/>
      <c r="AF42" s="36"/>
      <c r="AG42" s="36"/>
      <c r="AH42" s="36"/>
      <c r="AI42" s="36"/>
      <c r="AJ42" s="36"/>
      <c r="AK42" s="36"/>
      <c r="AL42" s="36"/>
      <c r="AM42" s="36"/>
      <c r="AN42" s="36"/>
      <c r="AO42" s="36"/>
      <c r="AP42" s="36"/>
      <c r="AQ42" s="36"/>
      <c r="AR42" s="36"/>
      <c r="AS42" s="36"/>
      <c r="AT42" s="36"/>
      <c r="AU42" s="36"/>
      <c r="AV42" s="36"/>
      <c r="AW42" s="36"/>
      <c r="AX42" s="36"/>
      <c r="AY42" s="36"/>
      <c r="AZ42" s="36"/>
      <c r="BA42" s="36"/>
      <c r="BB42" s="36"/>
      <c r="BC42" s="36"/>
      <c r="BD42" s="36"/>
      <c r="BE42" s="36"/>
      <c r="BF42" s="36"/>
      <c r="BG42" s="36"/>
      <c r="BH42" s="36"/>
      <c r="BI42" s="36"/>
      <c r="BJ42" s="36"/>
      <c r="BK42" s="36"/>
      <c r="BL42" s="36"/>
      <c r="BM42" s="36"/>
      <c r="BN42" s="36"/>
      <c r="BO42" s="36"/>
      <c r="BP42" s="36"/>
      <c r="BQ42" s="36"/>
      <c r="BR42" s="36"/>
      <c r="BS42" s="36"/>
      <c r="BT42" s="36"/>
      <c r="BU42" s="36"/>
      <c r="BV42" s="36"/>
      <c r="BW42" s="36"/>
      <c r="BX42" s="36"/>
      <c r="BY42" s="36"/>
      <c r="BZ42" s="36"/>
      <c r="CA42" s="36"/>
      <c r="CB42" s="36"/>
      <c r="CC42" s="36"/>
      <c r="CD42" s="36"/>
      <c r="CE42" s="36"/>
      <c r="CF42" s="36"/>
      <c r="CG42" s="36"/>
      <c r="CH42" s="36"/>
      <c r="CI42" s="36"/>
      <c r="CJ42" s="36"/>
      <c r="CK42" s="36"/>
      <c r="CL42" s="36"/>
      <c r="CM42" s="36"/>
      <c r="CN42" s="36"/>
      <c r="CO42" s="36"/>
      <c r="CP42" s="36"/>
      <c r="CQ42" s="36"/>
      <c r="CR42" s="36"/>
      <c r="CS42" s="36"/>
      <c r="CT42" s="36"/>
      <c r="CU42" s="36"/>
      <c r="CV42" s="36"/>
      <c r="CW42" s="36"/>
      <c r="CX42" s="36"/>
      <c r="CY42" s="36"/>
      <c r="CZ42" s="36"/>
      <c r="DA42" s="36"/>
      <c r="DB42" s="36"/>
      <c r="DC42" s="36"/>
      <c r="DD42" s="36"/>
      <c r="DE42" s="36"/>
      <c r="DF42" s="36"/>
      <c r="DG42" s="36"/>
      <c r="DH42" s="36"/>
      <c r="DI42" s="36"/>
      <c r="DJ42" s="36"/>
      <c r="DK42" s="36"/>
      <c r="DL42" s="36"/>
      <c r="DM42" s="36"/>
      <c r="DN42" s="36"/>
      <c r="DO42" s="36"/>
      <c r="DP42" s="36"/>
      <c r="DQ42" s="36"/>
      <c r="DR42" s="36"/>
      <c r="DS42" s="36"/>
      <c r="DT42" s="36"/>
      <c r="DU42" s="36"/>
      <c r="DV42" s="36"/>
      <c r="DW42" s="36"/>
      <c r="DX42" s="36"/>
      <c r="DY42" s="36"/>
      <c r="DZ42" s="36"/>
      <c r="EA42" s="36"/>
      <c r="EB42" s="36"/>
    </row>
    <row r="43" spans="1:132" x14ac:dyDescent="0.2">
      <c r="B43" s="37"/>
      <c r="C43" s="37"/>
      <c r="D43" s="37"/>
      <c r="E43" s="37"/>
      <c r="F43" s="37"/>
      <c r="G43" s="37"/>
      <c r="H43" s="37"/>
      <c r="I43" s="37"/>
      <c r="J43" s="37"/>
      <c r="K43" s="37"/>
      <c r="L43" s="37"/>
      <c r="M43" s="37"/>
      <c r="N43" s="37"/>
      <c r="O43" s="37"/>
      <c r="P43" s="37"/>
      <c r="Q43" s="37"/>
      <c r="R43" s="37"/>
      <c r="S43" s="37"/>
      <c r="T43" s="37"/>
      <c r="U43" s="37"/>
      <c r="V43" s="37"/>
      <c r="W43" s="37"/>
      <c r="X43" s="37"/>
      <c r="Y43" s="37"/>
      <c r="Z43" s="37"/>
      <c r="AA43" s="37"/>
      <c r="AB43" s="37"/>
      <c r="AC43" s="37"/>
      <c r="AD43" s="37"/>
      <c r="AE43" s="37"/>
      <c r="AF43" s="36"/>
      <c r="AG43" s="36"/>
      <c r="AH43" s="36"/>
      <c r="AI43" s="36"/>
      <c r="AJ43" s="36"/>
      <c r="AK43" s="36"/>
      <c r="AL43" s="36"/>
      <c r="AM43" s="36"/>
      <c r="AN43" s="36"/>
      <c r="AO43" s="36"/>
      <c r="AP43" s="36"/>
      <c r="AQ43" s="36"/>
      <c r="AR43" s="36"/>
      <c r="AS43" s="36"/>
      <c r="AT43" s="36"/>
      <c r="AU43" s="36"/>
      <c r="AV43" s="36"/>
      <c r="AW43" s="36"/>
      <c r="AX43" s="36"/>
      <c r="AY43" s="36"/>
      <c r="AZ43" s="36"/>
      <c r="BA43" s="36"/>
      <c r="BB43" s="36"/>
      <c r="BC43" s="36"/>
      <c r="BD43" s="36"/>
      <c r="BE43" s="36"/>
      <c r="BF43" s="36"/>
      <c r="BG43" s="36"/>
      <c r="BH43" s="36"/>
      <c r="BI43" s="36"/>
      <c r="BJ43" s="36"/>
      <c r="BK43" s="36"/>
      <c r="BL43" s="36"/>
      <c r="BM43" s="36"/>
      <c r="BN43" s="36"/>
      <c r="BO43" s="36"/>
      <c r="BP43" s="36"/>
      <c r="BQ43" s="36"/>
      <c r="BR43" s="36"/>
      <c r="BS43" s="36"/>
      <c r="BT43" s="36"/>
      <c r="BU43" s="36"/>
      <c r="BV43" s="36"/>
      <c r="BW43" s="36"/>
      <c r="BX43" s="36"/>
      <c r="BY43" s="36"/>
      <c r="BZ43" s="36"/>
      <c r="CA43" s="36"/>
      <c r="CB43" s="36"/>
      <c r="CC43" s="36"/>
      <c r="CD43" s="36"/>
      <c r="CE43" s="36"/>
      <c r="CF43" s="36"/>
      <c r="CG43" s="36"/>
      <c r="CH43" s="36"/>
      <c r="CI43" s="36"/>
      <c r="CJ43" s="36"/>
      <c r="CK43" s="36"/>
      <c r="CL43" s="36"/>
      <c r="CM43" s="36"/>
      <c r="CN43" s="36"/>
      <c r="CO43" s="36"/>
      <c r="CP43" s="36"/>
      <c r="CQ43" s="36"/>
      <c r="CR43" s="36"/>
      <c r="CS43" s="36"/>
      <c r="CT43" s="36"/>
      <c r="CU43" s="36"/>
      <c r="CV43" s="36"/>
      <c r="CW43" s="36"/>
      <c r="CX43" s="36"/>
      <c r="CY43" s="36"/>
      <c r="CZ43" s="36"/>
      <c r="DA43" s="36"/>
      <c r="DB43" s="36"/>
      <c r="DC43" s="36"/>
      <c r="DD43" s="36"/>
      <c r="DE43" s="36"/>
      <c r="DF43" s="36"/>
      <c r="DG43" s="36"/>
      <c r="DH43" s="36"/>
      <c r="DI43" s="36"/>
      <c r="DJ43" s="36"/>
      <c r="DK43" s="36"/>
      <c r="DL43" s="36"/>
      <c r="DM43" s="36"/>
      <c r="DN43" s="36"/>
      <c r="DO43" s="36"/>
      <c r="DP43" s="36"/>
      <c r="DQ43" s="36"/>
      <c r="DR43" s="36"/>
      <c r="DS43" s="36"/>
      <c r="DT43" s="36"/>
      <c r="DU43" s="36"/>
      <c r="DV43" s="36"/>
      <c r="DW43" s="36"/>
      <c r="DX43" s="36"/>
      <c r="DY43" s="36"/>
      <c r="DZ43" s="36"/>
      <c r="EA43" s="36"/>
      <c r="EB43" s="36"/>
    </row>
    <row r="44" spans="1:132" x14ac:dyDescent="0.2">
      <c r="B44" s="37"/>
      <c r="C44" s="37"/>
      <c r="D44" s="37"/>
      <c r="E44" s="37"/>
      <c r="F44" s="37"/>
      <c r="G44" s="37"/>
      <c r="H44" s="37"/>
      <c r="I44" s="37"/>
      <c r="J44" s="37"/>
      <c r="K44" s="37"/>
      <c r="L44" s="37"/>
      <c r="M44" s="37"/>
      <c r="N44" s="37"/>
      <c r="O44" s="37"/>
      <c r="P44" s="37"/>
      <c r="Q44" s="37"/>
      <c r="R44" s="37"/>
      <c r="S44" s="37"/>
      <c r="T44" s="37"/>
      <c r="U44" s="37"/>
      <c r="V44" s="37"/>
      <c r="W44" s="37"/>
      <c r="X44" s="37"/>
      <c r="Y44" s="37"/>
      <c r="Z44" s="37"/>
      <c r="AA44" s="37"/>
      <c r="AB44" s="37"/>
      <c r="AC44" s="37"/>
      <c r="AD44" s="37"/>
      <c r="AE44" s="37"/>
      <c r="AF44" s="36"/>
      <c r="AG44" s="36"/>
      <c r="AH44" s="36"/>
      <c r="AI44" s="36"/>
      <c r="AJ44" s="36"/>
      <c r="AK44" s="36"/>
      <c r="AL44" s="36"/>
      <c r="AM44" s="36"/>
      <c r="AN44" s="36"/>
      <c r="AO44" s="36"/>
      <c r="AP44" s="36"/>
      <c r="AQ44" s="36"/>
      <c r="AR44" s="36"/>
      <c r="AS44" s="36"/>
      <c r="AT44" s="36"/>
      <c r="AU44" s="36"/>
      <c r="AV44" s="36"/>
      <c r="AW44" s="36"/>
      <c r="AX44" s="36"/>
      <c r="AY44" s="36"/>
      <c r="AZ44" s="36"/>
      <c r="BA44" s="36"/>
      <c r="BB44" s="36"/>
      <c r="BC44" s="36"/>
      <c r="BD44" s="36"/>
      <c r="BE44" s="36"/>
      <c r="BF44" s="36"/>
      <c r="BG44" s="36"/>
      <c r="BH44" s="36"/>
      <c r="BI44" s="36"/>
      <c r="BJ44" s="36"/>
      <c r="BK44" s="36"/>
      <c r="BL44" s="36"/>
      <c r="BM44" s="36"/>
      <c r="BN44" s="36"/>
      <c r="BO44" s="36"/>
      <c r="BP44" s="36"/>
      <c r="BQ44" s="36"/>
      <c r="BR44" s="36"/>
      <c r="BS44" s="36"/>
      <c r="BT44" s="36"/>
      <c r="BU44" s="36"/>
      <c r="BV44" s="36"/>
      <c r="BW44" s="36"/>
      <c r="BX44" s="36"/>
      <c r="BY44" s="36"/>
      <c r="BZ44" s="36"/>
      <c r="CA44" s="36"/>
      <c r="CB44" s="36"/>
      <c r="CC44" s="36"/>
      <c r="CD44" s="36"/>
      <c r="CE44" s="36"/>
      <c r="CF44" s="36"/>
      <c r="CG44" s="36"/>
      <c r="CH44" s="36"/>
      <c r="CI44" s="36"/>
      <c r="CJ44" s="36"/>
      <c r="CK44" s="36"/>
      <c r="CL44" s="36"/>
      <c r="CM44" s="36"/>
      <c r="CN44" s="36"/>
      <c r="CO44" s="36"/>
      <c r="CP44" s="36"/>
      <c r="CQ44" s="36"/>
      <c r="CR44" s="36"/>
      <c r="CS44" s="36"/>
      <c r="CT44" s="36"/>
      <c r="CU44" s="36"/>
      <c r="CV44" s="36"/>
      <c r="CW44" s="36"/>
      <c r="CX44" s="36"/>
      <c r="CY44" s="36"/>
      <c r="CZ44" s="36"/>
      <c r="DA44" s="36"/>
      <c r="DB44" s="36"/>
      <c r="DC44" s="36"/>
      <c r="DD44" s="36"/>
      <c r="DE44" s="36"/>
      <c r="DF44" s="36"/>
      <c r="DG44" s="36"/>
      <c r="DH44" s="36"/>
      <c r="DI44" s="36"/>
      <c r="DJ44" s="36"/>
      <c r="DK44" s="36"/>
      <c r="DL44" s="36"/>
      <c r="DM44" s="36"/>
      <c r="DN44" s="36"/>
      <c r="DO44" s="36"/>
      <c r="DP44" s="36"/>
      <c r="DQ44" s="36"/>
      <c r="DR44" s="36"/>
      <c r="DS44" s="36"/>
      <c r="DT44" s="36"/>
      <c r="DU44" s="36"/>
      <c r="DV44" s="36"/>
      <c r="DW44" s="36"/>
      <c r="DX44" s="36"/>
      <c r="DY44" s="36"/>
      <c r="DZ44" s="36"/>
      <c r="EA44" s="36"/>
      <c r="EB44" s="36"/>
    </row>
    <row r="45" spans="1:132" x14ac:dyDescent="0.2">
      <c r="B45" s="37"/>
      <c r="C45" s="37"/>
      <c r="D45" s="37"/>
      <c r="E45" s="37"/>
      <c r="F45" s="37"/>
      <c r="G45" s="37"/>
      <c r="H45" s="37"/>
      <c r="I45" s="37"/>
      <c r="J45" s="37"/>
      <c r="K45" s="37"/>
      <c r="L45" s="37"/>
      <c r="M45" s="37"/>
      <c r="N45" s="37"/>
      <c r="O45" s="37"/>
      <c r="P45" s="37"/>
      <c r="Q45" s="37"/>
      <c r="R45" s="37"/>
      <c r="S45" s="37"/>
      <c r="T45" s="37"/>
      <c r="U45" s="37"/>
      <c r="V45" s="37"/>
      <c r="W45" s="37"/>
      <c r="X45" s="37"/>
      <c r="Y45" s="37"/>
      <c r="Z45" s="37"/>
      <c r="AA45" s="37"/>
      <c r="AB45" s="37"/>
      <c r="AC45" s="37"/>
      <c r="AD45" s="37"/>
      <c r="AE45" s="37"/>
      <c r="AF45" s="36"/>
      <c r="AG45" s="36"/>
      <c r="AH45" s="36"/>
      <c r="AI45" s="36"/>
      <c r="AJ45" s="36"/>
      <c r="AK45" s="36"/>
      <c r="AL45" s="36"/>
      <c r="AM45" s="36"/>
      <c r="AN45" s="36"/>
      <c r="AO45" s="36"/>
      <c r="AP45" s="36"/>
      <c r="AQ45" s="36"/>
      <c r="AR45" s="36"/>
      <c r="AS45" s="36"/>
      <c r="AT45" s="36"/>
      <c r="AU45" s="36"/>
      <c r="AV45" s="36"/>
      <c r="AW45" s="36"/>
      <c r="AX45" s="36"/>
      <c r="AY45" s="36"/>
      <c r="AZ45" s="36"/>
      <c r="BA45" s="36"/>
      <c r="BB45" s="36"/>
      <c r="BC45" s="36"/>
      <c r="BD45" s="36"/>
      <c r="BE45" s="36"/>
      <c r="BF45" s="36"/>
      <c r="BG45" s="36"/>
      <c r="BH45" s="36"/>
      <c r="BI45" s="36"/>
      <c r="BJ45" s="36"/>
      <c r="BK45" s="36"/>
      <c r="BL45" s="36"/>
      <c r="BM45" s="36"/>
      <c r="BN45" s="36"/>
      <c r="BO45" s="36"/>
      <c r="BP45" s="36"/>
      <c r="BQ45" s="36"/>
      <c r="BR45" s="36"/>
      <c r="BS45" s="36"/>
      <c r="BT45" s="36"/>
      <c r="BU45" s="36"/>
      <c r="BV45" s="36"/>
      <c r="BW45" s="36"/>
      <c r="BX45" s="36"/>
      <c r="BY45" s="36"/>
      <c r="BZ45" s="36"/>
      <c r="CA45" s="36"/>
      <c r="CB45" s="36"/>
      <c r="CC45" s="36"/>
      <c r="CD45" s="36"/>
      <c r="CE45" s="36"/>
      <c r="CF45" s="36"/>
      <c r="CG45" s="36"/>
      <c r="CH45" s="36"/>
      <c r="CI45" s="36"/>
      <c r="CJ45" s="36"/>
      <c r="CK45" s="36"/>
      <c r="CL45" s="36"/>
      <c r="CM45" s="36"/>
      <c r="CN45" s="36"/>
      <c r="CO45" s="36"/>
      <c r="CP45" s="36"/>
      <c r="CQ45" s="36"/>
      <c r="CR45" s="36"/>
      <c r="CS45" s="36"/>
      <c r="CT45" s="36"/>
      <c r="CU45" s="36"/>
      <c r="CV45" s="36"/>
      <c r="CW45" s="36"/>
      <c r="CX45" s="36"/>
      <c r="CY45" s="36"/>
      <c r="CZ45" s="36"/>
      <c r="DA45" s="36"/>
      <c r="DB45" s="36"/>
      <c r="DC45" s="36"/>
      <c r="DD45" s="36"/>
      <c r="DE45" s="36"/>
      <c r="DF45" s="36"/>
      <c r="DG45" s="36"/>
      <c r="DH45" s="36"/>
      <c r="DI45" s="36"/>
      <c r="DJ45" s="36"/>
      <c r="DK45" s="36"/>
      <c r="DL45" s="36"/>
      <c r="DM45" s="36"/>
      <c r="DN45" s="36"/>
      <c r="DO45" s="36"/>
      <c r="DP45" s="36"/>
      <c r="DQ45" s="36"/>
      <c r="DR45" s="36"/>
      <c r="DS45" s="36"/>
      <c r="DT45" s="36"/>
      <c r="DU45" s="36"/>
      <c r="DV45" s="36"/>
      <c r="DW45" s="36"/>
      <c r="DX45" s="36"/>
      <c r="DY45" s="36"/>
      <c r="DZ45" s="36"/>
      <c r="EA45" s="36"/>
      <c r="EB45" s="36"/>
    </row>
    <row r="46" spans="1:132" x14ac:dyDescent="0.2">
      <c r="B46" s="3"/>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row>
    <row r="47" spans="1:132" x14ac:dyDescent="0.2">
      <c r="B47" s="3"/>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row>
    <row r="48" spans="1:132" x14ac:dyDescent="0.2">
      <c r="B48" s="3"/>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row>
    <row r="49" spans="2:31" x14ac:dyDescent="0.2">
      <c r="B49" s="3"/>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row>
    <row r="50" spans="2:31" x14ac:dyDescent="0.2">
      <c r="B50" s="3"/>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row>
    <row r="51" spans="2:31" x14ac:dyDescent="0.2">
      <c r="B51" s="3"/>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row>
    <row r="52" spans="2:31" x14ac:dyDescent="0.2">
      <c r="B52" s="3"/>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row>
    <row r="53" spans="2:31" x14ac:dyDescent="0.2">
      <c r="B53" s="3"/>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row>
    <row r="54" spans="2:31" x14ac:dyDescent="0.2">
      <c r="B54" s="3"/>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row>
    <row r="55" spans="2:31" x14ac:dyDescent="0.2">
      <c r="B55" s="3"/>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row>
    <row r="56" spans="2:31" x14ac:dyDescent="0.2">
      <c r="B56" s="3"/>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row>
    <row r="57" spans="2:31" x14ac:dyDescent="0.2">
      <c r="B57" s="3"/>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row>
    <row r="58" spans="2:31" x14ac:dyDescent="0.2">
      <c r="B58" s="3"/>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row>
    <row r="59" spans="2:31" x14ac:dyDescent="0.2">
      <c r="B59" s="3"/>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row>
    <row r="60" spans="2:31" x14ac:dyDescent="0.2">
      <c r="B60" s="3"/>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row>
    <row r="61" spans="2:31" x14ac:dyDescent="0.2">
      <c r="B61" s="3"/>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row>
    <row r="62" spans="2:31" x14ac:dyDescent="0.2">
      <c r="B62" s="3"/>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row>
    <row r="63" spans="2:31" x14ac:dyDescent="0.2">
      <c r="B63" s="3"/>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row>
    <row r="64" spans="2:31" x14ac:dyDescent="0.2">
      <c r="B64" s="3"/>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row>
    <row r="65" spans="2:31" x14ac:dyDescent="0.2">
      <c r="B65" s="3"/>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row>
    <row r="66" spans="2:31" x14ac:dyDescent="0.2">
      <c r="B66" s="3"/>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row>
    <row r="67" spans="2:31" x14ac:dyDescent="0.2">
      <c r="B67" s="3"/>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row>
    <row r="68" spans="2:31" x14ac:dyDescent="0.2">
      <c r="B68" s="3"/>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row>
    <row r="69" spans="2:31" x14ac:dyDescent="0.2">
      <c r="B69" s="3"/>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row>
    <row r="70" spans="2:31" x14ac:dyDescent="0.2">
      <c r="B70" s="3"/>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row>
    <row r="71" spans="2:31" x14ac:dyDescent="0.2">
      <c r="B71" s="3"/>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row>
    <row r="72" spans="2:31" x14ac:dyDescent="0.2">
      <c r="B72" s="3"/>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row>
    <row r="73" spans="2:31" x14ac:dyDescent="0.2">
      <c r="B73" s="3"/>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row>
    <row r="74" spans="2:31" x14ac:dyDescent="0.2">
      <c r="B74" s="3"/>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row>
    <row r="75" spans="2:31" x14ac:dyDescent="0.2">
      <c r="B75" s="3"/>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row>
    <row r="76" spans="2:31" x14ac:dyDescent="0.2">
      <c r="B76" s="3"/>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row>
    <row r="77" spans="2:31" x14ac:dyDescent="0.2">
      <c r="B77" s="3"/>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row>
    <row r="78" spans="2:31" x14ac:dyDescent="0.2">
      <c r="B78" s="3"/>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row>
    <row r="79" spans="2:31" x14ac:dyDescent="0.2">
      <c r="B79" s="3"/>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row>
    <row r="80" spans="2:31" x14ac:dyDescent="0.2">
      <c r="B80" s="3"/>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row>
    <row r="81" spans="2:31" x14ac:dyDescent="0.2">
      <c r="B81" s="3"/>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row>
    <row r="82" spans="2:31" x14ac:dyDescent="0.2">
      <c r="B82" s="3"/>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row>
    <row r="83" spans="2:31" x14ac:dyDescent="0.2">
      <c r="B83" s="3"/>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row>
    <row r="84" spans="2:31" x14ac:dyDescent="0.2">
      <c r="B84" s="3"/>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row>
    <row r="85" spans="2:31" x14ac:dyDescent="0.2">
      <c r="B85" s="3"/>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row>
    <row r="86" spans="2:31" x14ac:dyDescent="0.2">
      <c r="B86" s="3"/>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row>
    <row r="87" spans="2:31" x14ac:dyDescent="0.2">
      <c r="B87" s="3"/>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row>
    <row r="88" spans="2:31" x14ac:dyDescent="0.2">
      <c r="B88" s="3"/>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row>
    <row r="89" spans="2:31" x14ac:dyDescent="0.2">
      <c r="B89" s="3"/>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row>
    <row r="90" spans="2:31" x14ac:dyDescent="0.2">
      <c r="B90" s="3"/>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row>
    <row r="91" spans="2:31" x14ac:dyDescent="0.2">
      <c r="B91" s="3"/>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row>
    <row r="92" spans="2:31" x14ac:dyDescent="0.2">
      <c r="B92" s="3"/>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row>
    <row r="93" spans="2:31" x14ac:dyDescent="0.2">
      <c r="B93" s="3"/>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row>
    <row r="94" spans="2:31" x14ac:dyDescent="0.2">
      <c r="B94" s="3"/>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row>
    <row r="95" spans="2:31" x14ac:dyDescent="0.2">
      <c r="B95" s="3"/>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row>
    <row r="96" spans="2:31" x14ac:dyDescent="0.2">
      <c r="B96" s="3"/>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row>
    <row r="97" spans="2:31" x14ac:dyDescent="0.2">
      <c r="B97" s="3"/>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row>
    <row r="98" spans="2:31" x14ac:dyDescent="0.2">
      <c r="B98" s="3"/>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row>
    <row r="99" spans="2:31" x14ac:dyDescent="0.2">
      <c r="B99" s="3"/>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row>
    <row r="100" spans="2:31" x14ac:dyDescent="0.2">
      <c r="B100" s="3"/>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row>
    <row r="101" spans="2:31" x14ac:dyDescent="0.2">
      <c r="B101" s="3"/>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row>
    <row r="102" spans="2:31" x14ac:dyDescent="0.2">
      <c r="B102" s="3"/>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row>
    <row r="103" spans="2:31" x14ac:dyDescent="0.2">
      <c r="B103" s="3"/>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row>
    <row r="104" spans="2:31" x14ac:dyDescent="0.2">
      <c r="B104" s="3"/>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row>
    <row r="105" spans="2:31" x14ac:dyDescent="0.2">
      <c r="B105" s="3"/>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row>
    <row r="106" spans="2:31" x14ac:dyDescent="0.2">
      <c r="B106" s="3"/>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row>
    <row r="107" spans="2:31" x14ac:dyDescent="0.2">
      <c r="B107" s="3"/>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row>
    <row r="108" spans="2:31" x14ac:dyDescent="0.2">
      <c r="B108" s="3"/>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row>
    <row r="109" spans="2:31" x14ac:dyDescent="0.2">
      <c r="B109" s="3"/>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row>
    <row r="110" spans="2:31" x14ac:dyDescent="0.2">
      <c r="B110" s="3"/>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row>
    <row r="111" spans="2:31" x14ac:dyDescent="0.2">
      <c r="B111" s="3"/>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row>
    <row r="112" spans="2:31" x14ac:dyDescent="0.2">
      <c r="B112" s="3"/>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row>
    <row r="113" spans="2:31" x14ac:dyDescent="0.2">
      <c r="B113" s="3"/>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row>
    <row r="114" spans="2:31" x14ac:dyDescent="0.2">
      <c r="B114" s="3"/>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row>
    <row r="115" spans="2:31" x14ac:dyDescent="0.2">
      <c r="B115" s="3"/>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row>
    <row r="116" spans="2:31" x14ac:dyDescent="0.2">
      <c r="B116" s="3"/>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row>
    <row r="117" spans="2:31" x14ac:dyDescent="0.2">
      <c r="B117" s="3"/>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row>
    <row r="118" spans="2:31" x14ac:dyDescent="0.2">
      <c r="B118" s="3"/>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row>
    <row r="119" spans="2:31" x14ac:dyDescent="0.2">
      <c r="B119" s="3"/>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row>
    <row r="120" spans="2:31" x14ac:dyDescent="0.2">
      <c r="B120" s="3"/>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row>
    <row r="121" spans="2:31" x14ac:dyDescent="0.2">
      <c r="B121" s="3"/>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row>
    <row r="122" spans="2:31" x14ac:dyDescent="0.2">
      <c r="B122" s="3"/>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row>
    <row r="123" spans="2:31" x14ac:dyDescent="0.2">
      <c r="B123" s="3"/>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row>
    <row r="124" spans="2:31" x14ac:dyDescent="0.2">
      <c r="B124" s="3"/>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row>
    <row r="125" spans="2:31" x14ac:dyDescent="0.2">
      <c r="B125" s="3"/>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row>
    <row r="126" spans="2:31" x14ac:dyDescent="0.2">
      <c r="B126" s="3"/>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row>
    <row r="127" spans="2:31" x14ac:dyDescent="0.2">
      <c r="B127" s="3"/>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row>
    <row r="128" spans="2:31" x14ac:dyDescent="0.2">
      <c r="B128" s="3"/>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row>
    <row r="129" spans="2:31" x14ac:dyDescent="0.2">
      <c r="B129" s="3"/>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row>
    <row r="130" spans="2:31" x14ac:dyDescent="0.2">
      <c r="B130" s="3"/>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row>
    <row r="131" spans="2:31" x14ac:dyDescent="0.2">
      <c r="B131" s="3"/>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row>
    <row r="132" spans="2:31" x14ac:dyDescent="0.2">
      <c r="B132" s="3"/>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row>
    <row r="133" spans="2:31" x14ac:dyDescent="0.2">
      <c r="B133" s="3"/>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row>
    <row r="134" spans="2:31" x14ac:dyDescent="0.2">
      <c r="B134" s="3"/>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row>
    <row r="135" spans="2:31" x14ac:dyDescent="0.2">
      <c r="B135" s="3"/>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row>
    <row r="136" spans="2:31" x14ac:dyDescent="0.2">
      <c r="B136" s="3"/>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row>
    <row r="137" spans="2:31" x14ac:dyDescent="0.2">
      <c r="B137" s="3"/>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row>
    <row r="138" spans="2:31" x14ac:dyDescent="0.2">
      <c r="B138" s="3"/>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row>
    <row r="139" spans="2:31" x14ac:dyDescent="0.2">
      <c r="B139" s="3"/>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row>
    <row r="140" spans="2:31" x14ac:dyDescent="0.2">
      <c r="B140" s="3"/>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row>
    <row r="141" spans="2:31" x14ac:dyDescent="0.2">
      <c r="B141" s="3"/>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row>
    <row r="142" spans="2:31" x14ac:dyDescent="0.2">
      <c r="B142" s="3"/>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row>
    <row r="143" spans="2:31" x14ac:dyDescent="0.2">
      <c r="B143" s="3"/>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row>
    <row r="144" spans="2:31" x14ac:dyDescent="0.2">
      <c r="B144" s="3"/>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row>
    <row r="145" spans="2:31" x14ac:dyDescent="0.2">
      <c r="B145" s="3"/>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row>
    <row r="146" spans="2:31" x14ac:dyDescent="0.2">
      <c r="B146" s="3"/>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row>
    <row r="147" spans="2:31" x14ac:dyDescent="0.2">
      <c r="B147" s="3"/>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row>
    <row r="148" spans="2:31" x14ac:dyDescent="0.2">
      <c r="B148" s="3"/>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row>
    <row r="149" spans="2:31" x14ac:dyDescent="0.2">
      <c r="B149" s="3"/>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row>
    <row r="150" spans="2:31" x14ac:dyDescent="0.2">
      <c r="B150" s="3"/>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row>
    <row r="151" spans="2:31" x14ac:dyDescent="0.2">
      <c r="B151" s="3"/>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row>
    <row r="152" spans="2:31" x14ac:dyDescent="0.2">
      <c r="B152" s="3"/>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row>
    <row r="153" spans="2:31" x14ac:dyDescent="0.2">
      <c r="B153" s="3"/>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row>
    <row r="154" spans="2:31" x14ac:dyDescent="0.2">
      <c r="B154" s="3"/>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row>
    <row r="155" spans="2:31" x14ac:dyDescent="0.2">
      <c r="B155" s="3"/>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row>
    <row r="156" spans="2:31" x14ac:dyDescent="0.2">
      <c r="B156" s="3"/>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row>
    <row r="157" spans="2:31" x14ac:dyDescent="0.2">
      <c r="B157" s="3"/>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row>
    <row r="158" spans="2:31" x14ac:dyDescent="0.2">
      <c r="B158" s="3"/>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row>
    <row r="159" spans="2:31" x14ac:dyDescent="0.2">
      <c r="B159" s="3"/>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row>
    <row r="160" spans="2:31" x14ac:dyDescent="0.2">
      <c r="B160" s="3"/>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row>
    <row r="161" spans="2:31" x14ac:dyDescent="0.2">
      <c r="B161" s="3"/>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row>
    <row r="162" spans="2:31" x14ac:dyDescent="0.2">
      <c r="B162" s="3"/>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row>
    <row r="163" spans="2:31" x14ac:dyDescent="0.2">
      <c r="B163" s="3"/>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row>
    <row r="164" spans="2:31" x14ac:dyDescent="0.2">
      <c r="B164" s="3"/>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row>
    <row r="165" spans="2:31" x14ac:dyDescent="0.2">
      <c r="B165" s="3"/>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row>
    <row r="166" spans="2:31" x14ac:dyDescent="0.2">
      <c r="B166" s="3"/>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row>
    <row r="167" spans="2:31" x14ac:dyDescent="0.2">
      <c r="B167" s="3"/>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row>
    <row r="168" spans="2:31" x14ac:dyDescent="0.2">
      <c r="B168" s="3"/>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row>
    <row r="169" spans="2:31" x14ac:dyDescent="0.2">
      <c r="B169" s="3"/>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row>
    <row r="170" spans="2:31" x14ac:dyDescent="0.2">
      <c r="B170" s="3"/>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row>
    <row r="171" spans="2:31" x14ac:dyDescent="0.2">
      <c r="B171" s="3"/>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row>
    <row r="172" spans="2:31" x14ac:dyDescent="0.2">
      <c r="B172" s="3"/>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row>
    <row r="173" spans="2:31" x14ac:dyDescent="0.2">
      <c r="B173" s="3"/>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row>
    <row r="174" spans="2:31" x14ac:dyDescent="0.2">
      <c r="B174" s="3"/>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row>
    <row r="175" spans="2:31" x14ac:dyDescent="0.2">
      <c r="B175" s="3"/>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row>
    <row r="176" spans="2:31" x14ac:dyDescent="0.2">
      <c r="B176" s="3"/>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row>
    <row r="177" spans="2:31" x14ac:dyDescent="0.2">
      <c r="B177" s="3"/>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row>
    <row r="178" spans="2:31" x14ac:dyDescent="0.2">
      <c r="B178" s="3"/>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row>
    <row r="179" spans="2:31" x14ac:dyDescent="0.2">
      <c r="B179" s="3"/>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row>
    <row r="180" spans="2:31" x14ac:dyDescent="0.2">
      <c r="B180" s="3"/>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row>
    <row r="181" spans="2:31" x14ac:dyDescent="0.2">
      <c r="B181" s="3"/>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row>
    <row r="182" spans="2:31" x14ac:dyDescent="0.2">
      <c r="B182" s="3"/>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row>
    <row r="183" spans="2:31" x14ac:dyDescent="0.2">
      <c r="B183" s="3"/>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row>
    <row r="184" spans="2:31" x14ac:dyDescent="0.2">
      <c r="B184" s="3"/>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row>
    <row r="185" spans="2:31" x14ac:dyDescent="0.2">
      <c r="B185" s="3"/>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row>
    <row r="186" spans="2:31" x14ac:dyDescent="0.2">
      <c r="B186" s="3"/>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row>
    <row r="187" spans="2:31" x14ac:dyDescent="0.2">
      <c r="B187" s="3"/>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row>
    <row r="188" spans="2:31" x14ac:dyDescent="0.2">
      <c r="B188" s="3"/>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row>
    <row r="189" spans="2:31" x14ac:dyDescent="0.2">
      <c r="B189" s="3"/>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row>
    <row r="190" spans="2:31" x14ac:dyDescent="0.2">
      <c r="B190" s="3"/>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row>
    <row r="191" spans="2:31" x14ac:dyDescent="0.2">
      <c r="B191" s="3"/>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row>
    <row r="192" spans="2:31" x14ac:dyDescent="0.2">
      <c r="B192" s="3"/>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row>
    <row r="193" spans="2:31" x14ac:dyDescent="0.2">
      <c r="B193" s="3"/>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row>
    <row r="194" spans="2:31" x14ac:dyDescent="0.2">
      <c r="B194" s="3"/>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row>
    <row r="195" spans="2:31" x14ac:dyDescent="0.2">
      <c r="B195" s="3"/>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row>
    <row r="196" spans="2:31" x14ac:dyDescent="0.2">
      <c r="B196" s="3"/>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row>
    <row r="197" spans="2:31" x14ac:dyDescent="0.2">
      <c r="B197" s="3"/>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row>
    <row r="198" spans="2:31" x14ac:dyDescent="0.2">
      <c r="B198" s="3"/>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row>
    <row r="199" spans="2:31" x14ac:dyDescent="0.2">
      <c r="B199" s="3"/>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row>
    <row r="200" spans="2:31" x14ac:dyDescent="0.2">
      <c r="B200" s="3"/>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row>
    <row r="201" spans="2:31" x14ac:dyDescent="0.2">
      <c r="B201" s="3"/>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row>
    <row r="202" spans="2:31" x14ac:dyDescent="0.2">
      <c r="B202" s="3"/>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row>
    <row r="203" spans="2:31" x14ac:dyDescent="0.2">
      <c r="B203" s="3"/>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row>
    <row r="204" spans="2:31" x14ac:dyDescent="0.2">
      <c r="B204" s="3"/>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row>
    <row r="205" spans="2:31" x14ac:dyDescent="0.2">
      <c r="B205" s="3"/>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row>
    <row r="206" spans="2:31" x14ac:dyDescent="0.2">
      <c r="B206" s="3"/>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row>
    <row r="207" spans="2:31" x14ac:dyDescent="0.2">
      <c r="B207" s="3"/>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row>
    <row r="208" spans="2:31" x14ac:dyDescent="0.2">
      <c r="B208" s="3"/>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row>
    <row r="209" spans="2:31" x14ac:dyDescent="0.2">
      <c r="B209" s="3"/>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row>
    <row r="210" spans="2:31" x14ac:dyDescent="0.2">
      <c r="B210" s="3"/>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row>
    <row r="211" spans="2:31" x14ac:dyDescent="0.2">
      <c r="B211" s="3"/>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row>
    <row r="212" spans="2:31" x14ac:dyDescent="0.2">
      <c r="B212" s="3"/>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row>
    <row r="213" spans="2:31" x14ac:dyDescent="0.2">
      <c r="B213" s="3"/>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row>
    <row r="214" spans="2:31" x14ac:dyDescent="0.2">
      <c r="B214" s="3"/>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row>
    <row r="215" spans="2:31" x14ac:dyDescent="0.2">
      <c r="B215" s="3"/>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row>
    <row r="216" spans="2:31" x14ac:dyDescent="0.2">
      <c r="B216" s="3"/>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row>
    <row r="217" spans="2:31" x14ac:dyDescent="0.2">
      <c r="B217" s="3"/>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row>
    <row r="218" spans="2:31" x14ac:dyDescent="0.2">
      <c r="B218" s="3"/>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row>
    <row r="219" spans="2:31" x14ac:dyDescent="0.2">
      <c r="B219" s="3"/>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row>
  </sheetData>
  <mergeCells count="58">
    <mergeCell ref="F1:G1"/>
    <mergeCell ref="A3:A5"/>
    <mergeCell ref="B3:AE3"/>
    <mergeCell ref="AF3:BI3"/>
    <mergeCell ref="AF5:AH5"/>
    <mergeCell ref="AI5:AN5"/>
    <mergeCell ref="AO5:AO6"/>
    <mergeCell ref="AP5:AR5"/>
    <mergeCell ref="AS5:AX5"/>
    <mergeCell ref="AY5:AY6"/>
    <mergeCell ref="B5:D5"/>
    <mergeCell ref="E5:J5"/>
    <mergeCell ref="K5:K6"/>
    <mergeCell ref="L5:N5"/>
    <mergeCell ref="O5:T5"/>
    <mergeCell ref="U5:U6"/>
    <mergeCell ref="BJ3:CM3"/>
    <mergeCell ref="DR3:EA4"/>
    <mergeCell ref="B4:K4"/>
    <mergeCell ref="L4:U4"/>
    <mergeCell ref="V4:AE4"/>
    <mergeCell ref="AF4:AO4"/>
    <mergeCell ref="AP4:AY4"/>
    <mergeCell ref="AZ4:BI4"/>
    <mergeCell ref="BJ4:BS4"/>
    <mergeCell ref="BT4:CC4"/>
    <mergeCell ref="CD4:CM4"/>
    <mergeCell ref="CN3:DQ3"/>
    <mergeCell ref="CN4:CW4"/>
    <mergeCell ref="CX4:DG4"/>
    <mergeCell ref="DH4:DQ4"/>
    <mergeCell ref="V5:X5"/>
    <mergeCell ref="Y5:AD5"/>
    <mergeCell ref="AE5:AE6"/>
    <mergeCell ref="BM5:BR5"/>
    <mergeCell ref="BS5:BS6"/>
    <mergeCell ref="BT5:BV5"/>
    <mergeCell ref="BW5:CB5"/>
    <mergeCell ref="AZ5:BB5"/>
    <mergeCell ref="BC5:BH5"/>
    <mergeCell ref="BI5:BI6"/>
    <mergeCell ref="BJ5:BL5"/>
    <mergeCell ref="DR5:DT5"/>
    <mergeCell ref="DU5:DZ5"/>
    <mergeCell ref="EA5:EA6"/>
    <mergeCell ref="CC5:CC6"/>
    <mergeCell ref="CD5:CF5"/>
    <mergeCell ref="CG5:CL5"/>
    <mergeCell ref="CM5:CM6"/>
    <mergeCell ref="CN5:CP5"/>
    <mergeCell ref="CQ5:CV5"/>
    <mergeCell ref="CW5:CW6"/>
    <mergeCell ref="CX5:CZ5"/>
    <mergeCell ref="DA5:DF5"/>
    <mergeCell ref="DG5:DG6"/>
    <mergeCell ref="DH5:DJ5"/>
    <mergeCell ref="DK5:DP5"/>
    <mergeCell ref="DQ5:DQ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1" max="1048575" man="1"/>
    <brk id="61" max="1048575" man="1"/>
    <brk id="121"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2" customWidth="1"/>
    <col min="2" max="4" width="7.88671875" style="41" customWidth="1"/>
    <col min="5" max="5" width="8.109375" style="41" customWidth="1"/>
    <col min="6" max="10" width="7.88671875" style="41" customWidth="1"/>
    <col min="11" max="12" width="8.77734375" style="41" customWidth="1"/>
    <col min="13" max="32" width="7.88671875" style="41" customWidth="1"/>
    <col min="33" max="33" width="9.109375" style="41" customWidth="1"/>
    <col min="34" max="34" width="8.44140625" style="41" customWidth="1"/>
    <col min="35" max="54" width="7.88671875" style="41" customWidth="1"/>
    <col min="55" max="55" width="9.109375" style="41" customWidth="1"/>
    <col min="56" max="56" width="8.44140625" style="41" customWidth="1"/>
    <col min="57" max="76" width="7.88671875" style="41" customWidth="1"/>
    <col min="77" max="77" width="9.109375" style="41" customWidth="1"/>
    <col min="78" max="78" width="8.44140625" style="41" customWidth="1"/>
    <col min="79" max="85" width="7.88671875" style="41" customWidth="1"/>
    <col min="86" max="101" width="9" style="41"/>
    <col min="102" max="147" width="9" style="42"/>
    <col min="148" max="148" width="7.77734375" style="42" customWidth="1"/>
    <col min="149" max="158" width="9" style="42"/>
    <col min="159" max="159" width="8.109375" style="42" customWidth="1"/>
    <col min="160" max="16384" width="9" style="42"/>
  </cols>
  <sheetData>
    <row r="1" spans="1:298" ht="17.25" customHeight="1" x14ac:dyDescent="0.2">
      <c r="A1" s="12" t="s">
        <v>121</v>
      </c>
      <c r="E1" s="483">
        <f>第１表!F2</f>
        <v>4</v>
      </c>
      <c r="F1" s="483"/>
      <c r="G1" s="163">
        <f>第１表!G2</f>
        <v>1</v>
      </c>
      <c r="H1" s="482">
        <f>G1</f>
        <v>1</v>
      </c>
      <c r="I1" s="482"/>
    </row>
    <row r="2" spans="1:298" ht="16.5" customHeight="1" thickBot="1" x14ac:dyDescent="0.25">
      <c r="A2" s="19" t="s">
        <v>130</v>
      </c>
    </row>
    <row r="3" spans="1:298" ht="22.5" customHeight="1" thickBot="1" x14ac:dyDescent="0.25">
      <c r="A3" s="469" t="s">
        <v>38</v>
      </c>
      <c r="B3" s="464" t="s">
        <v>96</v>
      </c>
      <c r="C3" s="464"/>
      <c r="D3" s="464"/>
      <c r="E3" s="464"/>
      <c r="F3" s="464"/>
      <c r="G3" s="464"/>
      <c r="H3" s="464"/>
      <c r="I3" s="464"/>
      <c r="J3" s="464"/>
      <c r="K3" s="464"/>
      <c r="L3" s="464"/>
      <c r="M3" s="464"/>
      <c r="N3" s="464"/>
      <c r="O3" s="464"/>
      <c r="P3" s="464"/>
      <c r="Q3" s="464"/>
      <c r="R3" s="464"/>
      <c r="S3" s="464"/>
      <c r="T3" s="464"/>
      <c r="U3" s="464"/>
      <c r="V3" s="464"/>
      <c r="W3" s="464"/>
      <c r="X3" s="464"/>
      <c r="Y3" s="464"/>
      <c r="Z3" s="464"/>
      <c r="AA3" s="464"/>
      <c r="AB3" s="464"/>
      <c r="AC3" s="464"/>
      <c r="AD3" s="464"/>
      <c r="AE3" s="464"/>
      <c r="AF3" s="464"/>
      <c r="AG3" s="464"/>
      <c r="AH3" s="464"/>
      <c r="AI3" s="464"/>
      <c r="AJ3" s="464"/>
      <c r="AK3" s="464"/>
      <c r="AL3" s="464"/>
      <c r="AM3" s="464"/>
      <c r="AN3" s="464"/>
      <c r="AO3" s="464"/>
      <c r="AP3" s="464"/>
      <c r="AQ3" s="464"/>
      <c r="AR3" s="464"/>
      <c r="AS3" s="464"/>
      <c r="AT3" s="464"/>
      <c r="AU3" s="464"/>
      <c r="AV3" s="464"/>
      <c r="AW3" s="464"/>
      <c r="AX3" s="464"/>
      <c r="AY3" s="464"/>
      <c r="AZ3" s="464"/>
      <c r="BA3" s="464"/>
      <c r="BB3" s="464"/>
      <c r="BC3" s="464"/>
      <c r="BD3" s="464"/>
      <c r="BE3" s="464"/>
      <c r="BF3" s="464"/>
      <c r="BG3" s="464"/>
      <c r="BH3" s="464"/>
      <c r="BI3" s="464"/>
      <c r="BJ3" s="464"/>
      <c r="BK3" s="464"/>
      <c r="BL3" s="464"/>
      <c r="BM3" s="464"/>
      <c r="BN3" s="464"/>
      <c r="BO3" s="464"/>
      <c r="BP3" s="464"/>
      <c r="BQ3" s="464"/>
      <c r="BR3" s="464"/>
      <c r="BS3" s="464"/>
      <c r="BT3" s="464"/>
      <c r="BU3" s="464"/>
      <c r="BV3" s="464"/>
      <c r="BW3" s="464"/>
      <c r="BX3" s="464"/>
      <c r="BY3" s="464"/>
      <c r="BZ3" s="464"/>
      <c r="CA3" s="464"/>
      <c r="CB3" s="464"/>
      <c r="CC3" s="464"/>
      <c r="CD3" s="464"/>
      <c r="CE3" s="464"/>
      <c r="CF3" s="464"/>
      <c r="CG3" s="464"/>
      <c r="CH3" s="464"/>
      <c r="CI3" s="464"/>
      <c r="CJ3" s="464"/>
      <c r="CK3" s="464"/>
      <c r="CL3" s="464"/>
      <c r="CM3" s="464"/>
      <c r="CN3" s="464"/>
      <c r="CO3" s="464"/>
      <c r="CP3" s="464"/>
      <c r="CQ3" s="464"/>
      <c r="CR3" s="464"/>
      <c r="CS3" s="464"/>
      <c r="CT3" s="464"/>
      <c r="CU3" s="464"/>
      <c r="CV3" s="465"/>
      <c r="CW3" s="464" t="s">
        <v>103</v>
      </c>
      <c r="CX3" s="464"/>
      <c r="CY3" s="464"/>
      <c r="CZ3" s="464"/>
      <c r="DA3" s="464"/>
      <c r="DB3" s="464"/>
      <c r="DC3" s="464"/>
      <c r="DD3" s="464"/>
      <c r="DE3" s="464"/>
      <c r="DF3" s="464"/>
      <c r="DG3" s="464"/>
      <c r="DH3" s="464"/>
      <c r="DI3" s="464"/>
      <c r="DJ3" s="464"/>
      <c r="DK3" s="464"/>
      <c r="DL3" s="464"/>
      <c r="DM3" s="464"/>
      <c r="DN3" s="464"/>
      <c r="DO3" s="464"/>
      <c r="DP3" s="464"/>
      <c r="DQ3" s="464"/>
      <c r="DR3" s="464"/>
      <c r="DS3" s="464"/>
      <c r="DT3" s="464"/>
      <c r="DU3" s="464"/>
      <c r="DV3" s="464"/>
      <c r="DW3" s="464"/>
      <c r="DX3" s="464"/>
      <c r="DY3" s="464"/>
      <c r="DZ3" s="464"/>
      <c r="EA3" s="464"/>
      <c r="EB3" s="464"/>
      <c r="EC3" s="464"/>
      <c r="ED3" s="464"/>
      <c r="EE3" s="464"/>
      <c r="EF3" s="464"/>
      <c r="EG3" s="464"/>
      <c r="EH3" s="464"/>
      <c r="EI3" s="464"/>
      <c r="EJ3" s="464"/>
      <c r="EK3" s="464"/>
      <c r="EL3" s="464"/>
      <c r="EM3" s="464"/>
      <c r="EN3" s="464"/>
      <c r="EO3" s="464"/>
      <c r="EP3" s="464"/>
      <c r="EQ3" s="464"/>
      <c r="ER3" s="464"/>
      <c r="ES3" s="464"/>
      <c r="ET3" s="464"/>
      <c r="EU3" s="464"/>
      <c r="EV3" s="464"/>
      <c r="EW3" s="464"/>
      <c r="EX3" s="464"/>
      <c r="EY3" s="464"/>
      <c r="EZ3" s="464"/>
      <c r="FA3" s="464"/>
      <c r="FB3" s="464"/>
      <c r="FC3" s="464"/>
      <c r="FD3" s="464"/>
      <c r="FE3" s="464"/>
      <c r="FF3" s="464"/>
      <c r="FG3" s="464"/>
      <c r="FH3" s="464"/>
      <c r="FI3" s="464"/>
      <c r="FJ3" s="464"/>
      <c r="FK3" s="464"/>
      <c r="FL3" s="464"/>
      <c r="FM3" s="464"/>
      <c r="FN3" s="464"/>
      <c r="FO3" s="464"/>
      <c r="FP3" s="464"/>
      <c r="FQ3" s="464"/>
      <c r="FR3" s="464"/>
      <c r="FS3" s="464"/>
      <c r="FT3" s="464"/>
      <c r="FU3" s="464"/>
      <c r="FV3" s="464"/>
      <c r="FW3" s="464"/>
      <c r="FX3" s="464"/>
      <c r="FY3" s="464"/>
      <c r="FZ3" s="464"/>
      <c r="GA3" s="464"/>
      <c r="GB3" s="464"/>
      <c r="GC3" s="464"/>
      <c r="GD3" s="464"/>
      <c r="GE3" s="464"/>
      <c r="GF3" s="464"/>
      <c r="GG3" s="464"/>
      <c r="GH3" s="464"/>
      <c r="GI3" s="464"/>
      <c r="GJ3" s="464"/>
      <c r="GK3" s="464"/>
      <c r="GL3" s="464"/>
      <c r="GM3" s="464"/>
      <c r="GN3" s="464"/>
      <c r="GO3" s="464"/>
      <c r="GP3" s="464"/>
      <c r="GQ3" s="465"/>
      <c r="GR3" s="464" t="s">
        <v>104</v>
      </c>
      <c r="GS3" s="464"/>
      <c r="GT3" s="464"/>
      <c r="GU3" s="464"/>
      <c r="GV3" s="464"/>
      <c r="GW3" s="464"/>
      <c r="GX3" s="464"/>
      <c r="GY3" s="464"/>
      <c r="GZ3" s="464"/>
      <c r="HA3" s="464"/>
      <c r="HB3" s="464"/>
      <c r="HC3" s="464"/>
      <c r="HD3" s="464"/>
      <c r="HE3" s="464"/>
      <c r="HF3" s="464"/>
      <c r="HG3" s="464"/>
      <c r="HH3" s="464"/>
      <c r="HI3" s="464"/>
      <c r="HJ3" s="464"/>
      <c r="HK3" s="464"/>
      <c r="HL3" s="464"/>
      <c r="HM3" s="464"/>
      <c r="HN3" s="464"/>
      <c r="HO3" s="464"/>
      <c r="HP3" s="464"/>
      <c r="HQ3" s="464"/>
      <c r="HR3" s="464"/>
      <c r="HS3" s="464"/>
      <c r="HT3" s="464"/>
      <c r="HU3" s="464"/>
      <c r="HV3" s="464"/>
      <c r="HW3" s="464"/>
      <c r="HX3" s="464"/>
      <c r="HY3" s="464"/>
      <c r="HZ3" s="464"/>
      <c r="IA3" s="464"/>
      <c r="IB3" s="464"/>
      <c r="IC3" s="464"/>
      <c r="ID3" s="464"/>
      <c r="IE3" s="464"/>
      <c r="IF3" s="464"/>
      <c r="IG3" s="464"/>
      <c r="IH3" s="464"/>
      <c r="II3" s="464"/>
      <c r="IJ3" s="464"/>
      <c r="IK3" s="464"/>
      <c r="IL3" s="464"/>
      <c r="IM3" s="464"/>
      <c r="IN3" s="464"/>
      <c r="IO3" s="464"/>
      <c r="IP3" s="464"/>
      <c r="IQ3" s="464"/>
      <c r="IR3" s="464"/>
      <c r="IS3" s="464"/>
      <c r="IT3" s="464"/>
      <c r="IU3" s="464"/>
      <c r="IV3" s="464"/>
      <c r="IW3" s="464"/>
      <c r="IX3" s="464"/>
      <c r="IY3" s="464"/>
      <c r="IZ3" s="464"/>
      <c r="JA3" s="464"/>
      <c r="JB3" s="464"/>
      <c r="JC3" s="464"/>
      <c r="JD3" s="464"/>
      <c r="JE3" s="464"/>
      <c r="JF3" s="464"/>
      <c r="JG3" s="464"/>
      <c r="JH3" s="464"/>
      <c r="JI3" s="464"/>
      <c r="JJ3" s="464"/>
      <c r="JK3" s="464"/>
      <c r="JL3" s="464"/>
      <c r="JM3" s="464"/>
      <c r="JN3" s="464"/>
      <c r="JO3" s="464"/>
      <c r="JP3" s="464"/>
      <c r="JQ3" s="464"/>
      <c r="JR3" s="464"/>
      <c r="JS3" s="464"/>
      <c r="JT3" s="464"/>
      <c r="JU3" s="464"/>
      <c r="JV3" s="464"/>
      <c r="JW3" s="464"/>
      <c r="JX3" s="464"/>
      <c r="JY3" s="464"/>
      <c r="JZ3" s="464"/>
      <c r="KA3" s="464"/>
      <c r="KB3" s="464"/>
      <c r="KC3" s="464"/>
      <c r="KD3" s="464"/>
      <c r="KE3" s="464"/>
      <c r="KF3" s="464"/>
      <c r="KG3" s="464"/>
      <c r="KH3" s="464"/>
      <c r="KI3" s="464"/>
      <c r="KJ3" s="464"/>
      <c r="KK3" s="464"/>
      <c r="KL3" s="465"/>
    </row>
    <row r="4" spans="1:298" ht="27.75" customHeight="1" thickBot="1" x14ac:dyDescent="0.25">
      <c r="A4" s="481"/>
      <c r="B4" s="466" t="s">
        <v>39</v>
      </c>
      <c r="C4" s="467"/>
      <c r="D4" s="467"/>
      <c r="E4" s="467"/>
      <c r="F4" s="467"/>
      <c r="G4" s="467"/>
      <c r="H4" s="467"/>
      <c r="I4" s="467"/>
      <c r="J4" s="467"/>
      <c r="K4" s="467"/>
      <c r="L4" s="467"/>
      <c r="M4" s="467"/>
      <c r="N4" s="467"/>
      <c r="O4" s="467"/>
      <c r="P4" s="467"/>
      <c r="Q4" s="467"/>
      <c r="R4" s="467"/>
      <c r="S4" s="467"/>
      <c r="T4" s="467"/>
      <c r="U4" s="467"/>
      <c r="V4" s="467"/>
      <c r="W4" s="467"/>
      <c r="X4" s="467"/>
      <c r="Y4" s="467"/>
      <c r="Z4" s="467"/>
      <c r="AA4" s="467"/>
      <c r="AB4" s="467"/>
      <c r="AC4" s="467"/>
      <c r="AD4" s="467"/>
      <c r="AE4" s="467"/>
      <c r="AF4" s="467"/>
      <c r="AG4" s="467"/>
      <c r="AH4" s="467"/>
      <c r="AI4" s="467"/>
      <c r="AJ4" s="467"/>
      <c r="AK4" s="467"/>
      <c r="AL4" s="467"/>
      <c r="AM4" s="467"/>
      <c r="AN4" s="467"/>
      <c r="AO4" s="467"/>
      <c r="AP4" s="467"/>
      <c r="AQ4" s="467"/>
      <c r="AR4" s="467"/>
      <c r="AS4" s="467"/>
      <c r="AT4" s="467"/>
      <c r="AU4" s="467"/>
      <c r="AV4" s="467"/>
      <c r="AW4" s="467"/>
      <c r="AX4" s="467"/>
      <c r="AY4" s="467"/>
      <c r="AZ4" s="467"/>
      <c r="BA4" s="467"/>
      <c r="BB4" s="467"/>
      <c r="BC4" s="467"/>
      <c r="BD4" s="467"/>
      <c r="BE4" s="467"/>
      <c r="BF4" s="467"/>
      <c r="BG4" s="467"/>
      <c r="BH4" s="467"/>
      <c r="BI4" s="467"/>
      <c r="BJ4" s="467"/>
      <c r="BK4" s="467"/>
      <c r="BL4" s="467"/>
      <c r="BM4" s="467"/>
      <c r="BN4" s="467"/>
      <c r="BO4" s="467"/>
      <c r="BP4" s="467"/>
      <c r="BQ4" s="467"/>
      <c r="BR4" s="467"/>
      <c r="BS4" s="467"/>
      <c r="BT4" s="467"/>
      <c r="BU4" s="467"/>
      <c r="BV4" s="467"/>
      <c r="BW4" s="467"/>
      <c r="BX4" s="467"/>
      <c r="BY4" s="467"/>
      <c r="BZ4" s="468"/>
      <c r="CA4" s="469" t="s">
        <v>40</v>
      </c>
      <c r="CB4" s="470"/>
      <c r="CC4" s="470"/>
      <c r="CD4" s="470"/>
      <c r="CE4" s="470"/>
      <c r="CF4" s="470"/>
      <c r="CG4" s="470"/>
      <c r="CH4" s="470"/>
      <c r="CI4" s="470"/>
      <c r="CJ4" s="470"/>
      <c r="CK4" s="471"/>
      <c r="CL4" s="469" t="s">
        <v>41</v>
      </c>
      <c r="CM4" s="470"/>
      <c r="CN4" s="470"/>
      <c r="CO4" s="470"/>
      <c r="CP4" s="470"/>
      <c r="CQ4" s="470"/>
      <c r="CR4" s="470"/>
      <c r="CS4" s="470"/>
      <c r="CT4" s="470"/>
      <c r="CU4" s="470"/>
      <c r="CV4" s="471"/>
      <c r="CW4" s="466" t="s">
        <v>39</v>
      </c>
      <c r="CX4" s="467"/>
      <c r="CY4" s="467"/>
      <c r="CZ4" s="467"/>
      <c r="DA4" s="467"/>
      <c r="DB4" s="467"/>
      <c r="DC4" s="467"/>
      <c r="DD4" s="467"/>
      <c r="DE4" s="467"/>
      <c r="DF4" s="467"/>
      <c r="DG4" s="467"/>
      <c r="DH4" s="467"/>
      <c r="DI4" s="467"/>
      <c r="DJ4" s="467"/>
      <c r="DK4" s="467"/>
      <c r="DL4" s="467"/>
      <c r="DM4" s="467"/>
      <c r="DN4" s="467"/>
      <c r="DO4" s="467"/>
      <c r="DP4" s="467"/>
      <c r="DQ4" s="467"/>
      <c r="DR4" s="467"/>
      <c r="DS4" s="467"/>
      <c r="DT4" s="467"/>
      <c r="DU4" s="467"/>
      <c r="DV4" s="467"/>
      <c r="DW4" s="467"/>
      <c r="DX4" s="467"/>
      <c r="DY4" s="467"/>
      <c r="DZ4" s="467"/>
      <c r="EA4" s="467"/>
      <c r="EB4" s="467"/>
      <c r="EC4" s="467"/>
      <c r="ED4" s="467"/>
      <c r="EE4" s="467"/>
      <c r="EF4" s="467"/>
      <c r="EG4" s="467"/>
      <c r="EH4" s="467"/>
      <c r="EI4" s="467"/>
      <c r="EJ4" s="467"/>
      <c r="EK4" s="467"/>
      <c r="EL4" s="467"/>
      <c r="EM4" s="467"/>
      <c r="EN4" s="467"/>
      <c r="EO4" s="467"/>
      <c r="EP4" s="467"/>
      <c r="EQ4" s="467"/>
      <c r="ER4" s="467"/>
      <c r="ES4" s="467"/>
      <c r="ET4" s="467"/>
      <c r="EU4" s="467"/>
      <c r="EV4" s="467"/>
      <c r="EW4" s="467"/>
      <c r="EX4" s="467"/>
      <c r="EY4" s="467"/>
      <c r="EZ4" s="467"/>
      <c r="FA4" s="467"/>
      <c r="FB4" s="467"/>
      <c r="FC4" s="467"/>
      <c r="FD4" s="467"/>
      <c r="FE4" s="467"/>
      <c r="FF4" s="467"/>
      <c r="FG4" s="467"/>
      <c r="FH4" s="467"/>
      <c r="FI4" s="467"/>
      <c r="FJ4" s="467"/>
      <c r="FK4" s="467"/>
      <c r="FL4" s="467"/>
      <c r="FM4" s="467"/>
      <c r="FN4" s="467"/>
      <c r="FO4" s="467"/>
      <c r="FP4" s="467"/>
      <c r="FQ4" s="467"/>
      <c r="FR4" s="467"/>
      <c r="FS4" s="467"/>
      <c r="FT4" s="467"/>
      <c r="FU4" s="468"/>
      <c r="FV4" s="469" t="s">
        <v>40</v>
      </c>
      <c r="FW4" s="470"/>
      <c r="FX4" s="470"/>
      <c r="FY4" s="470"/>
      <c r="FZ4" s="470"/>
      <c r="GA4" s="470"/>
      <c r="GB4" s="470"/>
      <c r="GC4" s="470"/>
      <c r="GD4" s="470"/>
      <c r="GE4" s="470"/>
      <c r="GF4" s="471"/>
      <c r="GG4" s="469" t="s">
        <v>41</v>
      </c>
      <c r="GH4" s="470"/>
      <c r="GI4" s="470"/>
      <c r="GJ4" s="470"/>
      <c r="GK4" s="470"/>
      <c r="GL4" s="470"/>
      <c r="GM4" s="470"/>
      <c r="GN4" s="470"/>
      <c r="GO4" s="470"/>
      <c r="GP4" s="470"/>
      <c r="GQ4" s="471"/>
      <c r="GR4" s="466" t="s">
        <v>39</v>
      </c>
      <c r="GS4" s="467"/>
      <c r="GT4" s="467"/>
      <c r="GU4" s="467"/>
      <c r="GV4" s="467"/>
      <c r="GW4" s="467"/>
      <c r="GX4" s="467"/>
      <c r="GY4" s="467"/>
      <c r="GZ4" s="467"/>
      <c r="HA4" s="467"/>
      <c r="HB4" s="467"/>
      <c r="HC4" s="467"/>
      <c r="HD4" s="467"/>
      <c r="HE4" s="467"/>
      <c r="HF4" s="467"/>
      <c r="HG4" s="467"/>
      <c r="HH4" s="467"/>
      <c r="HI4" s="467"/>
      <c r="HJ4" s="467"/>
      <c r="HK4" s="467"/>
      <c r="HL4" s="467"/>
      <c r="HM4" s="467"/>
      <c r="HN4" s="467"/>
      <c r="HO4" s="467"/>
      <c r="HP4" s="467"/>
      <c r="HQ4" s="467"/>
      <c r="HR4" s="467"/>
      <c r="HS4" s="467"/>
      <c r="HT4" s="467"/>
      <c r="HU4" s="467"/>
      <c r="HV4" s="467"/>
      <c r="HW4" s="467"/>
      <c r="HX4" s="467"/>
      <c r="HY4" s="467"/>
      <c r="HZ4" s="467"/>
      <c r="IA4" s="467"/>
      <c r="IB4" s="467"/>
      <c r="IC4" s="467"/>
      <c r="ID4" s="467"/>
      <c r="IE4" s="467"/>
      <c r="IF4" s="467"/>
      <c r="IG4" s="467"/>
      <c r="IH4" s="467"/>
      <c r="II4" s="467"/>
      <c r="IJ4" s="467"/>
      <c r="IK4" s="467"/>
      <c r="IL4" s="467"/>
      <c r="IM4" s="467"/>
      <c r="IN4" s="467"/>
      <c r="IO4" s="467"/>
      <c r="IP4" s="467"/>
      <c r="IQ4" s="467"/>
      <c r="IR4" s="467"/>
      <c r="IS4" s="467"/>
      <c r="IT4" s="467"/>
      <c r="IU4" s="467"/>
      <c r="IV4" s="467"/>
      <c r="IW4" s="467"/>
      <c r="IX4" s="467"/>
      <c r="IY4" s="467"/>
      <c r="IZ4" s="467"/>
      <c r="JA4" s="467"/>
      <c r="JB4" s="467"/>
      <c r="JC4" s="467"/>
      <c r="JD4" s="467"/>
      <c r="JE4" s="467"/>
      <c r="JF4" s="467"/>
      <c r="JG4" s="467"/>
      <c r="JH4" s="467"/>
      <c r="JI4" s="467"/>
      <c r="JJ4" s="467"/>
      <c r="JK4" s="467"/>
      <c r="JL4" s="467"/>
      <c r="JM4" s="467"/>
      <c r="JN4" s="467"/>
      <c r="JO4" s="467"/>
      <c r="JP4" s="468"/>
      <c r="JQ4" s="469" t="s">
        <v>40</v>
      </c>
      <c r="JR4" s="470"/>
      <c r="JS4" s="470"/>
      <c r="JT4" s="470"/>
      <c r="JU4" s="470"/>
      <c r="JV4" s="470"/>
      <c r="JW4" s="470"/>
      <c r="JX4" s="470"/>
      <c r="JY4" s="470"/>
      <c r="JZ4" s="470"/>
      <c r="KA4" s="471"/>
      <c r="KB4" s="469" t="s">
        <v>41</v>
      </c>
      <c r="KC4" s="470"/>
      <c r="KD4" s="470"/>
      <c r="KE4" s="470"/>
      <c r="KF4" s="470"/>
      <c r="KG4" s="470"/>
      <c r="KH4" s="470"/>
      <c r="KI4" s="470"/>
      <c r="KJ4" s="470"/>
      <c r="KK4" s="470"/>
      <c r="KL4" s="471"/>
    </row>
    <row r="5" spans="1:298" ht="27.75" customHeight="1" thickBot="1" x14ac:dyDescent="0.25">
      <c r="A5" s="475"/>
      <c r="B5" s="475"/>
      <c r="C5" s="476"/>
      <c r="D5" s="476"/>
      <c r="E5" s="476"/>
      <c r="F5" s="476"/>
      <c r="G5" s="476"/>
      <c r="H5" s="476"/>
      <c r="I5" s="476"/>
      <c r="J5" s="476"/>
      <c r="K5" s="476"/>
      <c r="L5" s="477"/>
      <c r="M5" s="478" t="s">
        <v>97</v>
      </c>
      <c r="N5" s="479"/>
      <c r="O5" s="479"/>
      <c r="P5" s="479"/>
      <c r="Q5" s="479"/>
      <c r="R5" s="479"/>
      <c r="S5" s="479"/>
      <c r="T5" s="479"/>
      <c r="U5" s="479"/>
      <c r="V5" s="479"/>
      <c r="W5" s="480"/>
      <c r="X5" s="478" t="s">
        <v>98</v>
      </c>
      <c r="Y5" s="479"/>
      <c r="Z5" s="479"/>
      <c r="AA5" s="479"/>
      <c r="AB5" s="479"/>
      <c r="AC5" s="479"/>
      <c r="AD5" s="479"/>
      <c r="AE5" s="479"/>
      <c r="AF5" s="479"/>
      <c r="AG5" s="479"/>
      <c r="AH5" s="480"/>
      <c r="AI5" s="478" t="s">
        <v>99</v>
      </c>
      <c r="AJ5" s="479"/>
      <c r="AK5" s="479"/>
      <c r="AL5" s="479"/>
      <c r="AM5" s="479"/>
      <c r="AN5" s="479"/>
      <c r="AO5" s="479"/>
      <c r="AP5" s="479"/>
      <c r="AQ5" s="479"/>
      <c r="AR5" s="479"/>
      <c r="AS5" s="480"/>
      <c r="AT5" s="478" t="s">
        <v>100</v>
      </c>
      <c r="AU5" s="479"/>
      <c r="AV5" s="479"/>
      <c r="AW5" s="479"/>
      <c r="AX5" s="479"/>
      <c r="AY5" s="479"/>
      <c r="AZ5" s="479"/>
      <c r="BA5" s="479"/>
      <c r="BB5" s="479"/>
      <c r="BC5" s="479"/>
      <c r="BD5" s="480"/>
      <c r="BE5" s="478" t="s">
        <v>101</v>
      </c>
      <c r="BF5" s="479"/>
      <c r="BG5" s="479"/>
      <c r="BH5" s="479"/>
      <c r="BI5" s="479"/>
      <c r="BJ5" s="479"/>
      <c r="BK5" s="479"/>
      <c r="BL5" s="479"/>
      <c r="BM5" s="479"/>
      <c r="BN5" s="479"/>
      <c r="BO5" s="480"/>
      <c r="BP5" s="478" t="s">
        <v>102</v>
      </c>
      <c r="BQ5" s="479"/>
      <c r="BR5" s="479"/>
      <c r="BS5" s="479"/>
      <c r="BT5" s="479"/>
      <c r="BU5" s="479"/>
      <c r="BV5" s="479"/>
      <c r="BW5" s="479"/>
      <c r="BX5" s="479"/>
      <c r="BY5" s="479"/>
      <c r="BZ5" s="480"/>
      <c r="CA5" s="472"/>
      <c r="CB5" s="473"/>
      <c r="CC5" s="473"/>
      <c r="CD5" s="473"/>
      <c r="CE5" s="473"/>
      <c r="CF5" s="473"/>
      <c r="CG5" s="473"/>
      <c r="CH5" s="473"/>
      <c r="CI5" s="473"/>
      <c r="CJ5" s="473"/>
      <c r="CK5" s="474"/>
      <c r="CL5" s="472"/>
      <c r="CM5" s="473"/>
      <c r="CN5" s="473"/>
      <c r="CO5" s="473"/>
      <c r="CP5" s="473"/>
      <c r="CQ5" s="473"/>
      <c r="CR5" s="473"/>
      <c r="CS5" s="473"/>
      <c r="CT5" s="473"/>
      <c r="CU5" s="473"/>
      <c r="CV5" s="474"/>
      <c r="CW5" s="475"/>
      <c r="CX5" s="476"/>
      <c r="CY5" s="476"/>
      <c r="CZ5" s="476"/>
      <c r="DA5" s="476"/>
      <c r="DB5" s="476"/>
      <c r="DC5" s="476"/>
      <c r="DD5" s="476"/>
      <c r="DE5" s="476"/>
      <c r="DF5" s="476"/>
      <c r="DG5" s="477"/>
      <c r="DH5" s="478" t="s">
        <v>97</v>
      </c>
      <c r="DI5" s="479"/>
      <c r="DJ5" s="479"/>
      <c r="DK5" s="479"/>
      <c r="DL5" s="479"/>
      <c r="DM5" s="479"/>
      <c r="DN5" s="479"/>
      <c r="DO5" s="479"/>
      <c r="DP5" s="479"/>
      <c r="DQ5" s="479"/>
      <c r="DR5" s="480"/>
      <c r="DS5" s="478" t="s">
        <v>98</v>
      </c>
      <c r="DT5" s="479"/>
      <c r="DU5" s="479"/>
      <c r="DV5" s="479"/>
      <c r="DW5" s="479"/>
      <c r="DX5" s="479"/>
      <c r="DY5" s="479"/>
      <c r="DZ5" s="479"/>
      <c r="EA5" s="479"/>
      <c r="EB5" s="479"/>
      <c r="EC5" s="480"/>
      <c r="ED5" s="478" t="s">
        <v>99</v>
      </c>
      <c r="EE5" s="479"/>
      <c r="EF5" s="479"/>
      <c r="EG5" s="479"/>
      <c r="EH5" s="479"/>
      <c r="EI5" s="479"/>
      <c r="EJ5" s="479"/>
      <c r="EK5" s="479"/>
      <c r="EL5" s="479"/>
      <c r="EM5" s="479"/>
      <c r="EN5" s="480"/>
      <c r="EO5" s="478" t="s">
        <v>100</v>
      </c>
      <c r="EP5" s="479"/>
      <c r="EQ5" s="479"/>
      <c r="ER5" s="479"/>
      <c r="ES5" s="479"/>
      <c r="ET5" s="479"/>
      <c r="EU5" s="479"/>
      <c r="EV5" s="479"/>
      <c r="EW5" s="479"/>
      <c r="EX5" s="479"/>
      <c r="EY5" s="480"/>
      <c r="EZ5" s="478" t="s">
        <v>101</v>
      </c>
      <c r="FA5" s="479"/>
      <c r="FB5" s="479"/>
      <c r="FC5" s="479"/>
      <c r="FD5" s="479"/>
      <c r="FE5" s="479"/>
      <c r="FF5" s="479"/>
      <c r="FG5" s="479"/>
      <c r="FH5" s="479"/>
      <c r="FI5" s="479"/>
      <c r="FJ5" s="480"/>
      <c r="FK5" s="478" t="s">
        <v>102</v>
      </c>
      <c r="FL5" s="479"/>
      <c r="FM5" s="479"/>
      <c r="FN5" s="479"/>
      <c r="FO5" s="479"/>
      <c r="FP5" s="479"/>
      <c r="FQ5" s="479"/>
      <c r="FR5" s="479"/>
      <c r="FS5" s="479"/>
      <c r="FT5" s="479"/>
      <c r="FU5" s="480"/>
      <c r="FV5" s="472"/>
      <c r="FW5" s="473"/>
      <c r="FX5" s="473"/>
      <c r="FY5" s="473"/>
      <c r="FZ5" s="473"/>
      <c r="GA5" s="473"/>
      <c r="GB5" s="473"/>
      <c r="GC5" s="473"/>
      <c r="GD5" s="473"/>
      <c r="GE5" s="473"/>
      <c r="GF5" s="474"/>
      <c r="GG5" s="472"/>
      <c r="GH5" s="473"/>
      <c r="GI5" s="473"/>
      <c r="GJ5" s="473"/>
      <c r="GK5" s="473"/>
      <c r="GL5" s="473"/>
      <c r="GM5" s="473"/>
      <c r="GN5" s="473"/>
      <c r="GO5" s="473"/>
      <c r="GP5" s="473"/>
      <c r="GQ5" s="474"/>
      <c r="GR5" s="475"/>
      <c r="GS5" s="476"/>
      <c r="GT5" s="476"/>
      <c r="GU5" s="476"/>
      <c r="GV5" s="476"/>
      <c r="GW5" s="476"/>
      <c r="GX5" s="476"/>
      <c r="GY5" s="476"/>
      <c r="GZ5" s="476"/>
      <c r="HA5" s="476"/>
      <c r="HB5" s="477"/>
      <c r="HC5" s="478" t="s">
        <v>97</v>
      </c>
      <c r="HD5" s="479"/>
      <c r="HE5" s="479"/>
      <c r="HF5" s="479"/>
      <c r="HG5" s="479"/>
      <c r="HH5" s="479"/>
      <c r="HI5" s="479"/>
      <c r="HJ5" s="479"/>
      <c r="HK5" s="479"/>
      <c r="HL5" s="479"/>
      <c r="HM5" s="480"/>
      <c r="HN5" s="478" t="s">
        <v>98</v>
      </c>
      <c r="HO5" s="479"/>
      <c r="HP5" s="479"/>
      <c r="HQ5" s="479"/>
      <c r="HR5" s="479"/>
      <c r="HS5" s="479"/>
      <c r="HT5" s="479"/>
      <c r="HU5" s="479"/>
      <c r="HV5" s="479"/>
      <c r="HW5" s="479"/>
      <c r="HX5" s="480"/>
      <c r="HY5" s="478" t="s">
        <v>99</v>
      </c>
      <c r="HZ5" s="479"/>
      <c r="IA5" s="479"/>
      <c r="IB5" s="479"/>
      <c r="IC5" s="479"/>
      <c r="ID5" s="479"/>
      <c r="IE5" s="479"/>
      <c r="IF5" s="479"/>
      <c r="IG5" s="479"/>
      <c r="IH5" s="479"/>
      <c r="II5" s="480"/>
      <c r="IJ5" s="478" t="s">
        <v>100</v>
      </c>
      <c r="IK5" s="479"/>
      <c r="IL5" s="479"/>
      <c r="IM5" s="479"/>
      <c r="IN5" s="479"/>
      <c r="IO5" s="479"/>
      <c r="IP5" s="479"/>
      <c r="IQ5" s="479"/>
      <c r="IR5" s="479"/>
      <c r="IS5" s="479"/>
      <c r="IT5" s="480"/>
      <c r="IU5" s="478" t="s">
        <v>101</v>
      </c>
      <c r="IV5" s="479"/>
      <c r="IW5" s="479"/>
      <c r="IX5" s="479"/>
      <c r="IY5" s="479"/>
      <c r="IZ5" s="479"/>
      <c r="JA5" s="479"/>
      <c r="JB5" s="479"/>
      <c r="JC5" s="479"/>
      <c r="JD5" s="479"/>
      <c r="JE5" s="480"/>
      <c r="JF5" s="478" t="s">
        <v>102</v>
      </c>
      <c r="JG5" s="479"/>
      <c r="JH5" s="479"/>
      <c r="JI5" s="479"/>
      <c r="JJ5" s="479"/>
      <c r="JK5" s="479"/>
      <c r="JL5" s="479"/>
      <c r="JM5" s="479"/>
      <c r="JN5" s="479"/>
      <c r="JO5" s="479"/>
      <c r="JP5" s="480"/>
      <c r="JQ5" s="472"/>
      <c r="JR5" s="473"/>
      <c r="JS5" s="473"/>
      <c r="JT5" s="473"/>
      <c r="JU5" s="473"/>
      <c r="JV5" s="473"/>
      <c r="JW5" s="473"/>
      <c r="JX5" s="473"/>
      <c r="JY5" s="473"/>
      <c r="JZ5" s="473"/>
      <c r="KA5" s="474"/>
      <c r="KB5" s="472"/>
      <c r="KC5" s="473"/>
      <c r="KD5" s="473"/>
      <c r="KE5" s="473"/>
      <c r="KF5" s="473"/>
      <c r="KG5" s="473"/>
      <c r="KH5" s="473"/>
      <c r="KI5" s="473"/>
      <c r="KJ5" s="473"/>
      <c r="KK5" s="473"/>
      <c r="KL5" s="474"/>
    </row>
    <row r="6" spans="1:298" ht="44.25" customHeight="1" thickBot="1" x14ac:dyDescent="0.25">
      <c r="A6" s="217" t="s">
        <v>42</v>
      </c>
      <c r="B6" s="49" t="s">
        <v>43</v>
      </c>
      <c r="C6" s="45" t="s">
        <v>44</v>
      </c>
      <c r="D6" s="46" t="s">
        <v>45</v>
      </c>
      <c r="E6" s="50" t="s">
        <v>46</v>
      </c>
      <c r="F6" s="45" t="s">
        <v>47</v>
      </c>
      <c r="G6" s="45" t="s">
        <v>48</v>
      </c>
      <c r="H6" s="45" t="s">
        <v>49</v>
      </c>
      <c r="I6" s="45" t="s">
        <v>50</v>
      </c>
      <c r="J6" s="45" t="s">
        <v>51</v>
      </c>
      <c r="K6" s="46" t="s">
        <v>45</v>
      </c>
      <c r="L6" s="51" t="s">
        <v>52</v>
      </c>
      <c r="M6" s="240" t="s">
        <v>43</v>
      </c>
      <c r="N6" s="241" t="s">
        <v>44</v>
      </c>
      <c r="O6" s="242" t="s">
        <v>45</v>
      </c>
      <c r="P6" s="243" t="s">
        <v>46</v>
      </c>
      <c r="Q6" s="241" t="s">
        <v>47</v>
      </c>
      <c r="R6" s="241" t="s">
        <v>48</v>
      </c>
      <c r="S6" s="241" t="s">
        <v>49</v>
      </c>
      <c r="T6" s="241" t="s">
        <v>50</v>
      </c>
      <c r="U6" s="241" t="s">
        <v>51</v>
      </c>
      <c r="V6" s="242" t="s">
        <v>45</v>
      </c>
      <c r="W6" s="239" t="s">
        <v>52</v>
      </c>
      <c r="X6" s="240" t="s">
        <v>43</v>
      </c>
      <c r="Y6" s="241" t="s">
        <v>44</v>
      </c>
      <c r="Z6" s="242" t="s">
        <v>45</v>
      </c>
      <c r="AA6" s="243" t="s">
        <v>46</v>
      </c>
      <c r="AB6" s="241" t="s">
        <v>47</v>
      </c>
      <c r="AC6" s="241" t="s">
        <v>48</v>
      </c>
      <c r="AD6" s="241" t="s">
        <v>49</v>
      </c>
      <c r="AE6" s="241" t="s">
        <v>50</v>
      </c>
      <c r="AF6" s="241" t="s">
        <v>51</v>
      </c>
      <c r="AG6" s="242" t="s">
        <v>45</v>
      </c>
      <c r="AH6" s="244" t="s">
        <v>52</v>
      </c>
      <c r="AI6" s="240" t="s">
        <v>43</v>
      </c>
      <c r="AJ6" s="241" t="s">
        <v>44</v>
      </c>
      <c r="AK6" s="242" t="s">
        <v>45</v>
      </c>
      <c r="AL6" s="243" t="s">
        <v>46</v>
      </c>
      <c r="AM6" s="241" t="s">
        <v>47</v>
      </c>
      <c r="AN6" s="241" t="s">
        <v>48</v>
      </c>
      <c r="AO6" s="241" t="s">
        <v>49</v>
      </c>
      <c r="AP6" s="241" t="s">
        <v>50</v>
      </c>
      <c r="AQ6" s="241" t="s">
        <v>51</v>
      </c>
      <c r="AR6" s="242" t="s">
        <v>45</v>
      </c>
      <c r="AS6" s="244" t="s">
        <v>52</v>
      </c>
      <c r="AT6" s="240" t="s">
        <v>43</v>
      </c>
      <c r="AU6" s="241" t="s">
        <v>44</v>
      </c>
      <c r="AV6" s="242" t="s">
        <v>45</v>
      </c>
      <c r="AW6" s="243" t="s">
        <v>46</v>
      </c>
      <c r="AX6" s="241" t="s">
        <v>47</v>
      </c>
      <c r="AY6" s="241" t="s">
        <v>48</v>
      </c>
      <c r="AZ6" s="241" t="s">
        <v>49</v>
      </c>
      <c r="BA6" s="241" t="s">
        <v>50</v>
      </c>
      <c r="BB6" s="241" t="s">
        <v>51</v>
      </c>
      <c r="BC6" s="242" t="s">
        <v>45</v>
      </c>
      <c r="BD6" s="244" t="s">
        <v>52</v>
      </c>
      <c r="BE6" s="240" t="s">
        <v>43</v>
      </c>
      <c r="BF6" s="241" t="s">
        <v>44</v>
      </c>
      <c r="BG6" s="242" t="s">
        <v>45</v>
      </c>
      <c r="BH6" s="243" t="s">
        <v>46</v>
      </c>
      <c r="BI6" s="241" t="s">
        <v>47</v>
      </c>
      <c r="BJ6" s="241" t="s">
        <v>48</v>
      </c>
      <c r="BK6" s="241" t="s">
        <v>49</v>
      </c>
      <c r="BL6" s="241" t="s">
        <v>50</v>
      </c>
      <c r="BM6" s="241" t="s">
        <v>51</v>
      </c>
      <c r="BN6" s="242" t="s">
        <v>45</v>
      </c>
      <c r="BO6" s="244" t="s">
        <v>52</v>
      </c>
      <c r="BP6" s="240" t="s">
        <v>43</v>
      </c>
      <c r="BQ6" s="241" t="s">
        <v>44</v>
      </c>
      <c r="BR6" s="242" t="s">
        <v>45</v>
      </c>
      <c r="BS6" s="243" t="s">
        <v>46</v>
      </c>
      <c r="BT6" s="241" t="s">
        <v>47</v>
      </c>
      <c r="BU6" s="241" t="s">
        <v>48</v>
      </c>
      <c r="BV6" s="241" t="s">
        <v>49</v>
      </c>
      <c r="BW6" s="241" t="s">
        <v>50</v>
      </c>
      <c r="BX6" s="241" t="s">
        <v>51</v>
      </c>
      <c r="BY6" s="242" t="s">
        <v>45</v>
      </c>
      <c r="BZ6" s="244" t="s">
        <v>52</v>
      </c>
      <c r="CA6" s="240" t="s">
        <v>43</v>
      </c>
      <c r="CB6" s="241" t="s">
        <v>44</v>
      </c>
      <c r="CC6" s="242" t="s">
        <v>45</v>
      </c>
      <c r="CD6" s="243" t="s">
        <v>46</v>
      </c>
      <c r="CE6" s="241" t="s">
        <v>47</v>
      </c>
      <c r="CF6" s="241" t="s">
        <v>48</v>
      </c>
      <c r="CG6" s="241" t="s">
        <v>49</v>
      </c>
      <c r="CH6" s="241" t="s">
        <v>50</v>
      </c>
      <c r="CI6" s="241" t="s">
        <v>51</v>
      </c>
      <c r="CJ6" s="242" t="s">
        <v>45</v>
      </c>
      <c r="CK6" s="244" t="s">
        <v>52</v>
      </c>
      <c r="CL6" s="240" t="s">
        <v>43</v>
      </c>
      <c r="CM6" s="241" t="s">
        <v>44</v>
      </c>
      <c r="CN6" s="242" t="s">
        <v>45</v>
      </c>
      <c r="CO6" s="243" t="s">
        <v>46</v>
      </c>
      <c r="CP6" s="241" t="s">
        <v>47</v>
      </c>
      <c r="CQ6" s="241" t="s">
        <v>48</v>
      </c>
      <c r="CR6" s="241" t="s">
        <v>49</v>
      </c>
      <c r="CS6" s="241" t="s">
        <v>50</v>
      </c>
      <c r="CT6" s="241" t="s">
        <v>51</v>
      </c>
      <c r="CU6" s="242" t="s">
        <v>45</v>
      </c>
      <c r="CV6" s="244" t="s">
        <v>52</v>
      </c>
      <c r="CW6" s="49" t="s">
        <v>43</v>
      </c>
      <c r="CX6" s="45" t="s">
        <v>44</v>
      </c>
      <c r="CY6" s="46" t="s">
        <v>45</v>
      </c>
      <c r="CZ6" s="50" t="s">
        <v>46</v>
      </c>
      <c r="DA6" s="45" t="s">
        <v>47</v>
      </c>
      <c r="DB6" s="45" t="s">
        <v>48</v>
      </c>
      <c r="DC6" s="45" t="s">
        <v>49</v>
      </c>
      <c r="DD6" s="45" t="s">
        <v>50</v>
      </c>
      <c r="DE6" s="45" t="s">
        <v>51</v>
      </c>
      <c r="DF6" s="46" t="s">
        <v>45</v>
      </c>
      <c r="DG6" s="51" t="s">
        <v>52</v>
      </c>
      <c r="DH6" s="240" t="s">
        <v>43</v>
      </c>
      <c r="DI6" s="241" t="s">
        <v>44</v>
      </c>
      <c r="DJ6" s="242" t="s">
        <v>45</v>
      </c>
      <c r="DK6" s="243" t="s">
        <v>46</v>
      </c>
      <c r="DL6" s="241" t="s">
        <v>47</v>
      </c>
      <c r="DM6" s="241" t="s">
        <v>48</v>
      </c>
      <c r="DN6" s="241" t="s">
        <v>49</v>
      </c>
      <c r="DO6" s="241" t="s">
        <v>50</v>
      </c>
      <c r="DP6" s="241" t="s">
        <v>51</v>
      </c>
      <c r="DQ6" s="242" t="s">
        <v>45</v>
      </c>
      <c r="DR6" s="244" t="s">
        <v>52</v>
      </c>
      <c r="DS6" s="240" t="s">
        <v>43</v>
      </c>
      <c r="DT6" s="241" t="s">
        <v>44</v>
      </c>
      <c r="DU6" s="242" t="s">
        <v>45</v>
      </c>
      <c r="DV6" s="243" t="s">
        <v>46</v>
      </c>
      <c r="DW6" s="241" t="s">
        <v>47</v>
      </c>
      <c r="DX6" s="241" t="s">
        <v>48</v>
      </c>
      <c r="DY6" s="241" t="s">
        <v>49</v>
      </c>
      <c r="DZ6" s="241" t="s">
        <v>50</v>
      </c>
      <c r="EA6" s="241" t="s">
        <v>51</v>
      </c>
      <c r="EB6" s="242" t="s">
        <v>45</v>
      </c>
      <c r="EC6" s="244" t="s">
        <v>52</v>
      </c>
      <c r="ED6" s="240" t="s">
        <v>43</v>
      </c>
      <c r="EE6" s="241" t="s">
        <v>44</v>
      </c>
      <c r="EF6" s="242" t="s">
        <v>45</v>
      </c>
      <c r="EG6" s="243" t="s">
        <v>46</v>
      </c>
      <c r="EH6" s="241" t="s">
        <v>47</v>
      </c>
      <c r="EI6" s="241" t="s">
        <v>48</v>
      </c>
      <c r="EJ6" s="241" t="s">
        <v>49</v>
      </c>
      <c r="EK6" s="241" t="s">
        <v>50</v>
      </c>
      <c r="EL6" s="241" t="s">
        <v>51</v>
      </c>
      <c r="EM6" s="242" t="s">
        <v>45</v>
      </c>
      <c r="EN6" s="244" t="s">
        <v>52</v>
      </c>
      <c r="EO6" s="240" t="s">
        <v>43</v>
      </c>
      <c r="EP6" s="241" t="s">
        <v>44</v>
      </c>
      <c r="EQ6" s="242" t="s">
        <v>45</v>
      </c>
      <c r="ER6" s="243" t="s">
        <v>46</v>
      </c>
      <c r="ES6" s="241" t="s">
        <v>47</v>
      </c>
      <c r="ET6" s="241" t="s">
        <v>48</v>
      </c>
      <c r="EU6" s="241" t="s">
        <v>49</v>
      </c>
      <c r="EV6" s="241" t="s">
        <v>50</v>
      </c>
      <c r="EW6" s="241" t="s">
        <v>51</v>
      </c>
      <c r="EX6" s="242" t="s">
        <v>45</v>
      </c>
      <c r="EY6" s="244" t="s">
        <v>52</v>
      </c>
      <c r="EZ6" s="240" t="s">
        <v>43</v>
      </c>
      <c r="FA6" s="241" t="s">
        <v>44</v>
      </c>
      <c r="FB6" s="242" t="s">
        <v>45</v>
      </c>
      <c r="FC6" s="243" t="s">
        <v>46</v>
      </c>
      <c r="FD6" s="241" t="s">
        <v>47</v>
      </c>
      <c r="FE6" s="241" t="s">
        <v>48</v>
      </c>
      <c r="FF6" s="241" t="s">
        <v>49</v>
      </c>
      <c r="FG6" s="241" t="s">
        <v>50</v>
      </c>
      <c r="FH6" s="241" t="s">
        <v>51</v>
      </c>
      <c r="FI6" s="242" t="s">
        <v>45</v>
      </c>
      <c r="FJ6" s="244" t="s">
        <v>52</v>
      </c>
      <c r="FK6" s="240" t="s">
        <v>43</v>
      </c>
      <c r="FL6" s="241" t="s">
        <v>44</v>
      </c>
      <c r="FM6" s="242" t="s">
        <v>45</v>
      </c>
      <c r="FN6" s="243" t="s">
        <v>46</v>
      </c>
      <c r="FO6" s="241" t="s">
        <v>47</v>
      </c>
      <c r="FP6" s="241" t="s">
        <v>48</v>
      </c>
      <c r="FQ6" s="241" t="s">
        <v>49</v>
      </c>
      <c r="FR6" s="241" t="s">
        <v>50</v>
      </c>
      <c r="FS6" s="241" t="s">
        <v>51</v>
      </c>
      <c r="FT6" s="242" t="s">
        <v>45</v>
      </c>
      <c r="FU6" s="244" t="s">
        <v>52</v>
      </c>
      <c r="FV6" s="240" t="s">
        <v>43</v>
      </c>
      <c r="FW6" s="241" t="s">
        <v>44</v>
      </c>
      <c r="FX6" s="242" t="s">
        <v>45</v>
      </c>
      <c r="FY6" s="243" t="s">
        <v>46</v>
      </c>
      <c r="FZ6" s="241" t="s">
        <v>47</v>
      </c>
      <c r="GA6" s="241" t="s">
        <v>48</v>
      </c>
      <c r="GB6" s="241" t="s">
        <v>49</v>
      </c>
      <c r="GC6" s="241" t="s">
        <v>50</v>
      </c>
      <c r="GD6" s="241" t="s">
        <v>51</v>
      </c>
      <c r="GE6" s="242" t="s">
        <v>45</v>
      </c>
      <c r="GF6" s="244" t="s">
        <v>52</v>
      </c>
      <c r="GG6" s="240" t="s">
        <v>43</v>
      </c>
      <c r="GH6" s="241" t="s">
        <v>44</v>
      </c>
      <c r="GI6" s="242" t="s">
        <v>45</v>
      </c>
      <c r="GJ6" s="243" t="s">
        <v>46</v>
      </c>
      <c r="GK6" s="241" t="s">
        <v>47</v>
      </c>
      <c r="GL6" s="241" t="s">
        <v>48</v>
      </c>
      <c r="GM6" s="241" t="s">
        <v>49</v>
      </c>
      <c r="GN6" s="241" t="s">
        <v>50</v>
      </c>
      <c r="GO6" s="241" t="s">
        <v>51</v>
      </c>
      <c r="GP6" s="242" t="s">
        <v>45</v>
      </c>
      <c r="GQ6" s="244" t="s">
        <v>52</v>
      </c>
      <c r="GR6" s="49" t="s">
        <v>43</v>
      </c>
      <c r="GS6" s="45" t="s">
        <v>44</v>
      </c>
      <c r="GT6" s="46" t="s">
        <v>45</v>
      </c>
      <c r="GU6" s="50" t="s">
        <v>46</v>
      </c>
      <c r="GV6" s="45" t="s">
        <v>47</v>
      </c>
      <c r="GW6" s="45" t="s">
        <v>48</v>
      </c>
      <c r="GX6" s="45" t="s">
        <v>49</v>
      </c>
      <c r="GY6" s="45" t="s">
        <v>50</v>
      </c>
      <c r="GZ6" s="45" t="s">
        <v>51</v>
      </c>
      <c r="HA6" s="46" t="s">
        <v>45</v>
      </c>
      <c r="HB6" s="51" t="s">
        <v>52</v>
      </c>
      <c r="HC6" s="240" t="s">
        <v>43</v>
      </c>
      <c r="HD6" s="241" t="s">
        <v>44</v>
      </c>
      <c r="HE6" s="242" t="s">
        <v>45</v>
      </c>
      <c r="HF6" s="243" t="s">
        <v>46</v>
      </c>
      <c r="HG6" s="241" t="s">
        <v>47</v>
      </c>
      <c r="HH6" s="241" t="s">
        <v>48</v>
      </c>
      <c r="HI6" s="241" t="s">
        <v>49</v>
      </c>
      <c r="HJ6" s="241" t="s">
        <v>50</v>
      </c>
      <c r="HK6" s="241" t="s">
        <v>51</v>
      </c>
      <c r="HL6" s="242" t="s">
        <v>45</v>
      </c>
      <c r="HM6" s="244" t="s">
        <v>52</v>
      </c>
      <c r="HN6" s="240" t="s">
        <v>43</v>
      </c>
      <c r="HO6" s="241" t="s">
        <v>44</v>
      </c>
      <c r="HP6" s="242" t="s">
        <v>45</v>
      </c>
      <c r="HQ6" s="243" t="s">
        <v>46</v>
      </c>
      <c r="HR6" s="241" t="s">
        <v>47</v>
      </c>
      <c r="HS6" s="241" t="s">
        <v>48</v>
      </c>
      <c r="HT6" s="241" t="s">
        <v>49</v>
      </c>
      <c r="HU6" s="241" t="s">
        <v>50</v>
      </c>
      <c r="HV6" s="241" t="s">
        <v>51</v>
      </c>
      <c r="HW6" s="242" t="s">
        <v>45</v>
      </c>
      <c r="HX6" s="244" t="s">
        <v>52</v>
      </c>
      <c r="HY6" s="240" t="s">
        <v>43</v>
      </c>
      <c r="HZ6" s="241" t="s">
        <v>44</v>
      </c>
      <c r="IA6" s="242" t="s">
        <v>45</v>
      </c>
      <c r="IB6" s="243" t="s">
        <v>46</v>
      </c>
      <c r="IC6" s="241" t="s">
        <v>47</v>
      </c>
      <c r="ID6" s="241" t="s">
        <v>48</v>
      </c>
      <c r="IE6" s="241" t="s">
        <v>49</v>
      </c>
      <c r="IF6" s="241" t="s">
        <v>50</v>
      </c>
      <c r="IG6" s="241" t="s">
        <v>51</v>
      </c>
      <c r="IH6" s="242" t="s">
        <v>45</v>
      </c>
      <c r="II6" s="244" t="s">
        <v>52</v>
      </c>
      <c r="IJ6" s="240" t="s">
        <v>43</v>
      </c>
      <c r="IK6" s="241" t="s">
        <v>44</v>
      </c>
      <c r="IL6" s="242" t="s">
        <v>45</v>
      </c>
      <c r="IM6" s="243" t="s">
        <v>46</v>
      </c>
      <c r="IN6" s="241" t="s">
        <v>47</v>
      </c>
      <c r="IO6" s="241" t="s">
        <v>48</v>
      </c>
      <c r="IP6" s="241" t="s">
        <v>49</v>
      </c>
      <c r="IQ6" s="241" t="s">
        <v>50</v>
      </c>
      <c r="IR6" s="241" t="s">
        <v>51</v>
      </c>
      <c r="IS6" s="242" t="s">
        <v>45</v>
      </c>
      <c r="IT6" s="244" t="s">
        <v>52</v>
      </c>
      <c r="IU6" s="240" t="s">
        <v>43</v>
      </c>
      <c r="IV6" s="241" t="s">
        <v>44</v>
      </c>
      <c r="IW6" s="242" t="s">
        <v>45</v>
      </c>
      <c r="IX6" s="243" t="s">
        <v>46</v>
      </c>
      <c r="IY6" s="241" t="s">
        <v>47</v>
      </c>
      <c r="IZ6" s="241" t="s">
        <v>48</v>
      </c>
      <c r="JA6" s="241" t="s">
        <v>49</v>
      </c>
      <c r="JB6" s="241" t="s">
        <v>50</v>
      </c>
      <c r="JC6" s="241" t="s">
        <v>51</v>
      </c>
      <c r="JD6" s="242" t="s">
        <v>45</v>
      </c>
      <c r="JE6" s="244" t="s">
        <v>52</v>
      </c>
      <c r="JF6" s="240" t="s">
        <v>43</v>
      </c>
      <c r="JG6" s="241" t="s">
        <v>44</v>
      </c>
      <c r="JH6" s="242" t="s">
        <v>45</v>
      </c>
      <c r="JI6" s="243" t="s">
        <v>46</v>
      </c>
      <c r="JJ6" s="241" t="s">
        <v>47</v>
      </c>
      <c r="JK6" s="241" t="s">
        <v>48</v>
      </c>
      <c r="JL6" s="241" t="s">
        <v>49</v>
      </c>
      <c r="JM6" s="241" t="s">
        <v>50</v>
      </c>
      <c r="JN6" s="241" t="s">
        <v>51</v>
      </c>
      <c r="JO6" s="242" t="s">
        <v>45</v>
      </c>
      <c r="JP6" s="244" t="s">
        <v>52</v>
      </c>
      <c r="JQ6" s="240" t="s">
        <v>43</v>
      </c>
      <c r="JR6" s="241" t="s">
        <v>44</v>
      </c>
      <c r="JS6" s="242" t="s">
        <v>45</v>
      </c>
      <c r="JT6" s="243" t="s">
        <v>46</v>
      </c>
      <c r="JU6" s="241" t="s">
        <v>47</v>
      </c>
      <c r="JV6" s="241" t="s">
        <v>48</v>
      </c>
      <c r="JW6" s="241" t="s">
        <v>49</v>
      </c>
      <c r="JX6" s="241" t="s">
        <v>50</v>
      </c>
      <c r="JY6" s="241" t="s">
        <v>51</v>
      </c>
      <c r="JZ6" s="242" t="s">
        <v>45</v>
      </c>
      <c r="KA6" s="244" t="s">
        <v>52</v>
      </c>
      <c r="KB6" s="240" t="s">
        <v>43</v>
      </c>
      <c r="KC6" s="241" t="s">
        <v>44</v>
      </c>
      <c r="KD6" s="242" t="s">
        <v>45</v>
      </c>
      <c r="KE6" s="243" t="s">
        <v>46</v>
      </c>
      <c r="KF6" s="241" t="s">
        <v>47</v>
      </c>
      <c r="KG6" s="241" t="s">
        <v>48</v>
      </c>
      <c r="KH6" s="241" t="s">
        <v>49</v>
      </c>
      <c r="KI6" s="241" t="s">
        <v>50</v>
      </c>
      <c r="KJ6" s="241" t="s">
        <v>51</v>
      </c>
      <c r="KK6" s="242" t="s">
        <v>45</v>
      </c>
      <c r="KL6" s="244" t="s">
        <v>52</v>
      </c>
    </row>
    <row r="7" spans="1:298" ht="19.5" customHeight="1" x14ac:dyDescent="0.2">
      <c r="A7" s="110" t="s">
        <v>4</v>
      </c>
      <c r="B7" s="214">
        <v>19402</v>
      </c>
      <c r="C7" s="76">
        <v>19591</v>
      </c>
      <c r="D7" s="77">
        <v>38993</v>
      </c>
      <c r="E7" s="158"/>
      <c r="F7" s="76">
        <v>29483</v>
      </c>
      <c r="G7" s="76">
        <v>28947</v>
      </c>
      <c r="H7" s="76">
        <v>19980</v>
      </c>
      <c r="I7" s="76">
        <v>16583</v>
      </c>
      <c r="J7" s="76">
        <v>10227</v>
      </c>
      <c r="K7" s="78">
        <v>105220</v>
      </c>
      <c r="L7" s="79">
        <v>144213</v>
      </c>
      <c r="M7" s="64">
        <v>838</v>
      </c>
      <c r="N7" s="65">
        <v>1089</v>
      </c>
      <c r="O7" s="66">
        <v>1927</v>
      </c>
      <c r="P7" s="158"/>
      <c r="Q7" s="65">
        <v>1397</v>
      </c>
      <c r="R7" s="65">
        <v>1666</v>
      </c>
      <c r="S7" s="65">
        <v>1067</v>
      </c>
      <c r="T7" s="65">
        <v>973</v>
      </c>
      <c r="U7" s="65">
        <v>791</v>
      </c>
      <c r="V7" s="66">
        <v>5894</v>
      </c>
      <c r="W7" s="67">
        <v>7821</v>
      </c>
      <c r="X7" s="64">
        <v>2094</v>
      </c>
      <c r="Y7" s="65">
        <v>2419</v>
      </c>
      <c r="Z7" s="66">
        <v>4513</v>
      </c>
      <c r="AA7" s="158"/>
      <c r="AB7" s="65">
        <v>3187</v>
      </c>
      <c r="AC7" s="65">
        <v>3690</v>
      </c>
      <c r="AD7" s="65">
        <v>2591</v>
      </c>
      <c r="AE7" s="65">
        <v>2160</v>
      </c>
      <c r="AF7" s="65">
        <v>1578</v>
      </c>
      <c r="AG7" s="66">
        <v>13206</v>
      </c>
      <c r="AH7" s="67">
        <v>17719</v>
      </c>
      <c r="AI7" s="64">
        <v>3030</v>
      </c>
      <c r="AJ7" s="65">
        <v>3187</v>
      </c>
      <c r="AK7" s="66">
        <v>6217</v>
      </c>
      <c r="AL7" s="158"/>
      <c r="AM7" s="65">
        <v>4735</v>
      </c>
      <c r="AN7" s="65">
        <v>4757</v>
      </c>
      <c r="AO7" s="65">
        <v>3245</v>
      </c>
      <c r="AP7" s="65">
        <v>2700</v>
      </c>
      <c r="AQ7" s="65">
        <v>1811</v>
      </c>
      <c r="AR7" s="66">
        <v>17248</v>
      </c>
      <c r="AS7" s="67">
        <v>23465</v>
      </c>
      <c r="AT7" s="64">
        <v>5019</v>
      </c>
      <c r="AU7" s="65">
        <v>4778</v>
      </c>
      <c r="AV7" s="66">
        <v>9797</v>
      </c>
      <c r="AW7" s="158"/>
      <c r="AX7" s="65">
        <v>7331</v>
      </c>
      <c r="AY7" s="65">
        <v>6701</v>
      </c>
      <c r="AZ7" s="65">
        <v>4596</v>
      </c>
      <c r="BA7" s="65">
        <v>3721</v>
      </c>
      <c r="BB7" s="65">
        <v>2361</v>
      </c>
      <c r="BC7" s="66">
        <v>24710</v>
      </c>
      <c r="BD7" s="67">
        <v>34507</v>
      </c>
      <c r="BE7" s="64">
        <v>5388</v>
      </c>
      <c r="BF7" s="65">
        <v>4956</v>
      </c>
      <c r="BG7" s="66">
        <v>10344</v>
      </c>
      <c r="BH7" s="158"/>
      <c r="BI7" s="65">
        <v>7730</v>
      </c>
      <c r="BJ7" s="65">
        <v>6944</v>
      </c>
      <c r="BK7" s="65">
        <v>4728</v>
      </c>
      <c r="BL7" s="65">
        <v>3878</v>
      </c>
      <c r="BM7" s="65">
        <v>2095</v>
      </c>
      <c r="BN7" s="66">
        <v>25375</v>
      </c>
      <c r="BO7" s="67">
        <v>35719</v>
      </c>
      <c r="BP7" s="64">
        <v>3033</v>
      </c>
      <c r="BQ7" s="65">
        <v>3162</v>
      </c>
      <c r="BR7" s="66">
        <v>6195</v>
      </c>
      <c r="BS7" s="158"/>
      <c r="BT7" s="65">
        <v>5103</v>
      </c>
      <c r="BU7" s="65">
        <v>5189</v>
      </c>
      <c r="BV7" s="65">
        <v>3753</v>
      </c>
      <c r="BW7" s="65">
        <v>3151</v>
      </c>
      <c r="BX7" s="65">
        <v>1591</v>
      </c>
      <c r="BY7" s="66">
        <v>18787</v>
      </c>
      <c r="BZ7" s="67">
        <v>24982</v>
      </c>
      <c r="CA7" s="64">
        <v>459</v>
      </c>
      <c r="CB7" s="65">
        <v>759</v>
      </c>
      <c r="CC7" s="66">
        <v>1218</v>
      </c>
      <c r="CD7" s="158"/>
      <c r="CE7" s="65">
        <v>830</v>
      </c>
      <c r="CF7" s="65">
        <v>1315</v>
      </c>
      <c r="CG7" s="65">
        <v>852</v>
      </c>
      <c r="CH7" s="65">
        <v>730</v>
      </c>
      <c r="CI7" s="65">
        <v>731</v>
      </c>
      <c r="CJ7" s="66">
        <v>4458</v>
      </c>
      <c r="CK7" s="67">
        <v>5676</v>
      </c>
      <c r="CL7" s="64">
        <v>19861</v>
      </c>
      <c r="CM7" s="65">
        <v>20350</v>
      </c>
      <c r="CN7" s="66">
        <v>40211</v>
      </c>
      <c r="CO7" s="158"/>
      <c r="CP7" s="65">
        <v>30313</v>
      </c>
      <c r="CQ7" s="65">
        <v>30262</v>
      </c>
      <c r="CR7" s="65">
        <v>20832</v>
      </c>
      <c r="CS7" s="65">
        <v>17313</v>
      </c>
      <c r="CT7" s="65">
        <v>10958</v>
      </c>
      <c r="CU7" s="66">
        <v>109678</v>
      </c>
      <c r="CV7" s="67">
        <v>149889</v>
      </c>
      <c r="CW7" s="107">
        <v>37086</v>
      </c>
      <c r="CX7" s="76">
        <v>42957</v>
      </c>
      <c r="CY7" s="77">
        <v>80043</v>
      </c>
      <c r="CZ7" s="158"/>
      <c r="DA7" s="76">
        <v>54209</v>
      </c>
      <c r="DB7" s="76">
        <v>51017</v>
      </c>
      <c r="DC7" s="76">
        <v>37485</v>
      </c>
      <c r="DD7" s="76">
        <v>36873</v>
      </c>
      <c r="DE7" s="76">
        <v>24899</v>
      </c>
      <c r="DF7" s="78">
        <v>204483</v>
      </c>
      <c r="DG7" s="79">
        <v>284526</v>
      </c>
      <c r="DH7" s="64">
        <v>890</v>
      </c>
      <c r="DI7" s="65">
        <v>1066</v>
      </c>
      <c r="DJ7" s="66">
        <v>1956</v>
      </c>
      <c r="DK7" s="158"/>
      <c r="DL7" s="65">
        <v>1071</v>
      </c>
      <c r="DM7" s="65">
        <v>1177</v>
      </c>
      <c r="DN7" s="65">
        <v>773</v>
      </c>
      <c r="DO7" s="65">
        <v>705</v>
      </c>
      <c r="DP7" s="65">
        <v>599</v>
      </c>
      <c r="DQ7" s="66">
        <v>4325</v>
      </c>
      <c r="DR7" s="67">
        <v>6281</v>
      </c>
      <c r="DS7" s="64">
        <v>2906</v>
      </c>
      <c r="DT7" s="65">
        <v>3350</v>
      </c>
      <c r="DU7" s="66">
        <v>6256</v>
      </c>
      <c r="DV7" s="158"/>
      <c r="DW7" s="65">
        <v>3320</v>
      </c>
      <c r="DX7" s="65">
        <v>3215</v>
      </c>
      <c r="DY7" s="65">
        <v>1935</v>
      </c>
      <c r="DZ7" s="65">
        <v>1818</v>
      </c>
      <c r="EA7" s="65">
        <v>1600</v>
      </c>
      <c r="EB7" s="66">
        <v>11888</v>
      </c>
      <c r="EC7" s="67">
        <v>18144</v>
      </c>
      <c r="ED7" s="64">
        <v>6025</v>
      </c>
      <c r="EE7" s="65">
        <v>6417</v>
      </c>
      <c r="EF7" s="66">
        <v>12442</v>
      </c>
      <c r="EG7" s="158"/>
      <c r="EH7" s="65">
        <v>6761</v>
      </c>
      <c r="EI7" s="65">
        <v>5511</v>
      </c>
      <c r="EJ7" s="65">
        <v>3608</v>
      </c>
      <c r="EK7" s="65">
        <v>3297</v>
      </c>
      <c r="EL7" s="65">
        <v>2535</v>
      </c>
      <c r="EM7" s="66">
        <v>21712</v>
      </c>
      <c r="EN7" s="67">
        <v>34154</v>
      </c>
      <c r="EO7" s="64">
        <v>10997</v>
      </c>
      <c r="EP7" s="65">
        <v>11300</v>
      </c>
      <c r="EQ7" s="66">
        <v>22297</v>
      </c>
      <c r="ER7" s="158"/>
      <c r="ES7" s="65">
        <v>13043</v>
      </c>
      <c r="ET7" s="65">
        <v>10685</v>
      </c>
      <c r="EU7" s="65">
        <v>6759</v>
      </c>
      <c r="EV7" s="65">
        <v>6323</v>
      </c>
      <c r="EW7" s="65">
        <v>4446</v>
      </c>
      <c r="EX7" s="66">
        <v>41256</v>
      </c>
      <c r="EY7" s="67">
        <v>63553</v>
      </c>
      <c r="EZ7" s="64">
        <v>10828</v>
      </c>
      <c r="FA7" s="65">
        <v>12867</v>
      </c>
      <c r="FB7" s="66">
        <v>23695</v>
      </c>
      <c r="FC7" s="158"/>
      <c r="FD7" s="65">
        <v>16573</v>
      </c>
      <c r="FE7" s="65">
        <v>14568</v>
      </c>
      <c r="FF7" s="65">
        <v>10325</v>
      </c>
      <c r="FG7" s="65">
        <v>9731</v>
      </c>
      <c r="FH7" s="65">
        <v>6425</v>
      </c>
      <c r="FI7" s="66">
        <v>57622</v>
      </c>
      <c r="FJ7" s="67">
        <v>81317</v>
      </c>
      <c r="FK7" s="64">
        <v>5440</v>
      </c>
      <c r="FL7" s="65">
        <v>7957</v>
      </c>
      <c r="FM7" s="66">
        <v>13397</v>
      </c>
      <c r="FN7" s="158"/>
      <c r="FO7" s="65">
        <v>13441</v>
      </c>
      <c r="FP7" s="65">
        <v>15861</v>
      </c>
      <c r="FQ7" s="65">
        <v>14085</v>
      </c>
      <c r="FR7" s="65">
        <v>14999</v>
      </c>
      <c r="FS7" s="65">
        <v>9294</v>
      </c>
      <c r="FT7" s="66">
        <v>67680</v>
      </c>
      <c r="FU7" s="67">
        <v>81077</v>
      </c>
      <c r="FV7" s="64">
        <v>366</v>
      </c>
      <c r="FW7" s="65">
        <v>691</v>
      </c>
      <c r="FX7" s="66">
        <v>1057</v>
      </c>
      <c r="FY7" s="158"/>
      <c r="FZ7" s="65">
        <v>631</v>
      </c>
      <c r="GA7" s="65">
        <v>993</v>
      </c>
      <c r="GB7" s="65">
        <v>595</v>
      </c>
      <c r="GC7" s="65">
        <v>576</v>
      </c>
      <c r="GD7" s="65">
        <v>579</v>
      </c>
      <c r="GE7" s="66">
        <v>3374</v>
      </c>
      <c r="GF7" s="67">
        <v>4431</v>
      </c>
      <c r="GG7" s="64">
        <v>37452</v>
      </c>
      <c r="GH7" s="65">
        <v>43648</v>
      </c>
      <c r="GI7" s="66">
        <v>81100</v>
      </c>
      <c r="GJ7" s="158"/>
      <c r="GK7" s="65">
        <v>54840</v>
      </c>
      <c r="GL7" s="65">
        <v>52010</v>
      </c>
      <c r="GM7" s="65">
        <v>38080</v>
      </c>
      <c r="GN7" s="65">
        <v>37449</v>
      </c>
      <c r="GO7" s="65">
        <v>25478</v>
      </c>
      <c r="GP7" s="66">
        <v>207857</v>
      </c>
      <c r="GQ7" s="67">
        <v>288957</v>
      </c>
      <c r="GR7" s="107">
        <v>56488</v>
      </c>
      <c r="GS7" s="76">
        <v>62548</v>
      </c>
      <c r="GT7" s="77">
        <v>119036</v>
      </c>
      <c r="GU7" s="158"/>
      <c r="GV7" s="76">
        <v>83692</v>
      </c>
      <c r="GW7" s="76">
        <v>79964</v>
      </c>
      <c r="GX7" s="76">
        <v>57465</v>
      </c>
      <c r="GY7" s="76">
        <v>53456</v>
      </c>
      <c r="GZ7" s="76">
        <v>35126</v>
      </c>
      <c r="HA7" s="78">
        <v>309703</v>
      </c>
      <c r="HB7" s="79">
        <v>428739</v>
      </c>
      <c r="HC7" s="64">
        <v>1728</v>
      </c>
      <c r="HD7" s="65">
        <v>2155</v>
      </c>
      <c r="HE7" s="66">
        <v>3883</v>
      </c>
      <c r="HF7" s="158"/>
      <c r="HG7" s="65">
        <v>2468</v>
      </c>
      <c r="HH7" s="65">
        <v>2843</v>
      </c>
      <c r="HI7" s="65">
        <v>1840</v>
      </c>
      <c r="HJ7" s="65">
        <v>1678</v>
      </c>
      <c r="HK7" s="65">
        <v>1390</v>
      </c>
      <c r="HL7" s="66">
        <v>10219</v>
      </c>
      <c r="HM7" s="67">
        <v>14102</v>
      </c>
      <c r="HN7" s="64">
        <v>5000</v>
      </c>
      <c r="HO7" s="65">
        <v>5769</v>
      </c>
      <c r="HP7" s="66">
        <v>10769</v>
      </c>
      <c r="HQ7" s="158"/>
      <c r="HR7" s="65">
        <v>6507</v>
      </c>
      <c r="HS7" s="65">
        <v>6905</v>
      </c>
      <c r="HT7" s="65">
        <v>4526</v>
      </c>
      <c r="HU7" s="65">
        <v>3978</v>
      </c>
      <c r="HV7" s="65">
        <v>3178</v>
      </c>
      <c r="HW7" s="66">
        <v>25094</v>
      </c>
      <c r="HX7" s="67">
        <v>35863</v>
      </c>
      <c r="HY7" s="64">
        <v>9055</v>
      </c>
      <c r="HZ7" s="65">
        <v>9604</v>
      </c>
      <c r="IA7" s="66">
        <v>18659</v>
      </c>
      <c r="IB7" s="158"/>
      <c r="IC7" s="65">
        <v>11496</v>
      </c>
      <c r="ID7" s="65">
        <v>10268</v>
      </c>
      <c r="IE7" s="65">
        <v>6853</v>
      </c>
      <c r="IF7" s="65">
        <v>5997</v>
      </c>
      <c r="IG7" s="65">
        <v>4346</v>
      </c>
      <c r="IH7" s="66">
        <v>38960</v>
      </c>
      <c r="II7" s="67">
        <v>57619</v>
      </c>
      <c r="IJ7" s="64">
        <v>16016</v>
      </c>
      <c r="IK7" s="65">
        <v>16078</v>
      </c>
      <c r="IL7" s="66">
        <v>32094</v>
      </c>
      <c r="IM7" s="158"/>
      <c r="IN7" s="65">
        <v>20374</v>
      </c>
      <c r="IO7" s="65">
        <v>17386</v>
      </c>
      <c r="IP7" s="65">
        <v>11355</v>
      </c>
      <c r="IQ7" s="65">
        <v>10044</v>
      </c>
      <c r="IR7" s="65">
        <v>6807</v>
      </c>
      <c r="IS7" s="66">
        <v>65966</v>
      </c>
      <c r="IT7" s="67">
        <v>98060</v>
      </c>
      <c r="IU7" s="64">
        <v>16216</v>
      </c>
      <c r="IV7" s="65">
        <v>17823</v>
      </c>
      <c r="IW7" s="66">
        <v>34039</v>
      </c>
      <c r="IX7" s="158"/>
      <c r="IY7" s="65">
        <v>24303</v>
      </c>
      <c r="IZ7" s="65">
        <v>21512</v>
      </c>
      <c r="JA7" s="65">
        <v>15053</v>
      </c>
      <c r="JB7" s="65">
        <v>13609</v>
      </c>
      <c r="JC7" s="65">
        <v>8520</v>
      </c>
      <c r="JD7" s="66">
        <v>82997</v>
      </c>
      <c r="JE7" s="67">
        <v>117036</v>
      </c>
      <c r="JF7" s="64">
        <v>8473</v>
      </c>
      <c r="JG7" s="65">
        <v>11119</v>
      </c>
      <c r="JH7" s="66">
        <v>19592</v>
      </c>
      <c r="JI7" s="158"/>
      <c r="JJ7" s="65">
        <v>18544</v>
      </c>
      <c r="JK7" s="65">
        <v>21050</v>
      </c>
      <c r="JL7" s="65">
        <v>17838</v>
      </c>
      <c r="JM7" s="65">
        <v>18150</v>
      </c>
      <c r="JN7" s="65">
        <v>10885</v>
      </c>
      <c r="JO7" s="66">
        <v>86467</v>
      </c>
      <c r="JP7" s="67">
        <v>106059</v>
      </c>
      <c r="JQ7" s="64">
        <v>825</v>
      </c>
      <c r="JR7" s="65">
        <v>1450</v>
      </c>
      <c r="JS7" s="66">
        <v>2275</v>
      </c>
      <c r="JT7" s="158"/>
      <c r="JU7" s="65">
        <v>1461</v>
      </c>
      <c r="JV7" s="65">
        <v>2308</v>
      </c>
      <c r="JW7" s="65">
        <v>1447</v>
      </c>
      <c r="JX7" s="65">
        <v>1306</v>
      </c>
      <c r="JY7" s="65">
        <v>1310</v>
      </c>
      <c r="JZ7" s="66">
        <v>7832</v>
      </c>
      <c r="KA7" s="67">
        <v>10107</v>
      </c>
      <c r="KB7" s="64">
        <v>57313</v>
      </c>
      <c r="KC7" s="65">
        <v>63998</v>
      </c>
      <c r="KD7" s="66">
        <v>121311</v>
      </c>
      <c r="KE7" s="158"/>
      <c r="KF7" s="65">
        <v>85153</v>
      </c>
      <c r="KG7" s="65">
        <v>82272</v>
      </c>
      <c r="KH7" s="65">
        <v>58912</v>
      </c>
      <c r="KI7" s="65">
        <v>54762</v>
      </c>
      <c r="KJ7" s="65">
        <v>36436</v>
      </c>
      <c r="KK7" s="66">
        <v>317535</v>
      </c>
      <c r="KL7" s="67">
        <v>438846</v>
      </c>
    </row>
    <row r="8" spans="1:298" ht="19.5" customHeight="1" x14ac:dyDescent="0.2">
      <c r="A8" s="111" t="s">
        <v>5</v>
      </c>
      <c r="B8" s="215">
        <v>7956</v>
      </c>
      <c r="C8" s="80">
        <v>9172</v>
      </c>
      <c r="D8" s="81">
        <v>17128</v>
      </c>
      <c r="E8" s="159"/>
      <c r="F8" s="80">
        <v>9716</v>
      </c>
      <c r="G8" s="80">
        <v>12966</v>
      </c>
      <c r="H8" s="80">
        <v>8281</v>
      </c>
      <c r="I8" s="80">
        <v>6794</v>
      </c>
      <c r="J8" s="80">
        <v>4332</v>
      </c>
      <c r="K8" s="82">
        <v>42089</v>
      </c>
      <c r="L8" s="83">
        <v>59217</v>
      </c>
      <c r="M8" s="68">
        <v>321</v>
      </c>
      <c r="N8" s="69">
        <v>517</v>
      </c>
      <c r="O8" s="70">
        <v>838</v>
      </c>
      <c r="P8" s="159"/>
      <c r="Q8" s="69">
        <v>416</v>
      </c>
      <c r="R8" s="69">
        <v>770</v>
      </c>
      <c r="S8" s="69">
        <v>407</v>
      </c>
      <c r="T8" s="69">
        <v>402</v>
      </c>
      <c r="U8" s="69">
        <v>325</v>
      </c>
      <c r="V8" s="70">
        <v>2320</v>
      </c>
      <c r="W8" s="71">
        <v>3158</v>
      </c>
      <c r="X8" s="68">
        <v>799</v>
      </c>
      <c r="Y8" s="69">
        <v>1095</v>
      </c>
      <c r="Z8" s="70">
        <v>1894</v>
      </c>
      <c r="AA8" s="159"/>
      <c r="AB8" s="69">
        <v>1000</v>
      </c>
      <c r="AC8" s="69">
        <v>1614</v>
      </c>
      <c r="AD8" s="69">
        <v>1071</v>
      </c>
      <c r="AE8" s="69">
        <v>891</v>
      </c>
      <c r="AF8" s="69">
        <v>695</v>
      </c>
      <c r="AG8" s="70">
        <v>5271</v>
      </c>
      <c r="AH8" s="71">
        <v>7165</v>
      </c>
      <c r="AI8" s="68">
        <v>1195</v>
      </c>
      <c r="AJ8" s="69">
        <v>1475</v>
      </c>
      <c r="AK8" s="70">
        <v>2670</v>
      </c>
      <c r="AL8" s="159"/>
      <c r="AM8" s="69">
        <v>1470</v>
      </c>
      <c r="AN8" s="69">
        <v>2126</v>
      </c>
      <c r="AO8" s="69">
        <v>1323</v>
      </c>
      <c r="AP8" s="69">
        <v>1097</v>
      </c>
      <c r="AQ8" s="69">
        <v>716</v>
      </c>
      <c r="AR8" s="70">
        <v>6732</v>
      </c>
      <c r="AS8" s="71">
        <v>9402</v>
      </c>
      <c r="AT8" s="68">
        <v>2076</v>
      </c>
      <c r="AU8" s="69">
        <v>2204</v>
      </c>
      <c r="AV8" s="70">
        <v>4280</v>
      </c>
      <c r="AW8" s="159"/>
      <c r="AX8" s="69">
        <v>2375</v>
      </c>
      <c r="AY8" s="69">
        <v>2850</v>
      </c>
      <c r="AZ8" s="69">
        <v>1850</v>
      </c>
      <c r="BA8" s="69">
        <v>1517</v>
      </c>
      <c r="BB8" s="69">
        <v>1018</v>
      </c>
      <c r="BC8" s="70">
        <v>9610</v>
      </c>
      <c r="BD8" s="71">
        <v>13890</v>
      </c>
      <c r="BE8" s="68">
        <v>2313</v>
      </c>
      <c r="BF8" s="69">
        <v>2359</v>
      </c>
      <c r="BG8" s="70">
        <v>4672</v>
      </c>
      <c r="BH8" s="159"/>
      <c r="BI8" s="69">
        <v>2674</v>
      </c>
      <c r="BJ8" s="69">
        <v>3150</v>
      </c>
      <c r="BK8" s="69">
        <v>1943</v>
      </c>
      <c r="BL8" s="69">
        <v>1568</v>
      </c>
      <c r="BM8" s="69">
        <v>886</v>
      </c>
      <c r="BN8" s="70">
        <v>10221</v>
      </c>
      <c r="BO8" s="71">
        <v>14893</v>
      </c>
      <c r="BP8" s="68">
        <v>1252</v>
      </c>
      <c r="BQ8" s="69">
        <v>1522</v>
      </c>
      <c r="BR8" s="70">
        <v>2774</v>
      </c>
      <c r="BS8" s="159"/>
      <c r="BT8" s="69">
        <v>1781</v>
      </c>
      <c r="BU8" s="69">
        <v>2456</v>
      </c>
      <c r="BV8" s="69">
        <v>1687</v>
      </c>
      <c r="BW8" s="69">
        <v>1319</v>
      </c>
      <c r="BX8" s="69">
        <v>692</v>
      </c>
      <c r="BY8" s="70">
        <v>7935</v>
      </c>
      <c r="BZ8" s="71">
        <v>10709</v>
      </c>
      <c r="CA8" s="68">
        <v>180</v>
      </c>
      <c r="CB8" s="69">
        <v>327</v>
      </c>
      <c r="CC8" s="70">
        <v>507</v>
      </c>
      <c r="CD8" s="159"/>
      <c r="CE8" s="69">
        <v>241</v>
      </c>
      <c r="CF8" s="69">
        <v>583</v>
      </c>
      <c r="CG8" s="69">
        <v>376</v>
      </c>
      <c r="CH8" s="69">
        <v>328</v>
      </c>
      <c r="CI8" s="69">
        <v>339</v>
      </c>
      <c r="CJ8" s="70">
        <v>1867</v>
      </c>
      <c r="CK8" s="71">
        <v>2374</v>
      </c>
      <c r="CL8" s="68">
        <v>8136</v>
      </c>
      <c r="CM8" s="69">
        <v>9499</v>
      </c>
      <c r="CN8" s="70">
        <v>17635</v>
      </c>
      <c r="CO8" s="159"/>
      <c r="CP8" s="69">
        <v>9957</v>
      </c>
      <c r="CQ8" s="69">
        <v>13549</v>
      </c>
      <c r="CR8" s="69">
        <v>8657</v>
      </c>
      <c r="CS8" s="69">
        <v>7122</v>
      </c>
      <c r="CT8" s="69">
        <v>4671</v>
      </c>
      <c r="CU8" s="70">
        <v>43956</v>
      </c>
      <c r="CV8" s="71">
        <v>61591</v>
      </c>
      <c r="CW8" s="108">
        <v>14546</v>
      </c>
      <c r="CX8" s="80">
        <v>19071</v>
      </c>
      <c r="CY8" s="81">
        <v>33617</v>
      </c>
      <c r="CZ8" s="159"/>
      <c r="DA8" s="80">
        <v>18563</v>
      </c>
      <c r="DB8" s="80">
        <v>23410</v>
      </c>
      <c r="DC8" s="80">
        <v>15730</v>
      </c>
      <c r="DD8" s="80">
        <v>15164</v>
      </c>
      <c r="DE8" s="80">
        <v>10372</v>
      </c>
      <c r="DF8" s="82">
        <v>83239</v>
      </c>
      <c r="DG8" s="83">
        <v>116856</v>
      </c>
      <c r="DH8" s="68">
        <v>336</v>
      </c>
      <c r="DI8" s="69">
        <v>446</v>
      </c>
      <c r="DJ8" s="70">
        <v>782</v>
      </c>
      <c r="DK8" s="159"/>
      <c r="DL8" s="69">
        <v>301</v>
      </c>
      <c r="DM8" s="69">
        <v>533</v>
      </c>
      <c r="DN8" s="69">
        <v>303</v>
      </c>
      <c r="DO8" s="69">
        <v>273</v>
      </c>
      <c r="DP8" s="69">
        <v>242</v>
      </c>
      <c r="DQ8" s="70">
        <v>1652</v>
      </c>
      <c r="DR8" s="71">
        <v>2434</v>
      </c>
      <c r="DS8" s="68">
        <v>1072</v>
      </c>
      <c r="DT8" s="69">
        <v>1432</v>
      </c>
      <c r="DU8" s="70">
        <v>2504</v>
      </c>
      <c r="DV8" s="159"/>
      <c r="DW8" s="69">
        <v>1053</v>
      </c>
      <c r="DX8" s="69">
        <v>1414</v>
      </c>
      <c r="DY8" s="69">
        <v>776</v>
      </c>
      <c r="DZ8" s="69">
        <v>746</v>
      </c>
      <c r="EA8" s="69">
        <v>659</v>
      </c>
      <c r="EB8" s="70">
        <v>4648</v>
      </c>
      <c r="EC8" s="71">
        <v>7152</v>
      </c>
      <c r="ED8" s="68">
        <v>2383</v>
      </c>
      <c r="EE8" s="69">
        <v>2807</v>
      </c>
      <c r="EF8" s="70">
        <v>5190</v>
      </c>
      <c r="EG8" s="159"/>
      <c r="EH8" s="69">
        <v>2176</v>
      </c>
      <c r="EI8" s="69">
        <v>2392</v>
      </c>
      <c r="EJ8" s="69">
        <v>1439</v>
      </c>
      <c r="EK8" s="69">
        <v>1277</v>
      </c>
      <c r="EL8" s="69">
        <v>1024</v>
      </c>
      <c r="EM8" s="70">
        <v>8308</v>
      </c>
      <c r="EN8" s="71">
        <v>13498</v>
      </c>
      <c r="EO8" s="68">
        <v>4275</v>
      </c>
      <c r="EP8" s="69">
        <v>4953</v>
      </c>
      <c r="EQ8" s="70">
        <v>9228</v>
      </c>
      <c r="ER8" s="159"/>
      <c r="ES8" s="69">
        <v>4504</v>
      </c>
      <c r="ET8" s="69">
        <v>4919</v>
      </c>
      <c r="EU8" s="69">
        <v>2808</v>
      </c>
      <c r="EV8" s="69">
        <v>2592</v>
      </c>
      <c r="EW8" s="69">
        <v>1789</v>
      </c>
      <c r="EX8" s="70">
        <v>16612</v>
      </c>
      <c r="EY8" s="71">
        <v>25840</v>
      </c>
      <c r="EZ8" s="68">
        <v>4397</v>
      </c>
      <c r="FA8" s="69">
        <v>5839</v>
      </c>
      <c r="FB8" s="70">
        <v>10236</v>
      </c>
      <c r="FC8" s="159"/>
      <c r="FD8" s="69">
        <v>5918</v>
      </c>
      <c r="FE8" s="69">
        <v>6896</v>
      </c>
      <c r="FF8" s="69">
        <v>4430</v>
      </c>
      <c r="FG8" s="69">
        <v>4103</v>
      </c>
      <c r="FH8" s="69">
        <v>2697</v>
      </c>
      <c r="FI8" s="70">
        <v>24044</v>
      </c>
      <c r="FJ8" s="71">
        <v>34280</v>
      </c>
      <c r="FK8" s="68">
        <v>2083</v>
      </c>
      <c r="FL8" s="69">
        <v>3594</v>
      </c>
      <c r="FM8" s="70">
        <v>5677</v>
      </c>
      <c r="FN8" s="159"/>
      <c r="FO8" s="69">
        <v>4611</v>
      </c>
      <c r="FP8" s="69">
        <v>7256</v>
      </c>
      <c r="FQ8" s="69">
        <v>5974</v>
      </c>
      <c r="FR8" s="69">
        <v>6173</v>
      </c>
      <c r="FS8" s="69">
        <v>3961</v>
      </c>
      <c r="FT8" s="70">
        <v>27975</v>
      </c>
      <c r="FU8" s="71">
        <v>33652</v>
      </c>
      <c r="FV8" s="68">
        <v>160</v>
      </c>
      <c r="FW8" s="69">
        <v>290</v>
      </c>
      <c r="FX8" s="70">
        <v>450</v>
      </c>
      <c r="FY8" s="159"/>
      <c r="FZ8" s="69">
        <v>181</v>
      </c>
      <c r="GA8" s="69">
        <v>448</v>
      </c>
      <c r="GB8" s="69">
        <v>264</v>
      </c>
      <c r="GC8" s="69">
        <v>254</v>
      </c>
      <c r="GD8" s="69">
        <v>234</v>
      </c>
      <c r="GE8" s="70">
        <v>1381</v>
      </c>
      <c r="GF8" s="71">
        <v>1831</v>
      </c>
      <c r="GG8" s="68">
        <v>14706</v>
      </c>
      <c r="GH8" s="69">
        <v>19361</v>
      </c>
      <c r="GI8" s="70">
        <v>34067</v>
      </c>
      <c r="GJ8" s="159"/>
      <c r="GK8" s="69">
        <v>18744</v>
      </c>
      <c r="GL8" s="69">
        <v>23858</v>
      </c>
      <c r="GM8" s="69">
        <v>15994</v>
      </c>
      <c r="GN8" s="69">
        <v>15418</v>
      </c>
      <c r="GO8" s="69">
        <v>10606</v>
      </c>
      <c r="GP8" s="70">
        <v>84620</v>
      </c>
      <c r="GQ8" s="71">
        <v>118687</v>
      </c>
      <c r="GR8" s="108">
        <v>22502</v>
      </c>
      <c r="GS8" s="80">
        <v>28243</v>
      </c>
      <c r="GT8" s="81">
        <v>50745</v>
      </c>
      <c r="GU8" s="159"/>
      <c r="GV8" s="80">
        <v>28279</v>
      </c>
      <c r="GW8" s="80">
        <v>36376</v>
      </c>
      <c r="GX8" s="80">
        <v>24011</v>
      </c>
      <c r="GY8" s="80">
        <v>21958</v>
      </c>
      <c r="GZ8" s="80">
        <v>14704</v>
      </c>
      <c r="HA8" s="82">
        <v>125328</v>
      </c>
      <c r="HB8" s="83">
        <v>176073</v>
      </c>
      <c r="HC8" s="68">
        <v>657</v>
      </c>
      <c r="HD8" s="69">
        <v>963</v>
      </c>
      <c r="HE8" s="70">
        <v>1620</v>
      </c>
      <c r="HF8" s="159"/>
      <c r="HG8" s="69">
        <v>717</v>
      </c>
      <c r="HH8" s="69">
        <v>1303</v>
      </c>
      <c r="HI8" s="69">
        <v>710</v>
      </c>
      <c r="HJ8" s="69">
        <v>675</v>
      </c>
      <c r="HK8" s="69">
        <v>567</v>
      </c>
      <c r="HL8" s="70">
        <v>3972</v>
      </c>
      <c r="HM8" s="71">
        <v>5592</v>
      </c>
      <c r="HN8" s="68">
        <v>1871</v>
      </c>
      <c r="HO8" s="69">
        <v>2527</v>
      </c>
      <c r="HP8" s="70">
        <v>4398</v>
      </c>
      <c r="HQ8" s="159"/>
      <c r="HR8" s="69">
        <v>2053</v>
      </c>
      <c r="HS8" s="69">
        <v>3028</v>
      </c>
      <c r="HT8" s="69">
        <v>1847</v>
      </c>
      <c r="HU8" s="69">
        <v>1637</v>
      </c>
      <c r="HV8" s="69">
        <v>1354</v>
      </c>
      <c r="HW8" s="70">
        <v>9919</v>
      </c>
      <c r="HX8" s="71">
        <v>14317</v>
      </c>
      <c r="HY8" s="68">
        <v>3578</v>
      </c>
      <c r="HZ8" s="69">
        <v>4282</v>
      </c>
      <c r="IA8" s="70">
        <v>7860</v>
      </c>
      <c r="IB8" s="159"/>
      <c r="IC8" s="69">
        <v>3646</v>
      </c>
      <c r="ID8" s="69">
        <v>4518</v>
      </c>
      <c r="IE8" s="69">
        <v>2762</v>
      </c>
      <c r="IF8" s="69">
        <v>2374</v>
      </c>
      <c r="IG8" s="69">
        <v>1740</v>
      </c>
      <c r="IH8" s="70">
        <v>15040</v>
      </c>
      <c r="II8" s="71">
        <v>22900</v>
      </c>
      <c r="IJ8" s="68">
        <v>6351</v>
      </c>
      <c r="IK8" s="69">
        <v>7157</v>
      </c>
      <c r="IL8" s="70">
        <v>13508</v>
      </c>
      <c r="IM8" s="159"/>
      <c r="IN8" s="69">
        <v>6879</v>
      </c>
      <c r="IO8" s="69">
        <v>7769</v>
      </c>
      <c r="IP8" s="69">
        <v>4658</v>
      </c>
      <c r="IQ8" s="69">
        <v>4109</v>
      </c>
      <c r="IR8" s="69">
        <v>2807</v>
      </c>
      <c r="IS8" s="70">
        <v>26222</v>
      </c>
      <c r="IT8" s="71">
        <v>39730</v>
      </c>
      <c r="IU8" s="68">
        <v>6710</v>
      </c>
      <c r="IV8" s="69">
        <v>8198</v>
      </c>
      <c r="IW8" s="70">
        <v>14908</v>
      </c>
      <c r="IX8" s="159"/>
      <c r="IY8" s="69">
        <v>8592</v>
      </c>
      <c r="IZ8" s="69">
        <v>10046</v>
      </c>
      <c r="JA8" s="69">
        <v>6373</v>
      </c>
      <c r="JB8" s="69">
        <v>5671</v>
      </c>
      <c r="JC8" s="69">
        <v>3583</v>
      </c>
      <c r="JD8" s="70">
        <v>34265</v>
      </c>
      <c r="JE8" s="71">
        <v>49173</v>
      </c>
      <c r="JF8" s="68">
        <v>3335</v>
      </c>
      <c r="JG8" s="69">
        <v>5116</v>
      </c>
      <c r="JH8" s="70">
        <v>8451</v>
      </c>
      <c r="JI8" s="159"/>
      <c r="JJ8" s="69">
        <v>6392</v>
      </c>
      <c r="JK8" s="69">
        <v>9712</v>
      </c>
      <c r="JL8" s="69">
        <v>7661</v>
      </c>
      <c r="JM8" s="69">
        <v>7492</v>
      </c>
      <c r="JN8" s="69">
        <v>4653</v>
      </c>
      <c r="JO8" s="70">
        <v>35910</v>
      </c>
      <c r="JP8" s="71">
        <v>44361</v>
      </c>
      <c r="JQ8" s="68">
        <v>340</v>
      </c>
      <c r="JR8" s="69">
        <v>617</v>
      </c>
      <c r="JS8" s="70">
        <v>957</v>
      </c>
      <c r="JT8" s="159"/>
      <c r="JU8" s="69">
        <v>422</v>
      </c>
      <c r="JV8" s="69">
        <v>1031</v>
      </c>
      <c r="JW8" s="69">
        <v>640</v>
      </c>
      <c r="JX8" s="69">
        <v>582</v>
      </c>
      <c r="JY8" s="69">
        <v>573</v>
      </c>
      <c r="JZ8" s="70">
        <v>3248</v>
      </c>
      <c r="KA8" s="71">
        <v>4205</v>
      </c>
      <c r="KB8" s="68">
        <v>22842</v>
      </c>
      <c r="KC8" s="69">
        <v>28860</v>
      </c>
      <c r="KD8" s="70">
        <v>51702</v>
      </c>
      <c r="KE8" s="159"/>
      <c r="KF8" s="69">
        <v>28701</v>
      </c>
      <c r="KG8" s="69">
        <v>37407</v>
      </c>
      <c r="KH8" s="69">
        <v>24651</v>
      </c>
      <c r="KI8" s="69">
        <v>22540</v>
      </c>
      <c r="KJ8" s="69">
        <v>15277</v>
      </c>
      <c r="KK8" s="70">
        <v>128576</v>
      </c>
      <c r="KL8" s="71">
        <v>180278</v>
      </c>
    </row>
    <row r="9" spans="1:298" ht="19.5" customHeight="1" x14ac:dyDescent="0.2">
      <c r="A9" s="111" t="s">
        <v>6</v>
      </c>
      <c r="B9" s="215">
        <v>2676</v>
      </c>
      <c r="C9" s="80">
        <v>2274</v>
      </c>
      <c r="D9" s="81">
        <v>4950</v>
      </c>
      <c r="E9" s="159"/>
      <c r="F9" s="80">
        <v>4886</v>
      </c>
      <c r="G9" s="80">
        <v>3654</v>
      </c>
      <c r="H9" s="80">
        <v>2784</v>
      </c>
      <c r="I9" s="80">
        <v>2468</v>
      </c>
      <c r="J9" s="80">
        <v>1643</v>
      </c>
      <c r="K9" s="82">
        <v>15435</v>
      </c>
      <c r="L9" s="83">
        <v>20385</v>
      </c>
      <c r="M9" s="68">
        <v>129</v>
      </c>
      <c r="N9" s="69">
        <v>137</v>
      </c>
      <c r="O9" s="70">
        <v>266</v>
      </c>
      <c r="P9" s="159"/>
      <c r="Q9" s="69">
        <v>296</v>
      </c>
      <c r="R9" s="69">
        <v>247</v>
      </c>
      <c r="S9" s="69">
        <v>166</v>
      </c>
      <c r="T9" s="69">
        <v>160</v>
      </c>
      <c r="U9" s="69">
        <v>137</v>
      </c>
      <c r="V9" s="70">
        <v>1006</v>
      </c>
      <c r="W9" s="71">
        <v>1272</v>
      </c>
      <c r="X9" s="68">
        <v>327</v>
      </c>
      <c r="Y9" s="69">
        <v>321</v>
      </c>
      <c r="Z9" s="70">
        <v>648</v>
      </c>
      <c r="AA9" s="159"/>
      <c r="AB9" s="69">
        <v>592</v>
      </c>
      <c r="AC9" s="69">
        <v>522</v>
      </c>
      <c r="AD9" s="69">
        <v>382</v>
      </c>
      <c r="AE9" s="69">
        <v>360</v>
      </c>
      <c r="AF9" s="69">
        <v>257</v>
      </c>
      <c r="AG9" s="70">
        <v>2113</v>
      </c>
      <c r="AH9" s="71">
        <v>2761</v>
      </c>
      <c r="AI9" s="68">
        <v>397</v>
      </c>
      <c r="AJ9" s="69">
        <v>394</v>
      </c>
      <c r="AK9" s="70">
        <v>791</v>
      </c>
      <c r="AL9" s="159"/>
      <c r="AM9" s="69">
        <v>811</v>
      </c>
      <c r="AN9" s="69">
        <v>628</v>
      </c>
      <c r="AO9" s="69">
        <v>454</v>
      </c>
      <c r="AP9" s="69">
        <v>403</v>
      </c>
      <c r="AQ9" s="69">
        <v>288</v>
      </c>
      <c r="AR9" s="70">
        <v>2584</v>
      </c>
      <c r="AS9" s="71">
        <v>3375</v>
      </c>
      <c r="AT9" s="68">
        <v>672</v>
      </c>
      <c r="AU9" s="69">
        <v>482</v>
      </c>
      <c r="AV9" s="70">
        <v>1154</v>
      </c>
      <c r="AW9" s="159"/>
      <c r="AX9" s="69">
        <v>1190</v>
      </c>
      <c r="AY9" s="69">
        <v>828</v>
      </c>
      <c r="AZ9" s="69">
        <v>670</v>
      </c>
      <c r="BA9" s="69">
        <v>540</v>
      </c>
      <c r="BB9" s="69">
        <v>355</v>
      </c>
      <c r="BC9" s="70">
        <v>3583</v>
      </c>
      <c r="BD9" s="71">
        <v>4737</v>
      </c>
      <c r="BE9" s="68">
        <v>733</v>
      </c>
      <c r="BF9" s="69">
        <v>599</v>
      </c>
      <c r="BG9" s="70">
        <v>1332</v>
      </c>
      <c r="BH9" s="159"/>
      <c r="BI9" s="69">
        <v>1190</v>
      </c>
      <c r="BJ9" s="69">
        <v>819</v>
      </c>
      <c r="BK9" s="69">
        <v>651</v>
      </c>
      <c r="BL9" s="69">
        <v>561</v>
      </c>
      <c r="BM9" s="69">
        <v>360</v>
      </c>
      <c r="BN9" s="70">
        <v>3581</v>
      </c>
      <c r="BO9" s="71">
        <v>4913</v>
      </c>
      <c r="BP9" s="68">
        <v>418</v>
      </c>
      <c r="BQ9" s="69">
        <v>341</v>
      </c>
      <c r="BR9" s="70">
        <v>759</v>
      </c>
      <c r="BS9" s="159"/>
      <c r="BT9" s="69">
        <v>807</v>
      </c>
      <c r="BU9" s="69">
        <v>610</v>
      </c>
      <c r="BV9" s="69">
        <v>461</v>
      </c>
      <c r="BW9" s="69">
        <v>444</v>
      </c>
      <c r="BX9" s="69">
        <v>246</v>
      </c>
      <c r="BY9" s="70">
        <v>2568</v>
      </c>
      <c r="BZ9" s="71">
        <v>3327</v>
      </c>
      <c r="CA9" s="68">
        <v>75</v>
      </c>
      <c r="CB9" s="69">
        <v>97</v>
      </c>
      <c r="CC9" s="70">
        <v>172</v>
      </c>
      <c r="CD9" s="159"/>
      <c r="CE9" s="69">
        <v>165</v>
      </c>
      <c r="CF9" s="69">
        <v>191</v>
      </c>
      <c r="CG9" s="69">
        <v>129</v>
      </c>
      <c r="CH9" s="69">
        <v>122</v>
      </c>
      <c r="CI9" s="69">
        <v>123</v>
      </c>
      <c r="CJ9" s="70">
        <v>730</v>
      </c>
      <c r="CK9" s="71">
        <v>902</v>
      </c>
      <c r="CL9" s="68">
        <v>2751</v>
      </c>
      <c r="CM9" s="69">
        <v>2371</v>
      </c>
      <c r="CN9" s="70">
        <v>5122</v>
      </c>
      <c r="CO9" s="159"/>
      <c r="CP9" s="69">
        <v>5051</v>
      </c>
      <c r="CQ9" s="69">
        <v>3845</v>
      </c>
      <c r="CR9" s="69">
        <v>2913</v>
      </c>
      <c r="CS9" s="69">
        <v>2590</v>
      </c>
      <c r="CT9" s="69">
        <v>1766</v>
      </c>
      <c r="CU9" s="70">
        <v>16165</v>
      </c>
      <c r="CV9" s="71">
        <v>21287</v>
      </c>
      <c r="CW9" s="108">
        <v>5168</v>
      </c>
      <c r="CX9" s="80">
        <v>5272</v>
      </c>
      <c r="CY9" s="81">
        <v>10440</v>
      </c>
      <c r="CZ9" s="159"/>
      <c r="DA9" s="80">
        <v>8714</v>
      </c>
      <c r="DB9" s="80">
        <v>6431</v>
      </c>
      <c r="DC9" s="80">
        <v>5120</v>
      </c>
      <c r="DD9" s="80">
        <v>5309</v>
      </c>
      <c r="DE9" s="80">
        <v>3588</v>
      </c>
      <c r="DF9" s="82">
        <v>29162</v>
      </c>
      <c r="DG9" s="83">
        <v>39602</v>
      </c>
      <c r="DH9" s="68">
        <v>132</v>
      </c>
      <c r="DI9" s="69">
        <v>122</v>
      </c>
      <c r="DJ9" s="70">
        <v>254</v>
      </c>
      <c r="DK9" s="159"/>
      <c r="DL9" s="69">
        <v>212</v>
      </c>
      <c r="DM9" s="69">
        <v>156</v>
      </c>
      <c r="DN9" s="69">
        <v>126</v>
      </c>
      <c r="DO9" s="69">
        <v>113</v>
      </c>
      <c r="DP9" s="69">
        <v>85</v>
      </c>
      <c r="DQ9" s="70">
        <v>692</v>
      </c>
      <c r="DR9" s="71">
        <v>946</v>
      </c>
      <c r="DS9" s="68">
        <v>403</v>
      </c>
      <c r="DT9" s="69">
        <v>398</v>
      </c>
      <c r="DU9" s="70">
        <v>801</v>
      </c>
      <c r="DV9" s="159"/>
      <c r="DW9" s="69">
        <v>534</v>
      </c>
      <c r="DX9" s="69">
        <v>412</v>
      </c>
      <c r="DY9" s="69">
        <v>255</v>
      </c>
      <c r="DZ9" s="69">
        <v>276</v>
      </c>
      <c r="EA9" s="69">
        <v>223</v>
      </c>
      <c r="EB9" s="70">
        <v>1700</v>
      </c>
      <c r="EC9" s="71">
        <v>2501</v>
      </c>
      <c r="ED9" s="68">
        <v>834</v>
      </c>
      <c r="EE9" s="69">
        <v>807</v>
      </c>
      <c r="EF9" s="70">
        <v>1641</v>
      </c>
      <c r="EG9" s="159"/>
      <c r="EH9" s="69">
        <v>1121</v>
      </c>
      <c r="EI9" s="69">
        <v>715</v>
      </c>
      <c r="EJ9" s="69">
        <v>495</v>
      </c>
      <c r="EK9" s="69">
        <v>491</v>
      </c>
      <c r="EL9" s="69">
        <v>319</v>
      </c>
      <c r="EM9" s="70">
        <v>3141</v>
      </c>
      <c r="EN9" s="71">
        <v>4782</v>
      </c>
      <c r="EO9" s="68">
        <v>1567</v>
      </c>
      <c r="EP9" s="69">
        <v>1386</v>
      </c>
      <c r="EQ9" s="70">
        <v>2953</v>
      </c>
      <c r="ER9" s="159"/>
      <c r="ES9" s="69">
        <v>2141</v>
      </c>
      <c r="ET9" s="69">
        <v>1351</v>
      </c>
      <c r="EU9" s="69">
        <v>931</v>
      </c>
      <c r="EV9" s="69">
        <v>909</v>
      </c>
      <c r="EW9" s="69">
        <v>666</v>
      </c>
      <c r="EX9" s="70">
        <v>5998</v>
      </c>
      <c r="EY9" s="71">
        <v>8951</v>
      </c>
      <c r="EZ9" s="68">
        <v>1484</v>
      </c>
      <c r="FA9" s="69">
        <v>1602</v>
      </c>
      <c r="FB9" s="70">
        <v>3086</v>
      </c>
      <c r="FC9" s="159"/>
      <c r="FD9" s="69">
        <v>2646</v>
      </c>
      <c r="FE9" s="69">
        <v>1817</v>
      </c>
      <c r="FF9" s="69">
        <v>1412</v>
      </c>
      <c r="FG9" s="69">
        <v>1423</v>
      </c>
      <c r="FH9" s="69">
        <v>960</v>
      </c>
      <c r="FI9" s="70">
        <v>8258</v>
      </c>
      <c r="FJ9" s="71">
        <v>11344</v>
      </c>
      <c r="FK9" s="68">
        <v>748</v>
      </c>
      <c r="FL9" s="69">
        <v>957</v>
      </c>
      <c r="FM9" s="70">
        <v>1705</v>
      </c>
      <c r="FN9" s="159"/>
      <c r="FO9" s="69">
        <v>2060</v>
      </c>
      <c r="FP9" s="69">
        <v>1980</v>
      </c>
      <c r="FQ9" s="69">
        <v>1901</v>
      </c>
      <c r="FR9" s="69">
        <v>2097</v>
      </c>
      <c r="FS9" s="69">
        <v>1335</v>
      </c>
      <c r="FT9" s="70">
        <v>9373</v>
      </c>
      <c r="FU9" s="71">
        <v>11078</v>
      </c>
      <c r="FV9" s="68">
        <v>53</v>
      </c>
      <c r="FW9" s="69">
        <v>84</v>
      </c>
      <c r="FX9" s="70">
        <v>137</v>
      </c>
      <c r="FY9" s="159"/>
      <c r="FZ9" s="69">
        <v>128</v>
      </c>
      <c r="GA9" s="69">
        <v>127</v>
      </c>
      <c r="GB9" s="69">
        <v>97</v>
      </c>
      <c r="GC9" s="69">
        <v>88</v>
      </c>
      <c r="GD9" s="69">
        <v>81</v>
      </c>
      <c r="GE9" s="70">
        <v>521</v>
      </c>
      <c r="GF9" s="71">
        <v>658</v>
      </c>
      <c r="GG9" s="68">
        <v>5221</v>
      </c>
      <c r="GH9" s="69">
        <v>5356</v>
      </c>
      <c r="GI9" s="70">
        <v>10577</v>
      </c>
      <c r="GJ9" s="159"/>
      <c r="GK9" s="69">
        <v>8842</v>
      </c>
      <c r="GL9" s="69">
        <v>6558</v>
      </c>
      <c r="GM9" s="69">
        <v>5217</v>
      </c>
      <c r="GN9" s="69">
        <v>5397</v>
      </c>
      <c r="GO9" s="69">
        <v>3669</v>
      </c>
      <c r="GP9" s="70">
        <v>29683</v>
      </c>
      <c r="GQ9" s="71">
        <v>40260</v>
      </c>
      <c r="GR9" s="108">
        <v>7844</v>
      </c>
      <c r="GS9" s="80">
        <v>7546</v>
      </c>
      <c r="GT9" s="81">
        <v>15390</v>
      </c>
      <c r="GU9" s="159"/>
      <c r="GV9" s="80">
        <v>13600</v>
      </c>
      <c r="GW9" s="80">
        <v>10085</v>
      </c>
      <c r="GX9" s="80">
        <v>7904</v>
      </c>
      <c r="GY9" s="80">
        <v>7777</v>
      </c>
      <c r="GZ9" s="80">
        <v>5231</v>
      </c>
      <c r="HA9" s="82">
        <v>44597</v>
      </c>
      <c r="HB9" s="83">
        <v>59987</v>
      </c>
      <c r="HC9" s="68">
        <v>261</v>
      </c>
      <c r="HD9" s="69">
        <v>259</v>
      </c>
      <c r="HE9" s="70">
        <v>520</v>
      </c>
      <c r="HF9" s="159"/>
      <c r="HG9" s="69">
        <v>508</v>
      </c>
      <c r="HH9" s="69">
        <v>403</v>
      </c>
      <c r="HI9" s="69">
        <v>292</v>
      </c>
      <c r="HJ9" s="69">
        <v>273</v>
      </c>
      <c r="HK9" s="69">
        <v>222</v>
      </c>
      <c r="HL9" s="70">
        <v>1698</v>
      </c>
      <c r="HM9" s="71">
        <v>2218</v>
      </c>
      <c r="HN9" s="68">
        <v>730</v>
      </c>
      <c r="HO9" s="69">
        <v>719</v>
      </c>
      <c r="HP9" s="70">
        <v>1449</v>
      </c>
      <c r="HQ9" s="159"/>
      <c r="HR9" s="69">
        <v>1126</v>
      </c>
      <c r="HS9" s="69">
        <v>934</v>
      </c>
      <c r="HT9" s="69">
        <v>637</v>
      </c>
      <c r="HU9" s="69">
        <v>636</v>
      </c>
      <c r="HV9" s="69">
        <v>480</v>
      </c>
      <c r="HW9" s="70">
        <v>3813</v>
      </c>
      <c r="HX9" s="71">
        <v>5262</v>
      </c>
      <c r="HY9" s="68">
        <v>1231</v>
      </c>
      <c r="HZ9" s="69">
        <v>1201</v>
      </c>
      <c r="IA9" s="70">
        <v>2432</v>
      </c>
      <c r="IB9" s="159"/>
      <c r="IC9" s="69">
        <v>1932</v>
      </c>
      <c r="ID9" s="69">
        <v>1343</v>
      </c>
      <c r="IE9" s="69">
        <v>949</v>
      </c>
      <c r="IF9" s="69">
        <v>894</v>
      </c>
      <c r="IG9" s="69">
        <v>607</v>
      </c>
      <c r="IH9" s="70">
        <v>5725</v>
      </c>
      <c r="II9" s="71">
        <v>8157</v>
      </c>
      <c r="IJ9" s="68">
        <v>2239</v>
      </c>
      <c r="IK9" s="69">
        <v>1868</v>
      </c>
      <c r="IL9" s="70">
        <v>4107</v>
      </c>
      <c r="IM9" s="159"/>
      <c r="IN9" s="69">
        <v>3331</v>
      </c>
      <c r="IO9" s="69">
        <v>2179</v>
      </c>
      <c r="IP9" s="69">
        <v>1601</v>
      </c>
      <c r="IQ9" s="69">
        <v>1449</v>
      </c>
      <c r="IR9" s="69">
        <v>1021</v>
      </c>
      <c r="IS9" s="70">
        <v>9581</v>
      </c>
      <c r="IT9" s="71">
        <v>13688</v>
      </c>
      <c r="IU9" s="68">
        <v>2217</v>
      </c>
      <c r="IV9" s="69">
        <v>2201</v>
      </c>
      <c r="IW9" s="70">
        <v>4418</v>
      </c>
      <c r="IX9" s="159"/>
      <c r="IY9" s="69">
        <v>3836</v>
      </c>
      <c r="IZ9" s="69">
        <v>2636</v>
      </c>
      <c r="JA9" s="69">
        <v>2063</v>
      </c>
      <c r="JB9" s="69">
        <v>1984</v>
      </c>
      <c r="JC9" s="69">
        <v>1320</v>
      </c>
      <c r="JD9" s="70">
        <v>11839</v>
      </c>
      <c r="JE9" s="71">
        <v>16257</v>
      </c>
      <c r="JF9" s="68">
        <v>1166</v>
      </c>
      <c r="JG9" s="69">
        <v>1298</v>
      </c>
      <c r="JH9" s="70">
        <v>2464</v>
      </c>
      <c r="JI9" s="159"/>
      <c r="JJ9" s="69">
        <v>2867</v>
      </c>
      <c r="JK9" s="69">
        <v>2590</v>
      </c>
      <c r="JL9" s="69">
        <v>2362</v>
      </c>
      <c r="JM9" s="69">
        <v>2541</v>
      </c>
      <c r="JN9" s="69">
        <v>1581</v>
      </c>
      <c r="JO9" s="70">
        <v>11941</v>
      </c>
      <c r="JP9" s="71">
        <v>14405</v>
      </c>
      <c r="JQ9" s="68">
        <v>128</v>
      </c>
      <c r="JR9" s="69">
        <v>181</v>
      </c>
      <c r="JS9" s="70">
        <v>309</v>
      </c>
      <c r="JT9" s="159"/>
      <c r="JU9" s="69">
        <v>293</v>
      </c>
      <c r="JV9" s="69">
        <v>318</v>
      </c>
      <c r="JW9" s="69">
        <v>226</v>
      </c>
      <c r="JX9" s="69">
        <v>210</v>
      </c>
      <c r="JY9" s="69">
        <v>204</v>
      </c>
      <c r="JZ9" s="70">
        <v>1251</v>
      </c>
      <c r="KA9" s="71">
        <v>1560</v>
      </c>
      <c r="KB9" s="68">
        <v>7972</v>
      </c>
      <c r="KC9" s="69">
        <v>7727</v>
      </c>
      <c r="KD9" s="70">
        <v>15699</v>
      </c>
      <c r="KE9" s="159"/>
      <c r="KF9" s="69">
        <v>13893</v>
      </c>
      <c r="KG9" s="69">
        <v>10403</v>
      </c>
      <c r="KH9" s="69">
        <v>8130</v>
      </c>
      <c r="KI9" s="69">
        <v>7987</v>
      </c>
      <c r="KJ9" s="69">
        <v>5435</v>
      </c>
      <c r="KK9" s="70">
        <v>45848</v>
      </c>
      <c r="KL9" s="71">
        <v>61547</v>
      </c>
    </row>
    <row r="10" spans="1:298" ht="19.5" customHeight="1" x14ac:dyDescent="0.2">
      <c r="A10" s="111" t="s">
        <v>14</v>
      </c>
      <c r="B10" s="215">
        <v>1489</v>
      </c>
      <c r="C10" s="80">
        <v>1849</v>
      </c>
      <c r="D10" s="81">
        <v>3338</v>
      </c>
      <c r="E10" s="159"/>
      <c r="F10" s="80">
        <v>2188</v>
      </c>
      <c r="G10" s="80">
        <v>2335</v>
      </c>
      <c r="H10" s="80">
        <v>1789</v>
      </c>
      <c r="I10" s="80">
        <v>1469</v>
      </c>
      <c r="J10" s="80">
        <v>886</v>
      </c>
      <c r="K10" s="82">
        <v>8667</v>
      </c>
      <c r="L10" s="83">
        <v>12005</v>
      </c>
      <c r="M10" s="68">
        <v>79</v>
      </c>
      <c r="N10" s="69">
        <v>105</v>
      </c>
      <c r="O10" s="70">
        <v>184</v>
      </c>
      <c r="P10" s="159"/>
      <c r="Q10" s="69">
        <v>103</v>
      </c>
      <c r="R10" s="69">
        <v>123</v>
      </c>
      <c r="S10" s="69">
        <v>110</v>
      </c>
      <c r="T10" s="69">
        <v>90</v>
      </c>
      <c r="U10" s="69">
        <v>75</v>
      </c>
      <c r="V10" s="70">
        <v>501</v>
      </c>
      <c r="W10" s="71">
        <v>685</v>
      </c>
      <c r="X10" s="68">
        <v>168</v>
      </c>
      <c r="Y10" s="69">
        <v>247</v>
      </c>
      <c r="Z10" s="70">
        <v>415</v>
      </c>
      <c r="AA10" s="159"/>
      <c r="AB10" s="69">
        <v>224</v>
      </c>
      <c r="AC10" s="69">
        <v>281</v>
      </c>
      <c r="AD10" s="69">
        <v>247</v>
      </c>
      <c r="AE10" s="69">
        <v>194</v>
      </c>
      <c r="AF10" s="69">
        <v>129</v>
      </c>
      <c r="AG10" s="70">
        <v>1075</v>
      </c>
      <c r="AH10" s="71">
        <v>1490</v>
      </c>
      <c r="AI10" s="68">
        <v>256</v>
      </c>
      <c r="AJ10" s="69">
        <v>348</v>
      </c>
      <c r="AK10" s="70">
        <v>604</v>
      </c>
      <c r="AL10" s="159"/>
      <c r="AM10" s="69">
        <v>368</v>
      </c>
      <c r="AN10" s="69">
        <v>394</v>
      </c>
      <c r="AO10" s="69">
        <v>304</v>
      </c>
      <c r="AP10" s="69">
        <v>246</v>
      </c>
      <c r="AQ10" s="69">
        <v>176</v>
      </c>
      <c r="AR10" s="70">
        <v>1488</v>
      </c>
      <c r="AS10" s="71">
        <v>2092</v>
      </c>
      <c r="AT10" s="68">
        <v>386</v>
      </c>
      <c r="AU10" s="69">
        <v>482</v>
      </c>
      <c r="AV10" s="70">
        <v>868</v>
      </c>
      <c r="AW10" s="159"/>
      <c r="AX10" s="69">
        <v>623</v>
      </c>
      <c r="AY10" s="69">
        <v>578</v>
      </c>
      <c r="AZ10" s="69">
        <v>462</v>
      </c>
      <c r="BA10" s="69">
        <v>376</v>
      </c>
      <c r="BB10" s="69">
        <v>223</v>
      </c>
      <c r="BC10" s="70">
        <v>2262</v>
      </c>
      <c r="BD10" s="71">
        <v>3130</v>
      </c>
      <c r="BE10" s="68">
        <v>392</v>
      </c>
      <c r="BF10" s="69">
        <v>407</v>
      </c>
      <c r="BG10" s="70">
        <v>799</v>
      </c>
      <c r="BH10" s="159"/>
      <c r="BI10" s="69">
        <v>528</v>
      </c>
      <c r="BJ10" s="69">
        <v>614</v>
      </c>
      <c r="BK10" s="69">
        <v>410</v>
      </c>
      <c r="BL10" s="69">
        <v>325</v>
      </c>
      <c r="BM10" s="69">
        <v>165</v>
      </c>
      <c r="BN10" s="70">
        <v>2042</v>
      </c>
      <c r="BO10" s="71">
        <v>2841</v>
      </c>
      <c r="BP10" s="68">
        <v>208</v>
      </c>
      <c r="BQ10" s="69">
        <v>260</v>
      </c>
      <c r="BR10" s="70">
        <v>468</v>
      </c>
      <c r="BS10" s="159"/>
      <c r="BT10" s="69">
        <v>342</v>
      </c>
      <c r="BU10" s="69">
        <v>345</v>
      </c>
      <c r="BV10" s="69">
        <v>256</v>
      </c>
      <c r="BW10" s="69">
        <v>238</v>
      </c>
      <c r="BX10" s="69">
        <v>118</v>
      </c>
      <c r="BY10" s="70">
        <v>1299</v>
      </c>
      <c r="BZ10" s="71">
        <v>1767</v>
      </c>
      <c r="CA10" s="68">
        <v>37</v>
      </c>
      <c r="CB10" s="69">
        <v>71</v>
      </c>
      <c r="CC10" s="70">
        <v>108</v>
      </c>
      <c r="CD10" s="159"/>
      <c r="CE10" s="69">
        <v>42</v>
      </c>
      <c r="CF10" s="69">
        <v>103</v>
      </c>
      <c r="CG10" s="69">
        <v>64</v>
      </c>
      <c r="CH10" s="69">
        <v>58</v>
      </c>
      <c r="CI10" s="69">
        <v>49</v>
      </c>
      <c r="CJ10" s="70">
        <v>316</v>
      </c>
      <c r="CK10" s="71">
        <v>424</v>
      </c>
      <c r="CL10" s="68">
        <v>1526</v>
      </c>
      <c r="CM10" s="69">
        <v>1920</v>
      </c>
      <c r="CN10" s="70">
        <v>3446</v>
      </c>
      <c r="CO10" s="159"/>
      <c r="CP10" s="69">
        <v>2230</v>
      </c>
      <c r="CQ10" s="69">
        <v>2438</v>
      </c>
      <c r="CR10" s="69">
        <v>1853</v>
      </c>
      <c r="CS10" s="69">
        <v>1527</v>
      </c>
      <c r="CT10" s="69">
        <v>935</v>
      </c>
      <c r="CU10" s="70">
        <v>8983</v>
      </c>
      <c r="CV10" s="71">
        <v>12429</v>
      </c>
      <c r="CW10" s="108">
        <v>2862</v>
      </c>
      <c r="CX10" s="80">
        <v>3962</v>
      </c>
      <c r="CY10" s="81">
        <v>6824</v>
      </c>
      <c r="CZ10" s="159"/>
      <c r="DA10" s="80">
        <v>3704</v>
      </c>
      <c r="DB10" s="80">
        <v>3692</v>
      </c>
      <c r="DC10" s="80">
        <v>2917</v>
      </c>
      <c r="DD10" s="80">
        <v>3009</v>
      </c>
      <c r="DE10" s="80">
        <v>1802</v>
      </c>
      <c r="DF10" s="82">
        <v>15124</v>
      </c>
      <c r="DG10" s="83">
        <v>21948</v>
      </c>
      <c r="DH10" s="68">
        <v>80</v>
      </c>
      <c r="DI10" s="69">
        <v>104</v>
      </c>
      <c r="DJ10" s="70">
        <v>184</v>
      </c>
      <c r="DK10" s="159"/>
      <c r="DL10" s="69">
        <v>78</v>
      </c>
      <c r="DM10" s="69">
        <v>87</v>
      </c>
      <c r="DN10" s="69">
        <v>68</v>
      </c>
      <c r="DO10" s="69">
        <v>70</v>
      </c>
      <c r="DP10" s="69">
        <v>45</v>
      </c>
      <c r="DQ10" s="70">
        <v>348</v>
      </c>
      <c r="DR10" s="71">
        <v>532</v>
      </c>
      <c r="DS10" s="68">
        <v>291</v>
      </c>
      <c r="DT10" s="69">
        <v>366</v>
      </c>
      <c r="DU10" s="70">
        <v>657</v>
      </c>
      <c r="DV10" s="159"/>
      <c r="DW10" s="69">
        <v>221</v>
      </c>
      <c r="DX10" s="69">
        <v>307</v>
      </c>
      <c r="DY10" s="69">
        <v>177</v>
      </c>
      <c r="DZ10" s="69">
        <v>161</v>
      </c>
      <c r="EA10" s="69">
        <v>140</v>
      </c>
      <c r="EB10" s="70">
        <v>1006</v>
      </c>
      <c r="EC10" s="71">
        <v>1663</v>
      </c>
      <c r="ED10" s="68">
        <v>520</v>
      </c>
      <c r="EE10" s="69">
        <v>658</v>
      </c>
      <c r="EF10" s="70">
        <v>1178</v>
      </c>
      <c r="EG10" s="159"/>
      <c r="EH10" s="69">
        <v>570</v>
      </c>
      <c r="EI10" s="69">
        <v>494</v>
      </c>
      <c r="EJ10" s="69">
        <v>336</v>
      </c>
      <c r="EK10" s="69">
        <v>328</v>
      </c>
      <c r="EL10" s="69">
        <v>238</v>
      </c>
      <c r="EM10" s="70">
        <v>1966</v>
      </c>
      <c r="EN10" s="71">
        <v>3144</v>
      </c>
      <c r="EO10" s="68">
        <v>872</v>
      </c>
      <c r="EP10" s="69">
        <v>1134</v>
      </c>
      <c r="EQ10" s="70">
        <v>2006</v>
      </c>
      <c r="ER10" s="159"/>
      <c r="ES10" s="69">
        <v>937</v>
      </c>
      <c r="ET10" s="69">
        <v>854</v>
      </c>
      <c r="EU10" s="69">
        <v>582</v>
      </c>
      <c r="EV10" s="69">
        <v>542</v>
      </c>
      <c r="EW10" s="69">
        <v>342</v>
      </c>
      <c r="EX10" s="70">
        <v>3257</v>
      </c>
      <c r="EY10" s="71">
        <v>5263</v>
      </c>
      <c r="EZ10" s="68">
        <v>741</v>
      </c>
      <c r="FA10" s="69">
        <v>1095</v>
      </c>
      <c r="FB10" s="70">
        <v>1836</v>
      </c>
      <c r="FC10" s="159"/>
      <c r="FD10" s="69">
        <v>1082</v>
      </c>
      <c r="FE10" s="69">
        <v>958</v>
      </c>
      <c r="FF10" s="69">
        <v>760</v>
      </c>
      <c r="FG10" s="69">
        <v>774</v>
      </c>
      <c r="FH10" s="69">
        <v>455</v>
      </c>
      <c r="FI10" s="70">
        <v>4029</v>
      </c>
      <c r="FJ10" s="71">
        <v>5865</v>
      </c>
      <c r="FK10" s="68">
        <v>358</v>
      </c>
      <c r="FL10" s="69">
        <v>605</v>
      </c>
      <c r="FM10" s="70">
        <v>963</v>
      </c>
      <c r="FN10" s="159"/>
      <c r="FO10" s="69">
        <v>816</v>
      </c>
      <c r="FP10" s="69">
        <v>992</v>
      </c>
      <c r="FQ10" s="69">
        <v>994</v>
      </c>
      <c r="FR10" s="69">
        <v>1134</v>
      </c>
      <c r="FS10" s="69">
        <v>582</v>
      </c>
      <c r="FT10" s="70">
        <v>4518</v>
      </c>
      <c r="FU10" s="71">
        <v>5481</v>
      </c>
      <c r="FV10" s="68">
        <v>21</v>
      </c>
      <c r="FW10" s="69">
        <v>73</v>
      </c>
      <c r="FX10" s="70">
        <v>94</v>
      </c>
      <c r="FY10" s="159"/>
      <c r="FZ10" s="69">
        <v>31</v>
      </c>
      <c r="GA10" s="69">
        <v>72</v>
      </c>
      <c r="GB10" s="69">
        <v>43</v>
      </c>
      <c r="GC10" s="69">
        <v>49</v>
      </c>
      <c r="GD10" s="69">
        <v>49</v>
      </c>
      <c r="GE10" s="70">
        <v>244</v>
      </c>
      <c r="GF10" s="71">
        <v>338</v>
      </c>
      <c r="GG10" s="68">
        <v>2883</v>
      </c>
      <c r="GH10" s="69">
        <v>4035</v>
      </c>
      <c r="GI10" s="70">
        <v>6918</v>
      </c>
      <c r="GJ10" s="159"/>
      <c r="GK10" s="69">
        <v>3735</v>
      </c>
      <c r="GL10" s="69">
        <v>3764</v>
      </c>
      <c r="GM10" s="69">
        <v>2960</v>
      </c>
      <c r="GN10" s="69">
        <v>3058</v>
      </c>
      <c r="GO10" s="69">
        <v>1851</v>
      </c>
      <c r="GP10" s="70">
        <v>15368</v>
      </c>
      <c r="GQ10" s="71">
        <v>22286</v>
      </c>
      <c r="GR10" s="108">
        <v>4351</v>
      </c>
      <c r="GS10" s="80">
        <v>5811</v>
      </c>
      <c r="GT10" s="81">
        <v>10162</v>
      </c>
      <c r="GU10" s="159"/>
      <c r="GV10" s="80">
        <v>5892</v>
      </c>
      <c r="GW10" s="80">
        <v>6027</v>
      </c>
      <c r="GX10" s="80">
        <v>4706</v>
      </c>
      <c r="GY10" s="80">
        <v>4478</v>
      </c>
      <c r="GZ10" s="80">
        <v>2688</v>
      </c>
      <c r="HA10" s="82">
        <v>23791</v>
      </c>
      <c r="HB10" s="83">
        <v>33953</v>
      </c>
      <c r="HC10" s="68">
        <v>159</v>
      </c>
      <c r="HD10" s="69">
        <v>209</v>
      </c>
      <c r="HE10" s="70">
        <v>368</v>
      </c>
      <c r="HF10" s="159"/>
      <c r="HG10" s="69">
        <v>181</v>
      </c>
      <c r="HH10" s="69">
        <v>210</v>
      </c>
      <c r="HI10" s="69">
        <v>178</v>
      </c>
      <c r="HJ10" s="69">
        <v>160</v>
      </c>
      <c r="HK10" s="69">
        <v>120</v>
      </c>
      <c r="HL10" s="70">
        <v>849</v>
      </c>
      <c r="HM10" s="71">
        <v>1217</v>
      </c>
      <c r="HN10" s="68">
        <v>459</v>
      </c>
      <c r="HO10" s="69">
        <v>613</v>
      </c>
      <c r="HP10" s="70">
        <v>1072</v>
      </c>
      <c r="HQ10" s="159"/>
      <c r="HR10" s="69">
        <v>445</v>
      </c>
      <c r="HS10" s="69">
        <v>588</v>
      </c>
      <c r="HT10" s="69">
        <v>424</v>
      </c>
      <c r="HU10" s="69">
        <v>355</v>
      </c>
      <c r="HV10" s="69">
        <v>269</v>
      </c>
      <c r="HW10" s="70">
        <v>2081</v>
      </c>
      <c r="HX10" s="71">
        <v>3153</v>
      </c>
      <c r="HY10" s="68">
        <v>776</v>
      </c>
      <c r="HZ10" s="69">
        <v>1006</v>
      </c>
      <c r="IA10" s="70">
        <v>1782</v>
      </c>
      <c r="IB10" s="159"/>
      <c r="IC10" s="69">
        <v>938</v>
      </c>
      <c r="ID10" s="69">
        <v>888</v>
      </c>
      <c r="IE10" s="69">
        <v>640</v>
      </c>
      <c r="IF10" s="69">
        <v>574</v>
      </c>
      <c r="IG10" s="69">
        <v>414</v>
      </c>
      <c r="IH10" s="70">
        <v>3454</v>
      </c>
      <c r="II10" s="71">
        <v>5236</v>
      </c>
      <c r="IJ10" s="68">
        <v>1258</v>
      </c>
      <c r="IK10" s="69">
        <v>1616</v>
      </c>
      <c r="IL10" s="70">
        <v>2874</v>
      </c>
      <c r="IM10" s="159"/>
      <c r="IN10" s="69">
        <v>1560</v>
      </c>
      <c r="IO10" s="69">
        <v>1432</v>
      </c>
      <c r="IP10" s="69">
        <v>1044</v>
      </c>
      <c r="IQ10" s="69">
        <v>918</v>
      </c>
      <c r="IR10" s="69">
        <v>565</v>
      </c>
      <c r="IS10" s="70">
        <v>5519</v>
      </c>
      <c r="IT10" s="71">
        <v>8393</v>
      </c>
      <c r="IU10" s="68">
        <v>1133</v>
      </c>
      <c r="IV10" s="69">
        <v>1502</v>
      </c>
      <c r="IW10" s="70">
        <v>2635</v>
      </c>
      <c r="IX10" s="159"/>
      <c r="IY10" s="69">
        <v>1610</v>
      </c>
      <c r="IZ10" s="69">
        <v>1572</v>
      </c>
      <c r="JA10" s="69">
        <v>1170</v>
      </c>
      <c r="JB10" s="69">
        <v>1099</v>
      </c>
      <c r="JC10" s="69">
        <v>620</v>
      </c>
      <c r="JD10" s="70">
        <v>6071</v>
      </c>
      <c r="JE10" s="71">
        <v>8706</v>
      </c>
      <c r="JF10" s="68">
        <v>566</v>
      </c>
      <c r="JG10" s="69">
        <v>865</v>
      </c>
      <c r="JH10" s="70">
        <v>1431</v>
      </c>
      <c r="JI10" s="159"/>
      <c r="JJ10" s="69">
        <v>1158</v>
      </c>
      <c r="JK10" s="69">
        <v>1337</v>
      </c>
      <c r="JL10" s="69">
        <v>1250</v>
      </c>
      <c r="JM10" s="69">
        <v>1372</v>
      </c>
      <c r="JN10" s="69">
        <v>700</v>
      </c>
      <c r="JO10" s="70">
        <v>5817</v>
      </c>
      <c r="JP10" s="71">
        <v>7248</v>
      </c>
      <c r="JQ10" s="68">
        <v>58</v>
      </c>
      <c r="JR10" s="69">
        <v>144</v>
      </c>
      <c r="JS10" s="70">
        <v>202</v>
      </c>
      <c r="JT10" s="159"/>
      <c r="JU10" s="69">
        <v>73</v>
      </c>
      <c r="JV10" s="69">
        <v>175</v>
      </c>
      <c r="JW10" s="69">
        <v>107</v>
      </c>
      <c r="JX10" s="69">
        <v>107</v>
      </c>
      <c r="JY10" s="69">
        <v>98</v>
      </c>
      <c r="JZ10" s="70">
        <v>560</v>
      </c>
      <c r="KA10" s="71">
        <v>762</v>
      </c>
      <c r="KB10" s="68">
        <v>4409</v>
      </c>
      <c r="KC10" s="69">
        <v>5955</v>
      </c>
      <c r="KD10" s="70">
        <v>10364</v>
      </c>
      <c r="KE10" s="159"/>
      <c r="KF10" s="69">
        <v>5965</v>
      </c>
      <c r="KG10" s="69">
        <v>6202</v>
      </c>
      <c r="KH10" s="69">
        <v>4813</v>
      </c>
      <c r="KI10" s="69">
        <v>4585</v>
      </c>
      <c r="KJ10" s="69">
        <v>2786</v>
      </c>
      <c r="KK10" s="70">
        <v>24351</v>
      </c>
      <c r="KL10" s="71">
        <v>34715</v>
      </c>
    </row>
    <row r="11" spans="1:298" ht="19.5" customHeight="1" x14ac:dyDescent="0.2">
      <c r="A11" s="111" t="s">
        <v>7</v>
      </c>
      <c r="B11" s="215">
        <v>947</v>
      </c>
      <c r="C11" s="80">
        <v>704</v>
      </c>
      <c r="D11" s="81">
        <v>1651</v>
      </c>
      <c r="E11" s="159"/>
      <c r="F11" s="80">
        <v>2252</v>
      </c>
      <c r="G11" s="80">
        <v>1559</v>
      </c>
      <c r="H11" s="80">
        <v>989</v>
      </c>
      <c r="I11" s="80">
        <v>802</v>
      </c>
      <c r="J11" s="80">
        <v>459</v>
      </c>
      <c r="K11" s="82">
        <v>6061</v>
      </c>
      <c r="L11" s="83">
        <v>7712</v>
      </c>
      <c r="M11" s="68">
        <v>38</v>
      </c>
      <c r="N11" s="69">
        <v>27</v>
      </c>
      <c r="O11" s="70">
        <v>65</v>
      </c>
      <c r="P11" s="159"/>
      <c r="Q11" s="69">
        <v>87</v>
      </c>
      <c r="R11" s="69">
        <v>78</v>
      </c>
      <c r="S11" s="69">
        <v>54</v>
      </c>
      <c r="T11" s="69">
        <v>52</v>
      </c>
      <c r="U11" s="69">
        <v>33</v>
      </c>
      <c r="V11" s="70">
        <v>304</v>
      </c>
      <c r="W11" s="71">
        <v>369</v>
      </c>
      <c r="X11" s="68">
        <v>109</v>
      </c>
      <c r="Y11" s="69">
        <v>85</v>
      </c>
      <c r="Z11" s="70">
        <v>194</v>
      </c>
      <c r="AA11" s="159"/>
      <c r="AB11" s="69">
        <v>257</v>
      </c>
      <c r="AC11" s="69">
        <v>201</v>
      </c>
      <c r="AD11" s="69">
        <v>121</v>
      </c>
      <c r="AE11" s="69">
        <v>84</v>
      </c>
      <c r="AF11" s="69">
        <v>70</v>
      </c>
      <c r="AG11" s="70">
        <v>733</v>
      </c>
      <c r="AH11" s="71">
        <v>927</v>
      </c>
      <c r="AI11" s="68">
        <v>159</v>
      </c>
      <c r="AJ11" s="69">
        <v>112</v>
      </c>
      <c r="AK11" s="70">
        <v>271</v>
      </c>
      <c r="AL11" s="159"/>
      <c r="AM11" s="69">
        <v>381</v>
      </c>
      <c r="AN11" s="69">
        <v>245</v>
      </c>
      <c r="AO11" s="69">
        <v>163</v>
      </c>
      <c r="AP11" s="69">
        <v>138</v>
      </c>
      <c r="AQ11" s="69">
        <v>85</v>
      </c>
      <c r="AR11" s="70">
        <v>1012</v>
      </c>
      <c r="AS11" s="71">
        <v>1283</v>
      </c>
      <c r="AT11" s="68">
        <v>244</v>
      </c>
      <c r="AU11" s="69">
        <v>184</v>
      </c>
      <c r="AV11" s="70">
        <v>428</v>
      </c>
      <c r="AW11" s="159"/>
      <c r="AX11" s="69">
        <v>547</v>
      </c>
      <c r="AY11" s="69">
        <v>380</v>
      </c>
      <c r="AZ11" s="69">
        <v>230</v>
      </c>
      <c r="BA11" s="69">
        <v>164</v>
      </c>
      <c r="BB11" s="69">
        <v>103</v>
      </c>
      <c r="BC11" s="70">
        <v>1424</v>
      </c>
      <c r="BD11" s="71">
        <v>1852</v>
      </c>
      <c r="BE11" s="68">
        <v>253</v>
      </c>
      <c r="BF11" s="69">
        <v>184</v>
      </c>
      <c r="BG11" s="70">
        <v>437</v>
      </c>
      <c r="BH11" s="159"/>
      <c r="BI11" s="69">
        <v>570</v>
      </c>
      <c r="BJ11" s="69">
        <v>360</v>
      </c>
      <c r="BK11" s="69">
        <v>246</v>
      </c>
      <c r="BL11" s="69">
        <v>201</v>
      </c>
      <c r="BM11" s="69">
        <v>112</v>
      </c>
      <c r="BN11" s="70">
        <v>1489</v>
      </c>
      <c r="BO11" s="71">
        <v>1926</v>
      </c>
      <c r="BP11" s="68">
        <v>144</v>
      </c>
      <c r="BQ11" s="69">
        <v>112</v>
      </c>
      <c r="BR11" s="70">
        <v>256</v>
      </c>
      <c r="BS11" s="159"/>
      <c r="BT11" s="69">
        <v>410</v>
      </c>
      <c r="BU11" s="69">
        <v>295</v>
      </c>
      <c r="BV11" s="69">
        <v>175</v>
      </c>
      <c r="BW11" s="69">
        <v>163</v>
      </c>
      <c r="BX11" s="69">
        <v>56</v>
      </c>
      <c r="BY11" s="70">
        <v>1099</v>
      </c>
      <c r="BZ11" s="71">
        <v>1355</v>
      </c>
      <c r="CA11" s="68">
        <v>13</v>
      </c>
      <c r="CB11" s="69">
        <v>15</v>
      </c>
      <c r="CC11" s="70">
        <v>28</v>
      </c>
      <c r="CD11" s="159"/>
      <c r="CE11" s="69">
        <v>58</v>
      </c>
      <c r="CF11" s="69">
        <v>61</v>
      </c>
      <c r="CG11" s="69">
        <v>36</v>
      </c>
      <c r="CH11" s="69">
        <v>27</v>
      </c>
      <c r="CI11" s="69">
        <v>27</v>
      </c>
      <c r="CJ11" s="70">
        <v>209</v>
      </c>
      <c r="CK11" s="71">
        <v>237</v>
      </c>
      <c r="CL11" s="68">
        <v>960</v>
      </c>
      <c r="CM11" s="69">
        <v>719</v>
      </c>
      <c r="CN11" s="70">
        <v>1679</v>
      </c>
      <c r="CO11" s="159"/>
      <c r="CP11" s="69">
        <v>2310</v>
      </c>
      <c r="CQ11" s="69">
        <v>1620</v>
      </c>
      <c r="CR11" s="69">
        <v>1025</v>
      </c>
      <c r="CS11" s="69">
        <v>829</v>
      </c>
      <c r="CT11" s="69">
        <v>486</v>
      </c>
      <c r="CU11" s="70">
        <v>6270</v>
      </c>
      <c r="CV11" s="71">
        <v>7949</v>
      </c>
      <c r="CW11" s="108">
        <v>1631</v>
      </c>
      <c r="CX11" s="80">
        <v>1874</v>
      </c>
      <c r="CY11" s="81">
        <v>3505</v>
      </c>
      <c r="CZ11" s="159"/>
      <c r="DA11" s="80">
        <v>4266</v>
      </c>
      <c r="DB11" s="80">
        <v>2605</v>
      </c>
      <c r="DC11" s="80">
        <v>1970</v>
      </c>
      <c r="DD11" s="80">
        <v>2026</v>
      </c>
      <c r="DE11" s="80">
        <v>1180</v>
      </c>
      <c r="DF11" s="82">
        <v>12047</v>
      </c>
      <c r="DG11" s="83">
        <v>15552</v>
      </c>
      <c r="DH11" s="68">
        <v>34</v>
      </c>
      <c r="DI11" s="69">
        <v>38</v>
      </c>
      <c r="DJ11" s="70">
        <v>72</v>
      </c>
      <c r="DK11" s="159"/>
      <c r="DL11" s="69">
        <v>97</v>
      </c>
      <c r="DM11" s="69">
        <v>52</v>
      </c>
      <c r="DN11" s="69">
        <v>37</v>
      </c>
      <c r="DO11" s="69">
        <v>42</v>
      </c>
      <c r="DP11" s="69">
        <v>36</v>
      </c>
      <c r="DQ11" s="70">
        <v>264</v>
      </c>
      <c r="DR11" s="71">
        <v>336</v>
      </c>
      <c r="DS11" s="68">
        <v>134</v>
      </c>
      <c r="DT11" s="69">
        <v>117</v>
      </c>
      <c r="DU11" s="70">
        <v>251</v>
      </c>
      <c r="DV11" s="159"/>
      <c r="DW11" s="69">
        <v>278</v>
      </c>
      <c r="DX11" s="69">
        <v>186</v>
      </c>
      <c r="DY11" s="69">
        <v>108</v>
      </c>
      <c r="DZ11" s="69">
        <v>106</v>
      </c>
      <c r="EA11" s="69">
        <v>68</v>
      </c>
      <c r="EB11" s="70">
        <v>746</v>
      </c>
      <c r="EC11" s="71">
        <v>997</v>
      </c>
      <c r="ED11" s="68">
        <v>242</v>
      </c>
      <c r="EE11" s="69">
        <v>258</v>
      </c>
      <c r="EF11" s="70">
        <v>500</v>
      </c>
      <c r="EG11" s="159"/>
      <c r="EH11" s="69">
        <v>523</v>
      </c>
      <c r="EI11" s="69">
        <v>262</v>
      </c>
      <c r="EJ11" s="69">
        <v>181</v>
      </c>
      <c r="EK11" s="69">
        <v>186</v>
      </c>
      <c r="EL11" s="69">
        <v>139</v>
      </c>
      <c r="EM11" s="70">
        <v>1291</v>
      </c>
      <c r="EN11" s="71">
        <v>1791</v>
      </c>
      <c r="EO11" s="68">
        <v>494</v>
      </c>
      <c r="EP11" s="69">
        <v>501</v>
      </c>
      <c r="EQ11" s="70">
        <v>995</v>
      </c>
      <c r="ER11" s="159"/>
      <c r="ES11" s="69">
        <v>1016</v>
      </c>
      <c r="ET11" s="69">
        <v>514</v>
      </c>
      <c r="EU11" s="69">
        <v>336</v>
      </c>
      <c r="EV11" s="69">
        <v>343</v>
      </c>
      <c r="EW11" s="69">
        <v>203</v>
      </c>
      <c r="EX11" s="70">
        <v>2412</v>
      </c>
      <c r="EY11" s="71">
        <v>3407</v>
      </c>
      <c r="EZ11" s="68">
        <v>469</v>
      </c>
      <c r="FA11" s="69">
        <v>603</v>
      </c>
      <c r="FB11" s="70">
        <v>1072</v>
      </c>
      <c r="FC11" s="159"/>
      <c r="FD11" s="69">
        <v>1271</v>
      </c>
      <c r="FE11" s="69">
        <v>711</v>
      </c>
      <c r="FF11" s="69">
        <v>568</v>
      </c>
      <c r="FG11" s="69">
        <v>551</v>
      </c>
      <c r="FH11" s="69">
        <v>300</v>
      </c>
      <c r="FI11" s="70">
        <v>3401</v>
      </c>
      <c r="FJ11" s="71">
        <v>4473</v>
      </c>
      <c r="FK11" s="68">
        <v>258</v>
      </c>
      <c r="FL11" s="69">
        <v>357</v>
      </c>
      <c r="FM11" s="70">
        <v>615</v>
      </c>
      <c r="FN11" s="159"/>
      <c r="FO11" s="69">
        <v>1081</v>
      </c>
      <c r="FP11" s="69">
        <v>880</v>
      </c>
      <c r="FQ11" s="69">
        <v>740</v>
      </c>
      <c r="FR11" s="69">
        <v>798</v>
      </c>
      <c r="FS11" s="69">
        <v>434</v>
      </c>
      <c r="FT11" s="70">
        <v>3933</v>
      </c>
      <c r="FU11" s="71">
        <v>4548</v>
      </c>
      <c r="FV11" s="68">
        <v>10</v>
      </c>
      <c r="FW11" s="69">
        <v>18</v>
      </c>
      <c r="FX11" s="70">
        <v>28</v>
      </c>
      <c r="FY11" s="159"/>
      <c r="FZ11" s="69">
        <v>60</v>
      </c>
      <c r="GA11" s="69">
        <v>62</v>
      </c>
      <c r="GB11" s="69">
        <v>33</v>
      </c>
      <c r="GC11" s="69">
        <v>19</v>
      </c>
      <c r="GD11" s="69">
        <v>32</v>
      </c>
      <c r="GE11" s="70">
        <v>206</v>
      </c>
      <c r="GF11" s="71">
        <v>234</v>
      </c>
      <c r="GG11" s="68">
        <v>1641</v>
      </c>
      <c r="GH11" s="69">
        <v>1892</v>
      </c>
      <c r="GI11" s="70">
        <v>3533</v>
      </c>
      <c r="GJ11" s="159"/>
      <c r="GK11" s="69">
        <v>4326</v>
      </c>
      <c r="GL11" s="69">
        <v>2667</v>
      </c>
      <c r="GM11" s="69">
        <v>2003</v>
      </c>
      <c r="GN11" s="69">
        <v>2045</v>
      </c>
      <c r="GO11" s="69">
        <v>1212</v>
      </c>
      <c r="GP11" s="70">
        <v>12253</v>
      </c>
      <c r="GQ11" s="71">
        <v>15786</v>
      </c>
      <c r="GR11" s="108">
        <v>2578</v>
      </c>
      <c r="GS11" s="80">
        <v>2578</v>
      </c>
      <c r="GT11" s="81">
        <v>5156</v>
      </c>
      <c r="GU11" s="159"/>
      <c r="GV11" s="80">
        <v>6518</v>
      </c>
      <c r="GW11" s="80">
        <v>4164</v>
      </c>
      <c r="GX11" s="80">
        <v>2959</v>
      </c>
      <c r="GY11" s="80">
        <v>2828</v>
      </c>
      <c r="GZ11" s="80">
        <v>1639</v>
      </c>
      <c r="HA11" s="82">
        <v>18108</v>
      </c>
      <c r="HB11" s="83">
        <v>23264</v>
      </c>
      <c r="HC11" s="68">
        <v>72</v>
      </c>
      <c r="HD11" s="69">
        <v>65</v>
      </c>
      <c r="HE11" s="70">
        <v>137</v>
      </c>
      <c r="HF11" s="159"/>
      <c r="HG11" s="69">
        <v>184</v>
      </c>
      <c r="HH11" s="69">
        <v>130</v>
      </c>
      <c r="HI11" s="69">
        <v>91</v>
      </c>
      <c r="HJ11" s="69">
        <v>94</v>
      </c>
      <c r="HK11" s="69">
        <v>69</v>
      </c>
      <c r="HL11" s="70">
        <v>568</v>
      </c>
      <c r="HM11" s="71">
        <v>705</v>
      </c>
      <c r="HN11" s="68">
        <v>243</v>
      </c>
      <c r="HO11" s="69">
        <v>202</v>
      </c>
      <c r="HP11" s="70">
        <v>445</v>
      </c>
      <c r="HQ11" s="159"/>
      <c r="HR11" s="69">
        <v>535</v>
      </c>
      <c r="HS11" s="69">
        <v>387</v>
      </c>
      <c r="HT11" s="69">
        <v>229</v>
      </c>
      <c r="HU11" s="69">
        <v>190</v>
      </c>
      <c r="HV11" s="69">
        <v>138</v>
      </c>
      <c r="HW11" s="70">
        <v>1479</v>
      </c>
      <c r="HX11" s="71">
        <v>1924</v>
      </c>
      <c r="HY11" s="68">
        <v>401</v>
      </c>
      <c r="HZ11" s="69">
        <v>370</v>
      </c>
      <c r="IA11" s="70">
        <v>771</v>
      </c>
      <c r="IB11" s="159"/>
      <c r="IC11" s="69">
        <v>904</v>
      </c>
      <c r="ID11" s="69">
        <v>507</v>
      </c>
      <c r="IE11" s="69">
        <v>344</v>
      </c>
      <c r="IF11" s="69">
        <v>324</v>
      </c>
      <c r="IG11" s="69">
        <v>224</v>
      </c>
      <c r="IH11" s="70">
        <v>2303</v>
      </c>
      <c r="II11" s="71">
        <v>3074</v>
      </c>
      <c r="IJ11" s="68">
        <v>738</v>
      </c>
      <c r="IK11" s="69">
        <v>685</v>
      </c>
      <c r="IL11" s="70">
        <v>1423</v>
      </c>
      <c r="IM11" s="159"/>
      <c r="IN11" s="69">
        <v>1563</v>
      </c>
      <c r="IO11" s="69">
        <v>894</v>
      </c>
      <c r="IP11" s="69">
        <v>566</v>
      </c>
      <c r="IQ11" s="69">
        <v>507</v>
      </c>
      <c r="IR11" s="69">
        <v>306</v>
      </c>
      <c r="IS11" s="70">
        <v>3836</v>
      </c>
      <c r="IT11" s="71">
        <v>5259</v>
      </c>
      <c r="IU11" s="68">
        <v>722</v>
      </c>
      <c r="IV11" s="69">
        <v>787</v>
      </c>
      <c r="IW11" s="70">
        <v>1509</v>
      </c>
      <c r="IX11" s="159"/>
      <c r="IY11" s="69">
        <v>1841</v>
      </c>
      <c r="IZ11" s="69">
        <v>1071</v>
      </c>
      <c r="JA11" s="69">
        <v>814</v>
      </c>
      <c r="JB11" s="69">
        <v>752</v>
      </c>
      <c r="JC11" s="69">
        <v>412</v>
      </c>
      <c r="JD11" s="70">
        <v>4890</v>
      </c>
      <c r="JE11" s="71">
        <v>6399</v>
      </c>
      <c r="JF11" s="68">
        <v>402</v>
      </c>
      <c r="JG11" s="69">
        <v>469</v>
      </c>
      <c r="JH11" s="70">
        <v>871</v>
      </c>
      <c r="JI11" s="159"/>
      <c r="JJ11" s="69">
        <v>1491</v>
      </c>
      <c r="JK11" s="69">
        <v>1175</v>
      </c>
      <c r="JL11" s="69">
        <v>915</v>
      </c>
      <c r="JM11" s="69">
        <v>961</v>
      </c>
      <c r="JN11" s="69">
        <v>490</v>
      </c>
      <c r="JO11" s="70">
        <v>5032</v>
      </c>
      <c r="JP11" s="71">
        <v>5903</v>
      </c>
      <c r="JQ11" s="68">
        <v>23</v>
      </c>
      <c r="JR11" s="69">
        <v>33</v>
      </c>
      <c r="JS11" s="70">
        <v>56</v>
      </c>
      <c r="JT11" s="159"/>
      <c r="JU11" s="69">
        <v>118</v>
      </c>
      <c r="JV11" s="69">
        <v>123</v>
      </c>
      <c r="JW11" s="69">
        <v>69</v>
      </c>
      <c r="JX11" s="69">
        <v>46</v>
      </c>
      <c r="JY11" s="69">
        <v>59</v>
      </c>
      <c r="JZ11" s="70">
        <v>415</v>
      </c>
      <c r="KA11" s="71">
        <v>471</v>
      </c>
      <c r="KB11" s="68">
        <v>2601</v>
      </c>
      <c r="KC11" s="69">
        <v>2611</v>
      </c>
      <c r="KD11" s="70">
        <v>5212</v>
      </c>
      <c r="KE11" s="159"/>
      <c r="KF11" s="69">
        <v>6636</v>
      </c>
      <c r="KG11" s="69">
        <v>4287</v>
      </c>
      <c r="KH11" s="69">
        <v>3028</v>
      </c>
      <c r="KI11" s="69">
        <v>2874</v>
      </c>
      <c r="KJ11" s="69">
        <v>1698</v>
      </c>
      <c r="KK11" s="70">
        <v>18523</v>
      </c>
      <c r="KL11" s="71">
        <v>23735</v>
      </c>
    </row>
    <row r="12" spans="1:298" ht="19.5" customHeight="1" x14ac:dyDescent="0.2">
      <c r="A12" s="111" t="s">
        <v>8</v>
      </c>
      <c r="B12" s="215">
        <v>517</v>
      </c>
      <c r="C12" s="80">
        <v>342</v>
      </c>
      <c r="D12" s="81">
        <v>859</v>
      </c>
      <c r="E12" s="159"/>
      <c r="F12" s="80">
        <v>952</v>
      </c>
      <c r="G12" s="80">
        <v>860</v>
      </c>
      <c r="H12" s="80">
        <v>628</v>
      </c>
      <c r="I12" s="80">
        <v>465</v>
      </c>
      <c r="J12" s="80">
        <v>240</v>
      </c>
      <c r="K12" s="82">
        <v>3145</v>
      </c>
      <c r="L12" s="83">
        <v>4004</v>
      </c>
      <c r="M12" s="68">
        <v>23</v>
      </c>
      <c r="N12" s="69">
        <v>30</v>
      </c>
      <c r="O12" s="70">
        <v>53</v>
      </c>
      <c r="P12" s="159"/>
      <c r="Q12" s="69">
        <v>45</v>
      </c>
      <c r="R12" s="69">
        <v>46</v>
      </c>
      <c r="S12" s="69">
        <v>39</v>
      </c>
      <c r="T12" s="69">
        <v>20</v>
      </c>
      <c r="U12" s="69">
        <v>19</v>
      </c>
      <c r="V12" s="70">
        <v>169</v>
      </c>
      <c r="W12" s="71">
        <v>222</v>
      </c>
      <c r="X12" s="68">
        <v>59</v>
      </c>
      <c r="Y12" s="69">
        <v>42</v>
      </c>
      <c r="Z12" s="70">
        <v>101</v>
      </c>
      <c r="AA12" s="159"/>
      <c r="AB12" s="69">
        <v>109</v>
      </c>
      <c r="AC12" s="69">
        <v>128</v>
      </c>
      <c r="AD12" s="69">
        <v>95</v>
      </c>
      <c r="AE12" s="69">
        <v>65</v>
      </c>
      <c r="AF12" s="69">
        <v>36</v>
      </c>
      <c r="AG12" s="70">
        <v>433</v>
      </c>
      <c r="AH12" s="71">
        <v>534</v>
      </c>
      <c r="AI12" s="68">
        <v>89</v>
      </c>
      <c r="AJ12" s="69">
        <v>37</v>
      </c>
      <c r="AK12" s="70">
        <v>126</v>
      </c>
      <c r="AL12" s="159"/>
      <c r="AM12" s="69">
        <v>171</v>
      </c>
      <c r="AN12" s="69">
        <v>138</v>
      </c>
      <c r="AO12" s="69">
        <v>108</v>
      </c>
      <c r="AP12" s="69">
        <v>57</v>
      </c>
      <c r="AQ12" s="69">
        <v>54</v>
      </c>
      <c r="AR12" s="70">
        <v>528</v>
      </c>
      <c r="AS12" s="71">
        <v>654</v>
      </c>
      <c r="AT12" s="68">
        <v>141</v>
      </c>
      <c r="AU12" s="69">
        <v>81</v>
      </c>
      <c r="AV12" s="70">
        <v>222</v>
      </c>
      <c r="AW12" s="159"/>
      <c r="AX12" s="69">
        <v>224</v>
      </c>
      <c r="AY12" s="69">
        <v>217</v>
      </c>
      <c r="AZ12" s="69">
        <v>127</v>
      </c>
      <c r="BA12" s="69">
        <v>122</v>
      </c>
      <c r="BB12" s="69">
        <v>48</v>
      </c>
      <c r="BC12" s="70">
        <v>738</v>
      </c>
      <c r="BD12" s="71">
        <v>960</v>
      </c>
      <c r="BE12" s="68">
        <v>128</v>
      </c>
      <c r="BF12" s="69">
        <v>95</v>
      </c>
      <c r="BG12" s="70">
        <v>223</v>
      </c>
      <c r="BH12" s="159"/>
      <c r="BI12" s="69">
        <v>251</v>
      </c>
      <c r="BJ12" s="69">
        <v>185</v>
      </c>
      <c r="BK12" s="69">
        <v>139</v>
      </c>
      <c r="BL12" s="69">
        <v>110</v>
      </c>
      <c r="BM12" s="69">
        <v>42</v>
      </c>
      <c r="BN12" s="70">
        <v>727</v>
      </c>
      <c r="BO12" s="71">
        <v>950</v>
      </c>
      <c r="BP12" s="68">
        <v>77</v>
      </c>
      <c r="BQ12" s="69">
        <v>57</v>
      </c>
      <c r="BR12" s="70">
        <v>134</v>
      </c>
      <c r="BS12" s="159"/>
      <c r="BT12" s="69">
        <v>152</v>
      </c>
      <c r="BU12" s="69">
        <v>146</v>
      </c>
      <c r="BV12" s="69">
        <v>120</v>
      </c>
      <c r="BW12" s="69">
        <v>91</v>
      </c>
      <c r="BX12" s="69">
        <v>41</v>
      </c>
      <c r="BY12" s="70">
        <v>550</v>
      </c>
      <c r="BZ12" s="71">
        <v>684</v>
      </c>
      <c r="CA12" s="68">
        <v>14</v>
      </c>
      <c r="CB12" s="69">
        <v>19</v>
      </c>
      <c r="CC12" s="70">
        <v>33</v>
      </c>
      <c r="CD12" s="159"/>
      <c r="CE12" s="69">
        <v>25</v>
      </c>
      <c r="CF12" s="69">
        <v>39</v>
      </c>
      <c r="CG12" s="69">
        <v>24</v>
      </c>
      <c r="CH12" s="69">
        <v>21</v>
      </c>
      <c r="CI12" s="69">
        <v>16</v>
      </c>
      <c r="CJ12" s="70">
        <v>125</v>
      </c>
      <c r="CK12" s="71">
        <v>158</v>
      </c>
      <c r="CL12" s="68">
        <v>531</v>
      </c>
      <c r="CM12" s="69">
        <v>361</v>
      </c>
      <c r="CN12" s="70">
        <v>892</v>
      </c>
      <c r="CO12" s="159"/>
      <c r="CP12" s="69">
        <v>977</v>
      </c>
      <c r="CQ12" s="69">
        <v>899</v>
      </c>
      <c r="CR12" s="69">
        <v>652</v>
      </c>
      <c r="CS12" s="69">
        <v>486</v>
      </c>
      <c r="CT12" s="69">
        <v>256</v>
      </c>
      <c r="CU12" s="70">
        <v>3270</v>
      </c>
      <c r="CV12" s="71">
        <v>4162</v>
      </c>
      <c r="CW12" s="108">
        <v>979</v>
      </c>
      <c r="CX12" s="80">
        <v>910</v>
      </c>
      <c r="CY12" s="81">
        <v>1889</v>
      </c>
      <c r="CZ12" s="159"/>
      <c r="DA12" s="80">
        <v>1665</v>
      </c>
      <c r="DB12" s="80">
        <v>1559</v>
      </c>
      <c r="DC12" s="80">
        <v>1220</v>
      </c>
      <c r="DD12" s="80">
        <v>987</v>
      </c>
      <c r="DE12" s="80">
        <v>646</v>
      </c>
      <c r="DF12" s="82">
        <v>6077</v>
      </c>
      <c r="DG12" s="83">
        <v>7966</v>
      </c>
      <c r="DH12" s="68">
        <v>29</v>
      </c>
      <c r="DI12" s="69">
        <v>25</v>
      </c>
      <c r="DJ12" s="70">
        <v>54</v>
      </c>
      <c r="DK12" s="159"/>
      <c r="DL12" s="69">
        <v>42</v>
      </c>
      <c r="DM12" s="69">
        <v>34</v>
      </c>
      <c r="DN12" s="69">
        <v>18</v>
      </c>
      <c r="DO12" s="69">
        <v>21</v>
      </c>
      <c r="DP12" s="69">
        <v>16</v>
      </c>
      <c r="DQ12" s="70">
        <v>131</v>
      </c>
      <c r="DR12" s="71">
        <v>185</v>
      </c>
      <c r="DS12" s="68">
        <v>68</v>
      </c>
      <c r="DT12" s="69">
        <v>70</v>
      </c>
      <c r="DU12" s="70">
        <v>138</v>
      </c>
      <c r="DV12" s="159"/>
      <c r="DW12" s="69">
        <v>102</v>
      </c>
      <c r="DX12" s="69">
        <v>105</v>
      </c>
      <c r="DY12" s="69">
        <v>60</v>
      </c>
      <c r="DZ12" s="69">
        <v>51</v>
      </c>
      <c r="EA12" s="69">
        <v>44</v>
      </c>
      <c r="EB12" s="70">
        <v>362</v>
      </c>
      <c r="EC12" s="71">
        <v>500</v>
      </c>
      <c r="ED12" s="68">
        <v>159</v>
      </c>
      <c r="EE12" s="69">
        <v>135</v>
      </c>
      <c r="EF12" s="70">
        <v>294</v>
      </c>
      <c r="EG12" s="159"/>
      <c r="EH12" s="69">
        <v>210</v>
      </c>
      <c r="EI12" s="69">
        <v>184</v>
      </c>
      <c r="EJ12" s="69">
        <v>125</v>
      </c>
      <c r="EK12" s="69">
        <v>90</v>
      </c>
      <c r="EL12" s="69">
        <v>62</v>
      </c>
      <c r="EM12" s="70">
        <v>671</v>
      </c>
      <c r="EN12" s="71">
        <v>965</v>
      </c>
      <c r="EO12" s="68">
        <v>316</v>
      </c>
      <c r="EP12" s="69">
        <v>239</v>
      </c>
      <c r="EQ12" s="70">
        <v>555</v>
      </c>
      <c r="ER12" s="159"/>
      <c r="ES12" s="69">
        <v>413</v>
      </c>
      <c r="ET12" s="69">
        <v>334</v>
      </c>
      <c r="EU12" s="69">
        <v>209</v>
      </c>
      <c r="EV12" s="69">
        <v>174</v>
      </c>
      <c r="EW12" s="69">
        <v>109</v>
      </c>
      <c r="EX12" s="70">
        <v>1239</v>
      </c>
      <c r="EY12" s="71">
        <v>1794</v>
      </c>
      <c r="EZ12" s="68">
        <v>272</v>
      </c>
      <c r="FA12" s="69">
        <v>280</v>
      </c>
      <c r="FB12" s="70">
        <v>552</v>
      </c>
      <c r="FC12" s="159"/>
      <c r="FD12" s="69">
        <v>475</v>
      </c>
      <c r="FE12" s="69">
        <v>431</v>
      </c>
      <c r="FF12" s="69">
        <v>333</v>
      </c>
      <c r="FG12" s="69">
        <v>239</v>
      </c>
      <c r="FH12" s="69">
        <v>169</v>
      </c>
      <c r="FI12" s="70">
        <v>1647</v>
      </c>
      <c r="FJ12" s="71">
        <v>2199</v>
      </c>
      <c r="FK12" s="68">
        <v>135</v>
      </c>
      <c r="FL12" s="69">
        <v>161</v>
      </c>
      <c r="FM12" s="70">
        <v>296</v>
      </c>
      <c r="FN12" s="159"/>
      <c r="FO12" s="69">
        <v>423</v>
      </c>
      <c r="FP12" s="69">
        <v>471</v>
      </c>
      <c r="FQ12" s="69">
        <v>475</v>
      </c>
      <c r="FR12" s="69">
        <v>412</v>
      </c>
      <c r="FS12" s="69">
        <v>246</v>
      </c>
      <c r="FT12" s="70">
        <v>2027</v>
      </c>
      <c r="FU12" s="71">
        <v>2323</v>
      </c>
      <c r="FV12" s="68">
        <v>7</v>
      </c>
      <c r="FW12" s="69">
        <v>23</v>
      </c>
      <c r="FX12" s="70">
        <v>30</v>
      </c>
      <c r="FY12" s="159"/>
      <c r="FZ12" s="69">
        <v>13</v>
      </c>
      <c r="GA12" s="69">
        <v>33</v>
      </c>
      <c r="GB12" s="69">
        <v>21</v>
      </c>
      <c r="GC12" s="69">
        <v>14</v>
      </c>
      <c r="GD12" s="69">
        <v>15</v>
      </c>
      <c r="GE12" s="70">
        <v>96</v>
      </c>
      <c r="GF12" s="71">
        <v>126</v>
      </c>
      <c r="GG12" s="68">
        <v>986</v>
      </c>
      <c r="GH12" s="69">
        <v>933</v>
      </c>
      <c r="GI12" s="70">
        <v>1919</v>
      </c>
      <c r="GJ12" s="159"/>
      <c r="GK12" s="69">
        <v>1678</v>
      </c>
      <c r="GL12" s="69">
        <v>1592</v>
      </c>
      <c r="GM12" s="69">
        <v>1241</v>
      </c>
      <c r="GN12" s="69">
        <v>1001</v>
      </c>
      <c r="GO12" s="69">
        <v>661</v>
      </c>
      <c r="GP12" s="70">
        <v>6173</v>
      </c>
      <c r="GQ12" s="71">
        <v>8092</v>
      </c>
      <c r="GR12" s="108">
        <v>1496</v>
      </c>
      <c r="GS12" s="80">
        <v>1252</v>
      </c>
      <c r="GT12" s="81">
        <v>2748</v>
      </c>
      <c r="GU12" s="159"/>
      <c r="GV12" s="80">
        <v>2617</v>
      </c>
      <c r="GW12" s="80">
        <v>2419</v>
      </c>
      <c r="GX12" s="80">
        <v>1848</v>
      </c>
      <c r="GY12" s="80">
        <v>1452</v>
      </c>
      <c r="GZ12" s="80">
        <v>886</v>
      </c>
      <c r="HA12" s="82">
        <v>9222</v>
      </c>
      <c r="HB12" s="83">
        <v>11970</v>
      </c>
      <c r="HC12" s="68">
        <v>52</v>
      </c>
      <c r="HD12" s="69">
        <v>55</v>
      </c>
      <c r="HE12" s="70">
        <v>107</v>
      </c>
      <c r="HF12" s="159"/>
      <c r="HG12" s="69">
        <v>87</v>
      </c>
      <c r="HH12" s="69">
        <v>80</v>
      </c>
      <c r="HI12" s="69">
        <v>57</v>
      </c>
      <c r="HJ12" s="69">
        <v>41</v>
      </c>
      <c r="HK12" s="69">
        <v>35</v>
      </c>
      <c r="HL12" s="70">
        <v>300</v>
      </c>
      <c r="HM12" s="71">
        <v>407</v>
      </c>
      <c r="HN12" s="68">
        <v>127</v>
      </c>
      <c r="HO12" s="69">
        <v>112</v>
      </c>
      <c r="HP12" s="70">
        <v>239</v>
      </c>
      <c r="HQ12" s="159"/>
      <c r="HR12" s="69">
        <v>211</v>
      </c>
      <c r="HS12" s="69">
        <v>233</v>
      </c>
      <c r="HT12" s="69">
        <v>155</v>
      </c>
      <c r="HU12" s="69">
        <v>116</v>
      </c>
      <c r="HV12" s="69">
        <v>80</v>
      </c>
      <c r="HW12" s="70">
        <v>795</v>
      </c>
      <c r="HX12" s="71">
        <v>1034</v>
      </c>
      <c r="HY12" s="68">
        <v>248</v>
      </c>
      <c r="HZ12" s="69">
        <v>172</v>
      </c>
      <c r="IA12" s="70">
        <v>420</v>
      </c>
      <c r="IB12" s="159"/>
      <c r="IC12" s="69">
        <v>381</v>
      </c>
      <c r="ID12" s="69">
        <v>322</v>
      </c>
      <c r="IE12" s="69">
        <v>233</v>
      </c>
      <c r="IF12" s="69">
        <v>147</v>
      </c>
      <c r="IG12" s="69">
        <v>116</v>
      </c>
      <c r="IH12" s="70">
        <v>1199</v>
      </c>
      <c r="II12" s="71">
        <v>1619</v>
      </c>
      <c r="IJ12" s="68">
        <v>457</v>
      </c>
      <c r="IK12" s="69">
        <v>320</v>
      </c>
      <c r="IL12" s="70">
        <v>777</v>
      </c>
      <c r="IM12" s="159"/>
      <c r="IN12" s="69">
        <v>637</v>
      </c>
      <c r="IO12" s="69">
        <v>551</v>
      </c>
      <c r="IP12" s="69">
        <v>336</v>
      </c>
      <c r="IQ12" s="69">
        <v>296</v>
      </c>
      <c r="IR12" s="69">
        <v>157</v>
      </c>
      <c r="IS12" s="70">
        <v>1977</v>
      </c>
      <c r="IT12" s="71">
        <v>2754</v>
      </c>
      <c r="IU12" s="68">
        <v>400</v>
      </c>
      <c r="IV12" s="69">
        <v>375</v>
      </c>
      <c r="IW12" s="70">
        <v>775</v>
      </c>
      <c r="IX12" s="159"/>
      <c r="IY12" s="69">
        <v>726</v>
      </c>
      <c r="IZ12" s="69">
        <v>616</v>
      </c>
      <c r="JA12" s="69">
        <v>472</v>
      </c>
      <c r="JB12" s="69">
        <v>349</v>
      </c>
      <c r="JC12" s="69">
        <v>211</v>
      </c>
      <c r="JD12" s="70">
        <v>2374</v>
      </c>
      <c r="JE12" s="71">
        <v>3149</v>
      </c>
      <c r="JF12" s="68">
        <v>212</v>
      </c>
      <c r="JG12" s="69">
        <v>218</v>
      </c>
      <c r="JH12" s="70">
        <v>430</v>
      </c>
      <c r="JI12" s="159"/>
      <c r="JJ12" s="69">
        <v>575</v>
      </c>
      <c r="JK12" s="69">
        <v>617</v>
      </c>
      <c r="JL12" s="69">
        <v>595</v>
      </c>
      <c r="JM12" s="69">
        <v>503</v>
      </c>
      <c r="JN12" s="69">
        <v>287</v>
      </c>
      <c r="JO12" s="70">
        <v>2577</v>
      </c>
      <c r="JP12" s="71">
        <v>3007</v>
      </c>
      <c r="JQ12" s="68">
        <v>21</v>
      </c>
      <c r="JR12" s="69">
        <v>42</v>
      </c>
      <c r="JS12" s="70">
        <v>63</v>
      </c>
      <c r="JT12" s="159"/>
      <c r="JU12" s="69">
        <v>38</v>
      </c>
      <c r="JV12" s="69">
        <v>72</v>
      </c>
      <c r="JW12" s="69">
        <v>45</v>
      </c>
      <c r="JX12" s="69">
        <v>35</v>
      </c>
      <c r="JY12" s="69">
        <v>31</v>
      </c>
      <c r="JZ12" s="70">
        <v>221</v>
      </c>
      <c r="KA12" s="71">
        <v>284</v>
      </c>
      <c r="KB12" s="68">
        <v>1517</v>
      </c>
      <c r="KC12" s="69">
        <v>1294</v>
      </c>
      <c r="KD12" s="70">
        <v>2811</v>
      </c>
      <c r="KE12" s="159"/>
      <c r="KF12" s="69">
        <v>2655</v>
      </c>
      <c r="KG12" s="69">
        <v>2491</v>
      </c>
      <c r="KH12" s="69">
        <v>1893</v>
      </c>
      <c r="KI12" s="69">
        <v>1487</v>
      </c>
      <c r="KJ12" s="69">
        <v>917</v>
      </c>
      <c r="KK12" s="70">
        <v>9443</v>
      </c>
      <c r="KL12" s="71">
        <v>12254</v>
      </c>
    </row>
    <row r="13" spans="1:298" ht="19.5" customHeight="1" x14ac:dyDescent="0.2">
      <c r="A13" s="111" t="s">
        <v>9</v>
      </c>
      <c r="B13" s="215">
        <v>617</v>
      </c>
      <c r="C13" s="80">
        <v>420</v>
      </c>
      <c r="D13" s="81">
        <v>1037</v>
      </c>
      <c r="E13" s="159"/>
      <c r="F13" s="80">
        <v>803</v>
      </c>
      <c r="G13" s="80">
        <v>557</v>
      </c>
      <c r="H13" s="80">
        <v>440</v>
      </c>
      <c r="I13" s="80">
        <v>388</v>
      </c>
      <c r="J13" s="80">
        <v>238</v>
      </c>
      <c r="K13" s="82">
        <v>2426</v>
      </c>
      <c r="L13" s="83">
        <v>3463</v>
      </c>
      <c r="M13" s="68">
        <v>18</v>
      </c>
      <c r="N13" s="69">
        <v>9</v>
      </c>
      <c r="O13" s="70">
        <v>27</v>
      </c>
      <c r="P13" s="159"/>
      <c r="Q13" s="69">
        <v>21</v>
      </c>
      <c r="R13" s="69">
        <v>27</v>
      </c>
      <c r="S13" s="69">
        <v>15</v>
      </c>
      <c r="T13" s="69">
        <v>12</v>
      </c>
      <c r="U13" s="69">
        <v>12</v>
      </c>
      <c r="V13" s="70">
        <v>87</v>
      </c>
      <c r="W13" s="71">
        <v>114</v>
      </c>
      <c r="X13" s="68">
        <v>49</v>
      </c>
      <c r="Y13" s="69">
        <v>34</v>
      </c>
      <c r="Z13" s="70">
        <v>83</v>
      </c>
      <c r="AA13" s="159"/>
      <c r="AB13" s="69">
        <v>61</v>
      </c>
      <c r="AC13" s="69">
        <v>45</v>
      </c>
      <c r="AD13" s="69">
        <v>49</v>
      </c>
      <c r="AE13" s="69">
        <v>36</v>
      </c>
      <c r="AF13" s="69">
        <v>20</v>
      </c>
      <c r="AG13" s="70">
        <v>211</v>
      </c>
      <c r="AH13" s="71">
        <v>294</v>
      </c>
      <c r="AI13" s="68">
        <v>69</v>
      </c>
      <c r="AJ13" s="69">
        <v>37</v>
      </c>
      <c r="AK13" s="70">
        <v>106</v>
      </c>
      <c r="AL13" s="159"/>
      <c r="AM13" s="69">
        <v>104</v>
      </c>
      <c r="AN13" s="69">
        <v>61</v>
      </c>
      <c r="AO13" s="69">
        <v>68</v>
      </c>
      <c r="AP13" s="69">
        <v>50</v>
      </c>
      <c r="AQ13" s="69">
        <v>45</v>
      </c>
      <c r="AR13" s="70">
        <v>328</v>
      </c>
      <c r="AS13" s="71">
        <v>434</v>
      </c>
      <c r="AT13" s="68">
        <v>151</v>
      </c>
      <c r="AU13" s="69">
        <v>101</v>
      </c>
      <c r="AV13" s="70">
        <v>252</v>
      </c>
      <c r="AW13" s="159"/>
      <c r="AX13" s="69">
        <v>176</v>
      </c>
      <c r="AY13" s="69">
        <v>114</v>
      </c>
      <c r="AZ13" s="69">
        <v>65</v>
      </c>
      <c r="BA13" s="69">
        <v>68</v>
      </c>
      <c r="BB13" s="69">
        <v>42</v>
      </c>
      <c r="BC13" s="70">
        <v>465</v>
      </c>
      <c r="BD13" s="71">
        <v>717</v>
      </c>
      <c r="BE13" s="68">
        <v>201</v>
      </c>
      <c r="BF13" s="69">
        <v>131</v>
      </c>
      <c r="BG13" s="70">
        <v>332</v>
      </c>
      <c r="BH13" s="159"/>
      <c r="BI13" s="69">
        <v>262</v>
      </c>
      <c r="BJ13" s="69">
        <v>149</v>
      </c>
      <c r="BK13" s="69">
        <v>114</v>
      </c>
      <c r="BL13" s="69">
        <v>130</v>
      </c>
      <c r="BM13" s="69">
        <v>51</v>
      </c>
      <c r="BN13" s="70">
        <v>706</v>
      </c>
      <c r="BO13" s="71">
        <v>1038</v>
      </c>
      <c r="BP13" s="68">
        <v>129</v>
      </c>
      <c r="BQ13" s="69">
        <v>108</v>
      </c>
      <c r="BR13" s="70">
        <v>237</v>
      </c>
      <c r="BS13" s="159"/>
      <c r="BT13" s="69">
        <v>179</v>
      </c>
      <c r="BU13" s="69">
        <v>161</v>
      </c>
      <c r="BV13" s="69">
        <v>129</v>
      </c>
      <c r="BW13" s="69">
        <v>92</v>
      </c>
      <c r="BX13" s="69">
        <v>68</v>
      </c>
      <c r="BY13" s="70">
        <v>629</v>
      </c>
      <c r="BZ13" s="71">
        <v>866</v>
      </c>
      <c r="CA13" s="68">
        <v>6</v>
      </c>
      <c r="CB13" s="69">
        <v>17</v>
      </c>
      <c r="CC13" s="70">
        <v>23</v>
      </c>
      <c r="CD13" s="159"/>
      <c r="CE13" s="69">
        <v>22</v>
      </c>
      <c r="CF13" s="69">
        <v>22</v>
      </c>
      <c r="CG13" s="69">
        <v>10</v>
      </c>
      <c r="CH13" s="69">
        <v>13</v>
      </c>
      <c r="CI13" s="69">
        <v>9</v>
      </c>
      <c r="CJ13" s="70">
        <v>76</v>
      </c>
      <c r="CK13" s="71">
        <v>99</v>
      </c>
      <c r="CL13" s="68">
        <v>623</v>
      </c>
      <c r="CM13" s="69">
        <v>437</v>
      </c>
      <c r="CN13" s="70">
        <v>1060</v>
      </c>
      <c r="CO13" s="159"/>
      <c r="CP13" s="69">
        <v>825</v>
      </c>
      <c r="CQ13" s="69">
        <v>579</v>
      </c>
      <c r="CR13" s="69">
        <v>450</v>
      </c>
      <c r="CS13" s="69">
        <v>401</v>
      </c>
      <c r="CT13" s="69">
        <v>247</v>
      </c>
      <c r="CU13" s="70">
        <v>2502</v>
      </c>
      <c r="CV13" s="71">
        <v>3562</v>
      </c>
      <c r="CW13" s="108">
        <v>1280</v>
      </c>
      <c r="CX13" s="80">
        <v>1038</v>
      </c>
      <c r="CY13" s="81">
        <v>2318</v>
      </c>
      <c r="CZ13" s="159"/>
      <c r="DA13" s="80">
        <v>1602</v>
      </c>
      <c r="DB13" s="80">
        <v>1142</v>
      </c>
      <c r="DC13" s="80">
        <v>956</v>
      </c>
      <c r="DD13" s="80">
        <v>1025</v>
      </c>
      <c r="DE13" s="80">
        <v>717</v>
      </c>
      <c r="DF13" s="82">
        <v>5442</v>
      </c>
      <c r="DG13" s="83">
        <v>7760</v>
      </c>
      <c r="DH13" s="68">
        <v>23</v>
      </c>
      <c r="DI13" s="69">
        <v>13</v>
      </c>
      <c r="DJ13" s="70">
        <v>36</v>
      </c>
      <c r="DK13" s="159"/>
      <c r="DL13" s="69">
        <v>15</v>
      </c>
      <c r="DM13" s="69">
        <v>12</v>
      </c>
      <c r="DN13" s="69">
        <v>12</v>
      </c>
      <c r="DO13" s="69">
        <v>11</v>
      </c>
      <c r="DP13" s="69">
        <v>15</v>
      </c>
      <c r="DQ13" s="70">
        <v>65</v>
      </c>
      <c r="DR13" s="71">
        <v>101</v>
      </c>
      <c r="DS13" s="68">
        <v>86</v>
      </c>
      <c r="DT13" s="69">
        <v>65</v>
      </c>
      <c r="DU13" s="70">
        <v>151</v>
      </c>
      <c r="DV13" s="159"/>
      <c r="DW13" s="69">
        <v>66</v>
      </c>
      <c r="DX13" s="69">
        <v>37</v>
      </c>
      <c r="DY13" s="69">
        <v>29</v>
      </c>
      <c r="DZ13" s="69">
        <v>33</v>
      </c>
      <c r="EA13" s="69">
        <v>31</v>
      </c>
      <c r="EB13" s="70">
        <v>196</v>
      </c>
      <c r="EC13" s="71">
        <v>347</v>
      </c>
      <c r="ED13" s="68">
        <v>181</v>
      </c>
      <c r="EE13" s="69">
        <v>137</v>
      </c>
      <c r="EF13" s="70">
        <v>318</v>
      </c>
      <c r="EG13" s="159"/>
      <c r="EH13" s="69">
        <v>171</v>
      </c>
      <c r="EI13" s="69">
        <v>93</v>
      </c>
      <c r="EJ13" s="69">
        <v>56</v>
      </c>
      <c r="EK13" s="69">
        <v>57</v>
      </c>
      <c r="EL13" s="69">
        <v>65</v>
      </c>
      <c r="EM13" s="70">
        <v>442</v>
      </c>
      <c r="EN13" s="71">
        <v>760</v>
      </c>
      <c r="EO13" s="68">
        <v>354</v>
      </c>
      <c r="EP13" s="69">
        <v>253</v>
      </c>
      <c r="EQ13" s="70">
        <v>607</v>
      </c>
      <c r="ER13" s="159"/>
      <c r="ES13" s="69">
        <v>345</v>
      </c>
      <c r="ET13" s="69">
        <v>201</v>
      </c>
      <c r="EU13" s="69">
        <v>143</v>
      </c>
      <c r="EV13" s="69">
        <v>150</v>
      </c>
      <c r="EW13" s="69">
        <v>108</v>
      </c>
      <c r="EX13" s="70">
        <v>947</v>
      </c>
      <c r="EY13" s="71">
        <v>1554</v>
      </c>
      <c r="EZ13" s="68">
        <v>390</v>
      </c>
      <c r="FA13" s="69">
        <v>343</v>
      </c>
      <c r="FB13" s="70">
        <v>733</v>
      </c>
      <c r="FC13" s="159"/>
      <c r="FD13" s="69">
        <v>501</v>
      </c>
      <c r="FE13" s="69">
        <v>339</v>
      </c>
      <c r="FF13" s="69">
        <v>266</v>
      </c>
      <c r="FG13" s="69">
        <v>261</v>
      </c>
      <c r="FH13" s="69">
        <v>182</v>
      </c>
      <c r="FI13" s="70">
        <v>1549</v>
      </c>
      <c r="FJ13" s="71">
        <v>2282</v>
      </c>
      <c r="FK13" s="68">
        <v>246</v>
      </c>
      <c r="FL13" s="69">
        <v>227</v>
      </c>
      <c r="FM13" s="70">
        <v>473</v>
      </c>
      <c r="FN13" s="159"/>
      <c r="FO13" s="69">
        <v>504</v>
      </c>
      <c r="FP13" s="69">
        <v>460</v>
      </c>
      <c r="FQ13" s="69">
        <v>450</v>
      </c>
      <c r="FR13" s="69">
        <v>513</v>
      </c>
      <c r="FS13" s="69">
        <v>316</v>
      </c>
      <c r="FT13" s="70">
        <v>2243</v>
      </c>
      <c r="FU13" s="71">
        <v>2716</v>
      </c>
      <c r="FV13" s="68">
        <v>4</v>
      </c>
      <c r="FW13" s="69">
        <v>11</v>
      </c>
      <c r="FX13" s="70">
        <v>15</v>
      </c>
      <c r="FY13" s="159"/>
      <c r="FZ13" s="69">
        <v>10</v>
      </c>
      <c r="GA13" s="69">
        <v>17</v>
      </c>
      <c r="GB13" s="69">
        <v>11</v>
      </c>
      <c r="GC13" s="69">
        <v>14</v>
      </c>
      <c r="GD13" s="69">
        <v>10</v>
      </c>
      <c r="GE13" s="70">
        <v>62</v>
      </c>
      <c r="GF13" s="71">
        <v>77</v>
      </c>
      <c r="GG13" s="68">
        <v>1284</v>
      </c>
      <c r="GH13" s="69">
        <v>1049</v>
      </c>
      <c r="GI13" s="70">
        <v>2333</v>
      </c>
      <c r="GJ13" s="159"/>
      <c r="GK13" s="69">
        <v>1612</v>
      </c>
      <c r="GL13" s="69">
        <v>1159</v>
      </c>
      <c r="GM13" s="69">
        <v>967</v>
      </c>
      <c r="GN13" s="69">
        <v>1039</v>
      </c>
      <c r="GO13" s="69">
        <v>727</v>
      </c>
      <c r="GP13" s="70">
        <v>5504</v>
      </c>
      <c r="GQ13" s="71">
        <v>7837</v>
      </c>
      <c r="GR13" s="108">
        <v>1897</v>
      </c>
      <c r="GS13" s="80">
        <v>1458</v>
      </c>
      <c r="GT13" s="81">
        <v>3355</v>
      </c>
      <c r="GU13" s="159"/>
      <c r="GV13" s="80">
        <v>2405</v>
      </c>
      <c r="GW13" s="80">
        <v>1699</v>
      </c>
      <c r="GX13" s="80">
        <v>1396</v>
      </c>
      <c r="GY13" s="80">
        <v>1413</v>
      </c>
      <c r="GZ13" s="80">
        <v>955</v>
      </c>
      <c r="HA13" s="82">
        <v>7868</v>
      </c>
      <c r="HB13" s="83">
        <v>11223</v>
      </c>
      <c r="HC13" s="68">
        <v>41</v>
      </c>
      <c r="HD13" s="69">
        <v>22</v>
      </c>
      <c r="HE13" s="70">
        <v>63</v>
      </c>
      <c r="HF13" s="159"/>
      <c r="HG13" s="69">
        <v>36</v>
      </c>
      <c r="HH13" s="69">
        <v>39</v>
      </c>
      <c r="HI13" s="69">
        <v>27</v>
      </c>
      <c r="HJ13" s="69">
        <v>23</v>
      </c>
      <c r="HK13" s="69">
        <v>27</v>
      </c>
      <c r="HL13" s="70">
        <v>152</v>
      </c>
      <c r="HM13" s="71">
        <v>215</v>
      </c>
      <c r="HN13" s="68">
        <v>135</v>
      </c>
      <c r="HO13" s="69">
        <v>99</v>
      </c>
      <c r="HP13" s="70">
        <v>234</v>
      </c>
      <c r="HQ13" s="159"/>
      <c r="HR13" s="69">
        <v>127</v>
      </c>
      <c r="HS13" s="69">
        <v>82</v>
      </c>
      <c r="HT13" s="69">
        <v>78</v>
      </c>
      <c r="HU13" s="69">
        <v>69</v>
      </c>
      <c r="HV13" s="69">
        <v>51</v>
      </c>
      <c r="HW13" s="70">
        <v>407</v>
      </c>
      <c r="HX13" s="71">
        <v>641</v>
      </c>
      <c r="HY13" s="68">
        <v>250</v>
      </c>
      <c r="HZ13" s="69">
        <v>174</v>
      </c>
      <c r="IA13" s="70">
        <v>424</v>
      </c>
      <c r="IB13" s="159"/>
      <c r="IC13" s="69">
        <v>275</v>
      </c>
      <c r="ID13" s="69">
        <v>154</v>
      </c>
      <c r="IE13" s="69">
        <v>124</v>
      </c>
      <c r="IF13" s="69">
        <v>107</v>
      </c>
      <c r="IG13" s="69">
        <v>110</v>
      </c>
      <c r="IH13" s="70">
        <v>770</v>
      </c>
      <c r="II13" s="71">
        <v>1194</v>
      </c>
      <c r="IJ13" s="68">
        <v>505</v>
      </c>
      <c r="IK13" s="69">
        <v>354</v>
      </c>
      <c r="IL13" s="70">
        <v>859</v>
      </c>
      <c r="IM13" s="159"/>
      <c r="IN13" s="69">
        <v>521</v>
      </c>
      <c r="IO13" s="69">
        <v>315</v>
      </c>
      <c r="IP13" s="69">
        <v>208</v>
      </c>
      <c r="IQ13" s="69">
        <v>218</v>
      </c>
      <c r="IR13" s="69">
        <v>150</v>
      </c>
      <c r="IS13" s="70">
        <v>1412</v>
      </c>
      <c r="IT13" s="71">
        <v>2271</v>
      </c>
      <c r="IU13" s="68">
        <v>591</v>
      </c>
      <c r="IV13" s="69">
        <v>474</v>
      </c>
      <c r="IW13" s="70">
        <v>1065</v>
      </c>
      <c r="IX13" s="159"/>
      <c r="IY13" s="69">
        <v>763</v>
      </c>
      <c r="IZ13" s="69">
        <v>488</v>
      </c>
      <c r="JA13" s="69">
        <v>380</v>
      </c>
      <c r="JB13" s="69">
        <v>391</v>
      </c>
      <c r="JC13" s="69">
        <v>233</v>
      </c>
      <c r="JD13" s="70">
        <v>2255</v>
      </c>
      <c r="JE13" s="71">
        <v>3320</v>
      </c>
      <c r="JF13" s="68">
        <v>375</v>
      </c>
      <c r="JG13" s="69">
        <v>335</v>
      </c>
      <c r="JH13" s="70">
        <v>710</v>
      </c>
      <c r="JI13" s="159"/>
      <c r="JJ13" s="69">
        <v>683</v>
      </c>
      <c r="JK13" s="69">
        <v>621</v>
      </c>
      <c r="JL13" s="69">
        <v>579</v>
      </c>
      <c r="JM13" s="69">
        <v>605</v>
      </c>
      <c r="JN13" s="69">
        <v>384</v>
      </c>
      <c r="JO13" s="70">
        <v>2872</v>
      </c>
      <c r="JP13" s="71">
        <v>3582</v>
      </c>
      <c r="JQ13" s="68">
        <v>10</v>
      </c>
      <c r="JR13" s="69">
        <v>28</v>
      </c>
      <c r="JS13" s="70">
        <v>38</v>
      </c>
      <c r="JT13" s="159"/>
      <c r="JU13" s="69">
        <v>32</v>
      </c>
      <c r="JV13" s="69">
        <v>39</v>
      </c>
      <c r="JW13" s="69">
        <v>21</v>
      </c>
      <c r="JX13" s="69">
        <v>27</v>
      </c>
      <c r="JY13" s="69">
        <v>19</v>
      </c>
      <c r="JZ13" s="70">
        <v>138</v>
      </c>
      <c r="KA13" s="71">
        <v>176</v>
      </c>
      <c r="KB13" s="68">
        <v>1907</v>
      </c>
      <c r="KC13" s="69">
        <v>1486</v>
      </c>
      <c r="KD13" s="70">
        <v>3393</v>
      </c>
      <c r="KE13" s="159"/>
      <c r="KF13" s="69">
        <v>2437</v>
      </c>
      <c r="KG13" s="69">
        <v>1738</v>
      </c>
      <c r="KH13" s="69">
        <v>1417</v>
      </c>
      <c r="KI13" s="69">
        <v>1440</v>
      </c>
      <c r="KJ13" s="69">
        <v>974</v>
      </c>
      <c r="KK13" s="70">
        <v>8006</v>
      </c>
      <c r="KL13" s="71">
        <v>11399</v>
      </c>
    </row>
    <row r="14" spans="1:298" ht="19.5" customHeight="1" x14ac:dyDescent="0.2">
      <c r="A14" s="111" t="s">
        <v>10</v>
      </c>
      <c r="B14" s="215">
        <v>1403</v>
      </c>
      <c r="C14" s="80">
        <v>1046</v>
      </c>
      <c r="D14" s="81">
        <v>2449</v>
      </c>
      <c r="E14" s="159"/>
      <c r="F14" s="80">
        <v>1638</v>
      </c>
      <c r="G14" s="80">
        <v>979</v>
      </c>
      <c r="H14" s="80">
        <v>676</v>
      </c>
      <c r="I14" s="80">
        <v>561</v>
      </c>
      <c r="J14" s="80">
        <v>406</v>
      </c>
      <c r="K14" s="82">
        <v>4260</v>
      </c>
      <c r="L14" s="83">
        <v>6709</v>
      </c>
      <c r="M14" s="68">
        <v>59</v>
      </c>
      <c r="N14" s="69">
        <v>61</v>
      </c>
      <c r="O14" s="70">
        <v>120</v>
      </c>
      <c r="P14" s="159"/>
      <c r="Q14" s="69">
        <v>84</v>
      </c>
      <c r="R14" s="69">
        <v>61</v>
      </c>
      <c r="S14" s="69">
        <v>27</v>
      </c>
      <c r="T14" s="69">
        <v>24</v>
      </c>
      <c r="U14" s="69">
        <v>28</v>
      </c>
      <c r="V14" s="70">
        <v>224</v>
      </c>
      <c r="W14" s="71">
        <v>344</v>
      </c>
      <c r="X14" s="68">
        <v>142</v>
      </c>
      <c r="Y14" s="69">
        <v>132</v>
      </c>
      <c r="Z14" s="70">
        <v>274</v>
      </c>
      <c r="AA14" s="159"/>
      <c r="AB14" s="69">
        <v>177</v>
      </c>
      <c r="AC14" s="69">
        <v>119</v>
      </c>
      <c r="AD14" s="69">
        <v>72</v>
      </c>
      <c r="AE14" s="69">
        <v>71</v>
      </c>
      <c r="AF14" s="69">
        <v>67</v>
      </c>
      <c r="AG14" s="70">
        <v>506</v>
      </c>
      <c r="AH14" s="71">
        <v>780</v>
      </c>
      <c r="AI14" s="68">
        <v>189</v>
      </c>
      <c r="AJ14" s="69">
        <v>169</v>
      </c>
      <c r="AK14" s="70">
        <v>358</v>
      </c>
      <c r="AL14" s="159"/>
      <c r="AM14" s="69">
        <v>259</v>
      </c>
      <c r="AN14" s="69">
        <v>182</v>
      </c>
      <c r="AO14" s="69">
        <v>110</v>
      </c>
      <c r="AP14" s="69">
        <v>83</v>
      </c>
      <c r="AQ14" s="69">
        <v>59</v>
      </c>
      <c r="AR14" s="70">
        <v>693</v>
      </c>
      <c r="AS14" s="71">
        <v>1051</v>
      </c>
      <c r="AT14" s="68">
        <v>373</v>
      </c>
      <c r="AU14" s="69">
        <v>248</v>
      </c>
      <c r="AV14" s="70">
        <v>621</v>
      </c>
      <c r="AW14" s="159"/>
      <c r="AX14" s="69">
        <v>382</v>
      </c>
      <c r="AY14" s="69">
        <v>214</v>
      </c>
      <c r="AZ14" s="69">
        <v>149</v>
      </c>
      <c r="BA14" s="69">
        <v>120</v>
      </c>
      <c r="BB14" s="69">
        <v>88</v>
      </c>
      <c r="BC14" s="70">
        <v>953</v>
      </c>
      <c r="BD14" s="71">
        <v>1574</v>
      </c>
      <c r="BE14" s="68">
        <v>399</v>
      </c>
      <c r="BF14" s="69">
        <v>257</v>
      </c>
      <c r="BG14" s="70">
        <v>656</v>
      </c>
      <c r="BH14" s="159"/>
      <c r="BI14" s="69">
        <v>421</v>
      </c>
      <c r="BJ14" s="69">
        <v>214</v>
      </c>
      <c r="BK14" s="69">
        <v>178</v>
      </c>
      <c r="BL14" s="69">
        <v>141</v>
      </c>
      <c r="BM14" s="69">
        <v>97</v>
      </c>
      <c r="BN14" s="70">
        <v>1051</v>
      </c>
      <c r="BO14" s="71">
        <v>1707</v>
      </c>
      <c r="BP14" s="68">
        <v>241</v>
      </c>
      <c r="BQ14" s="69">
        <v>179</v>
      </c>
      <c r="BR14" s="70">
        <v>420</v>
      </c>
      <c r="BS14" s="159"/>
      <c r="BT14" s="69">
        <v>315</v>
      </c>
      <c r="BU14" s="69">
        <v>189</v>
      </c>
      <c r="BV14" s="69">
        <v>140</v>
      </c>
      <c r="BW14" s="69">
        <v>122</v>
      </c>
      <c r="BX14" s="69">
        <v>67</v>
      </c>
      <c r="BY14" s="70">
        <v>833</v>
      </c>
      <c r="BZ14" s="71">
        <v>1253</v>
      </c>
      <c r="CA14" s="68">
        <v>34</v>
      </c>
      <c r="CB14" s="69">
        <v>36</v>
      </c>
      <c r="CC14" s="70">
        <v>70</v>
      </c>
      <c r="CD14" s="159"/>
      <c r="CE14" s="69">
        <v>60</v>
      </c>
      <c r="CF14" s="69">
        <v>48</v>
      </c>
      <c r="CG14" s="69">
        <v>34</v>
      </c>
      <c r="CH14" s="69">
        <v>21</v>
      </c>
      <c r="CI14" s="69">
        <v>29</v>
      </c>
      <c r="CJ14" s="70">
        <v>192</v>
      </c>
      <c r="CK14" s="71">
        <v>262</v>
      </c>
      <c r="CL14" s="68">
        <v>1437</v>
      </c>
      <c r="CM14" s="69">
        <v>1082</v>
      </c>
      <c r="CN14" s="70">
        <v>2519</v>
      </c>
      <c r="CO14" s="159"/>
      <c r="CP14" s="69">
        <v>1698</v>
      </c>
      <c r="CQ14" s="69">
        <v>1027</v>
      </c>
      <c r="CR14" s="69">
        <v>710</v>
      </c>
      <c r="CS14" s="69">
        <v>582</v>
      </c>
      <c r="CT14" s="69">
        <v>435</v>
      </c>
      <c r="CU14" s="70">
        <v>4452</v>
      </c>
      <c r="CV14" s="71">
        <v>6971</v>
      </c>
      <c r="CW14" s="108">
        <v>2918</v>
      </c>
      <c r="CX14" s="80">
        <v>2149</v>
      </c>
      <c r="CY14" s="81">
        <v>5067</v>
      </c>
      <c r="CZ14" s="159"/>
      <c r="DA14" s="80">
        <v>3075</v>
      </c>
      <c r="DB14" s="80">
        <v>1709</v>
      </c>
      <c r="DC14" s="80">
        <v>1388</v>
      </c>
      <c r="DD14" s="80">
        <v>1376</v>
      </c>
      <c r="DE14" s="80">
        <v>1168</v>
      </c>
      <c r="DF14" s="82">
        <v>8716</v>
      </c>
      <c r="DG14" s="83">
        <v>13783</v>
      </c>
      <c r="DH14" s="68">
        <v>61</v>
      </c>
      <c r="DI14" s="69">
        <v>58</v>
      </c>
      <c r="DJ14" s="70">
        <v>119</v>
      </c>
      <c r="DK14" s="159"/>
      <c r="DL14" s="69">
        <v>63</v>
      </c>
      <c r="DM14" s="69">
        <v>36</v>
      </c>
      <c r="DN14" s="69">
        <v>15</v>
      </c>
      <c r="DO14" s="69">
        <v>17</v>
      </c>
      <c r="DP14" s="69">
        <v>25</v>
      </c>
      <c r="DQ14" s="70">
        <v>156</v>
      </c>
      <c r="DR14" s="71">
        <v>275</v>
      </c>
      <c r="DS14" s="68">
        <v>229</v>
      </c>
      <c r="DT14" s="69">
        <v>163</v>
      </c>
      <c r="DU14" s="70">
        <v>392</v>
      </c>
      <c r="DV14" s="159"/>
      <c r="DW14" s="69">
        <v>207</v>
      </c>
      <c r="DX14" s="69">
        <v>97</v>
      </c>
      <c r="DY14" s="69">
        <v>61</v>
      </c>
      <c r="DZ14" s="69">
        <v>62</v>
      </c>
      <c r="EA14" s="69">
        <v>68</v>
      </c>
      <c r="EB14" s="70">
        <v>495</v>
      </c>
      <c r="EC14" s="71">
        <v>887</v>
      </c>
      <c r="ED14" s="68">
        <v>446</v>
      </c>
      <c r="EE14" s="69">
        <v>294</v>
      </c>
      <c r="EF14" s="70">
        <v>740</v>
      </c>
      <c r="EG14" s="159"/>
      <c r="EH14" s="69">
        <v>359</v>
      </c>
      <c r="EI14" s="69">
        <v>162</v>
      </c>
      <c r="EJ14" s="69">
        <v>119</v>
      </c>
      <c r="EK14" s="69">
        <v>125</v>
      </c>
      <c r="EL14" s="69">
        <v>98</v>
      </c>
      <c r="EM14" s="70">
        <v>863</v>
      </c>
      <c r="EN14" s="71">
        <v>1603</v>
      </c>
      <c r="EO14" s="68">
        <v>826</v>
      </c>
      <c r="EP14" s="69">
        <v>531</v>
      </c>
      <c r="EQ14" s="70">
        <v>1357</v>
      </c>
      <c r="ER14" s="159"/>
      <c r="ES14" s="69">
        <v>647</v>
      </c>
      <c r="ET14" s="69">
        <v>341</v>
      </c>
      <c r="EU14" s="69">
        <v>229</v>
      </c>
      <c r="EV14" s="69">
        <v>217</v>
      </c>
      <c r="EW14" s="69">
        <v>207</v>
      </c>
      <c r="EX14" s="70">
        <v>1641</v>
      </c>
      <c r="EY14" s="71">
        <v>2998</v>
      </c>
      <c r="EZ14" s="68">
        <v>891</v>
      </c>
      <c r="FA14" s="69">
        <v>611</v>
      </c>
      <c r="FB14" s="70">
        <v>1502</v>
      </c>
      <c r="FC14" s="159"/>
      <c r="FD14" s="69">
        <v>930</v>
      </c>
      <c r="FE14" s="69">
        <v>468</v>
      </c>
      <c r="FF14" s="69">
        <v>387</v>
      </c>
      <c r="FG14" s="69">
        <v>331</v>
      </c>
      <c r="FH14" s="69">
        <v>305</v>
      </c>
      <c r="FI14" s="70">
        <v>2421</v>
      </c>
      <c r="FJ14" s="71">
        <v>3923</v>
      </c>
      <c r="FK14" s="68">
        <v>465</v>
      </c>
      <c r="FL14" s="69">
        <v>492</v>
      </c>
      <c r="FM14" s="70">
        <v>957</v>
      </c>
      <c r="FN14" s="159"/>
      <c r="FO14" s="69">
        <v>869</v>
      </c>
      <c r="FP14" s="69">
        <v>605</v>
      </c>
      <c r="FQ14" s="69">
        <v>577</v>
      </c>
      <c r="FR14" s="69">
        <v>624</v>
      </c>
      <c r="FS14" s="69">
        <v>465</v>
      </c>
      <c r="FT14" s="70">
        <v>3140</v>
      </c>
      <c r="FU14" s="71">
        <v>4097</v>
      </c>
      <c r="FV14" s="68">
        <v>27</v>
      </c>
      <c r="FW14" s="69">
        <v>43</v>
      </c>
      <c r="FX14" s="70">
        <v>70</v>
      </c>
      <c r="FY14" s="159"/>
      <c r="FZ14" s="69">
        <v>52</v>
      </c>
      <c r="GA14" s="69">
        <v>32</v>
      </c>
      <c r="GB14" s="69">
        <v>23</v>
      </c>
      <c r="GC14" s="69">
        <v>16</v>
      </c>
      <c r="GD14" s="69">
        <v>36</v>
      </c>
      <c r="GE14" s="70">
        <v>159</v>
      </c>
      <c r="GF14" s="71">
        <v>229</v>
      </c>
      <c r="GG14" s="68">
        <v>2945</v>
      </c>
      <c r="GH14" s="69">
        <v>2192</v>
      </c>
      <c r="GI14" s="70">
        <v>5137</v>
      </c>
      <c r="GJ14" s="159"/>
      <c r="GK14" s="69">
        <v>3127</v>
      </c>
      <c r="GL14" s="69">
        <v>1741</v>
      </c>
      <c r="GM14" s="69">
        <v>1411</v>
      </c>
      <c r="GN14" s="69">
        <v>1392</v>
      </c>
      <c r="GO14" s="69">
        <v>1204</v>
      </c>
      <c r="GP14" s="70">
        <v>8875</v>
      </c>
      <c r="GQ14" s="71">
        <v>14012</v>
      </c>
      <c r="GR14" s="108">
        <v>4321</v>
      </c>
      <c r="GS14" s="80">
        <v>3195</v>
      </c>
      <c r="GT14" s="81">
        <v>7516</v>
      </c>
      <c r="GU14" s="159"/>
      <c r="GV14" s="80">
        <v>4713</v>
      </c>
      <c r="GW14" s="80">
        <v>2688</v>
      </c>
      <c r="GX14" s="80">
        <v>2064</v>
      </c>
      <c r="GY14" s="80">
        <v>1937</v>
      </c>
      <c r="GZ14" s="80">
        <v>1574</v>
      </c>
      <c r="HA14" s="82">
        <v>12976</v>
      </c>
      <c r="HB14" s="83">
        <v>20492</v>
      </c>
      <c r="HC14" s="68">
        <v>120</v>
      </c>
      <c r="HD14" s="69">
        <v>119</v>
      </c>
      <c r="HE14" s="70">
        <v>239</v>
      </c>
      <c r="HF14" s="159"/>
      <c r="HG14" s="69">
        <v>147</v>
      </c>
      <c r="HH14" s="69">
        <v>97</v>
      </c>
      <c r="HI14" s="69">
        <v>42</v>
      </c>
      <c r="HJ14" s="69">
        <v>41</v>
      </c>
      <c r="HK14" s="69">
        <v>53</v>
      </c>
      <c r="HL14" s="70">
        <v>380</v>
      </c>
      <c r="HM14" s="71">
        <v>619</v>
      </c>
      <c r="HN14" s="68">
        <v>371</v>
      </c>
      <c r="HO14" s="69">
        <v>295</v>
      </c>
      <c r="HP14" s="70">
        <v>666</v>
      </c>
      <c r="HQ14" s="159"/>
      <c r="HR14" s="69">
        <v>384</v>
      </c>
      <c r="HS14" s="69">
        <v>216</v>
      </c>
      <c r="HT14" s="69">
        <v>133</v>
      </c>
      <c r="HU14" s="69">
        <v>133</v>
      </c>
      <c r="HV14" s="69">
        <v>135</v>
      </c>
      <c r="HW14" s="70">
        <v>1001</v>
      </c>
      <c r="HX14" s="71">
        <v>1667</v>
      </c>
      <c r="HY14" s="68">
        <v>635</v>
      </c>
      <c r="HZ14" s="69">
        <v>463</v>
      </c>
      <c r="IA14" s="70">
        <v>1098</v>
      </c>
      <c r="IB14" s="159"/>
      <c r="IC14" s="69">
        <v>618</v>
      </c>
      <c r="ID14" s="69">
        <v>344</v>
      </c>
      <c r="IE14" s="69">
        <v>229</v>
      </c>
      <c r="IF14" s="69">
        <v>208</v>
      </c>
      <c r="IG14" s="69">
        <v>157</v>
      </c>
      <c r="IH14" s="70">
        <v>1556</v>
      </c>
      <c r="II14" s="71">
        <v>2654</v>
      </c>
      <c r="IJ14" s="68">
        <v>1199</v>
      </c>
      <c r="IK14" s="69">
        <v>779</v>
      </c>
      <c r="IL14" s="70">
        <v>1978</v>
      </c>
      <c r="IM14" s="159"/>
      <c r="IN14" s="69">
        <v>1029</v>
      </c>
      <c r="IO14" s="69">
        <v>555</v>
      </c>
      <c r="IP14" s="69">
        <v>378</v>
      </c>
      <c r="IQ14" s="69">
        <v>337</v>
      </c>
      <c r="IR14" s="69">
        <v>295</v>
      </c>
      <c r="IS14" s="70">
        <v>2594</v>
      </c>
      <c r="IT14" s="71">
        <v>4572</v>
      </c>
      <c r="IU14" s="68">
        <v>1290</v>
      </c>
      <c r="IV14" s="69">
        <v>868</v>
      </c>
      <c r="IW14" s="70">
        <v>2158</v>
      </c>
      <c r="IX14" s="159"/>
      <c r="IY14" s="69">
        <v>1351</v>
      </c>
      <c r="IZ14" s="69">
        <v>682</v>
      </c>
      <c r="JA14" s="69">
        <v>565</v>
      </c>
      <c r="JB14" s="69">
        <v>472</v>
      </c>
      <c r="JC14" s="69">
        <v>402</v>
      </c>
      <c r="JD14" s="70">
        <v>3472</v>
      </c>
      <c r="JE14" s="71">
        <v>5630</v>
      </c>
      <c r="JF14" s="68">
        <v>706</v>
      </c>
      <c r="JG14" s="69">
        <v>671</v>
      </c>
      <c r="JH14" s="70">
        <v>1377</v>
      </c>
      <c r="JI14" s="159"/>
      <c r="JJ14" s="69">
        <v>1184</v>
      </c>
      <c r="JK14" s="69">
        <v>794</v>
      </c>
      <c r="JL14" s="69">
        <v>717</v>
      </c>
      <c r="JM14" s="69">
        <v>746</v>
      </c>
      <c r="JN14" s="69">
        <v>532</v>
      </c>
      <c r="JO14" s="70">
        <v>3973</v>
      </c>
      <c r="JP14" s="71">
        <v>5350</v>
      </c>
      <c r="JQ14" s="68">
        <v>61</v>
      </c>
      <c r="JR14" s="69">
        <v>79</v>
      </c>
      <c r="JS14" s="70">
        <v>140</v>
      </c>
      <c r="JT14" s="159"/>
      <c r="JU14" s="69">
        <v>112</v>
      </c>
      <c r="JV14" s="69">
        <v>80</v>
      </c>
      <c r="JW14" s="69">
        <v>57</v>
      </c>
      <c r="JX14" s="69">
        <v>37</v>
      </c>
      <c r="JY14" s="69">
        <v>65</v>
      </c>
      <c r="JZ14" s="70">
        <v>351</v>
      </c>
      <c r="KA14" s="71">
        <v>491</v>
      </c>
      <c r="KB14" s="68">
        <v>4382</v>
      </c>
      <c r="KC14" s="69">
        <v>3274</v>
      </c>
      <c r="KD14" s="70">
        <v>7656</v>
      </c>
      <c r="KE14" s="159"/>
      <c r="KF14" s="69">
        <v>4825</v>
      </c>
      <c r="KG14" s="69">
        <v>2768</v>
      </c>
      <c r="KH14" s="69">
        <v>2121</v>
      </c>
      <c r="KI14" s="69">
        <v>1974</v>
      </c>
      <c r="KJ14" s="69">
        <v>1639</v>
      </c>
      <c r="KK14" s="70">
        <v>13327</v>
      </c>
      <c r="KL14" s="71">
        <v>20983</v>
      </c>
    </row>
    <row r="15" spans="1:298" ht="19.5" customHeight="1" x14ac:dyDescent="0.2">
      <c r="A15" s="111" t="s">
        <v>11</v>
      </c>
      <c r="B15" s="215">
        <v>446</v>
      </c>
      <c r="C15" s="80">
        <v>335</v>
      </c>
      <c r="D15" s="81">
        <v>781</v>
      </c>
      <c r="E15" s="159"/>
      <c r="F15" s="80">
        <v>889</v>
      </c>
      <c r="G15" s="80">
        <v>525</v>
      </c>
      <c r="H15" s="80">
        <v>438</v>
      </c>
      <c r="I15" s="80">
        <v>385</v>
      </c>
      <c r="J15" s="80">
        <v>215</v>
      </c>
      <c r="K15" s="82">
        <v>2452</v>
      </c>
      <c r="L15" s="83">
        <v>3233</v>
      </c>
      <c r="M15" s="68">
        <v>23</v>
      </c>
      <c r="N15" s="69">
        <v>8</v>
      </c>
      <c r="O15" s="70">
        <v>31</v>
      </c>
      <c r="P15" s="159"/>
      <c r="Q15" s="69">
        <v>56</v>
      </c>
      <c r="R15" s="69">
        <v>21</v>
      </c>
      <c r="S15" s="69">
        <v>20</v>
      </c>
      <c r="T15" s="69">
        <v>20</v>
      </c>
      <c r="U15" s="69">
        <v>14</v>
      </c>
      <c r="V15" s="70">
        <v>131</v>
      </c>
      <c r="W15" s="71">
        <v>162</v>
      </c>
      <c r="X15" s="68">
        <v>50</v>
      </c>
      <c r="Y15" s="69">
        <v>53</v>
      </c>
      <c r="Z15" s="70">
        <v>103</v>
      </c>
      <c r="AA15" s="159"/>
      <c r="AB15" s="69">
        <v>111</v>
      </c>
      <c r="AC15" s="69">
        <v>66</v>
      </c>
      <c r="AD15" s="69">
        <v>53</v>
      </c>
      <c r="AE15" s="69">
        <v>38</v>
      </c>
      <c r="AF15" s="69">
        <v>34</v>
      </c>
      <c r="AG15" s="70">
        <v>302</v>
      </c>
      <c r="AH15" s="71">
        <v>405</v>
      </c>
      <c r="AI15" s="68">
        <v>70</v>
      </c>
      <c r="AJ15" s="69">
        <v>66</v>
      </c>
      <c r="AK15" s="70">
        <v>136</v>
      </c>
      <c r="AL15" s="159"/>
      <c r="AM15" s="69">
        <v>144</v>
      </c>
      <c r="AN15" s="69">
        <v>94</v>
      </c>
      <c r="AO15" s="69">
        <v>80</v>
      </c>
      <c r="AP15" s="69">
        <v>69</v>
      </c>
      <c r="AQ15" s="69">
        <v>45</v>
      </c>
      <c r="AR15" s="70">
        <v>432</v>
      </c>
      <c r="AS15" s="71">
        <v>568</v>
      </c>
      <c r="AT15" s="68">
        <v>102</v>
      </c>
      <c r="AU15" s="69">
        <v>67</v>
      </c>
      <c r="AV15" s="70">
        <v>169</v>
      </c>
      <c r="AW15" s="159"/>
      <c r="AX15" s="69">
        <v>203</v>
      </c>
      <c r="AY15" s="69">
        <v>120</v>
      </c>
      <c r="AZ15" s="69">
        <v>92</v>
      </c>
      <c r="BA15" s="69">
        <v>87</v>
      </c>
      <c r="BB15" s="69">
        <v>44</v>
      </c>
      <c r="BC15" s="70">
        <v>546</v>
      </c>
      <c r="BD15" s="71">
        <v>715</v>
      </c>
      <c r="BE15" s="68">
        <v>127</v>
      </c>
      <c r="BF15" s="69">
        <v>89</v>
      </c>
      <c r="BG15" s="70">
        <v>216</v>
      </c>
      <c r="BH15" s="159"/>
      <c r="BI15" s="69">
        <v>206</v>
      </c>
      <c r="BJ15" s="69">
        <v>127</v>
      </c>
      <c r="BK15" s="69">
        <v>101</v>
      </c>
      <c r="BL15" s="69">
        <v>88</v>
      </c>
      <c r="BM15" s="69">
        <v>38</v>
      </c>
      <c r="BN15" s="70">
        <v>560</v>
      </c>
      <c r="BO15" s="71">
        <v>776</v>
      </c>
      <c r="BP15" s="68">
        <v>74</v>
      </c>
      <c r="BQ15" s="69">
        <v>52</v>
      </c>
      <c r="BR15" s="70">
        <v>126</v>
      </c>
      <c r="BS15" s="159"/>
      <c r="BT15" s="69">
        <v>169</v>
      </c>
      <c r="BU15" s="69">
        <v>97</v>
      </c>
      <c r="BV15" s="69">
        <v>92</v>
      </c>
      <c r="BW15" s="69">
        <v>83</v>
      </c>
      <c r="BX15" s="69">
        <v>40</v>
      </c>
      <c r="BY15" s="70">
        <v>481</v>
      </c>
      <c r="BZ15" s="71">
        <v>607</v>
      </c>
      <c r="CA15" s="68">
        <v>7</v>
      </c>
      <c r="CB15" s="69">
        <v>8</v>
      </c>
      <c r="CC15" s="70">
        <v>15</v>
      </c>
      <c r="CD15" s="159"/>
      <c r="CE15" s="69">
        <v>26</v>
      </c>
      <c r="CF15" s="69">
        <v>19</v>
      </c>
      <c r="CG15" s="69">
        <v>13</v>
      </c>
      <c r="CH15" s="69">
        <v>7</v>
      </c>
      <c r="CI15" s="69">
        <v>10</v>
      </c>
      <c r="CJ15" s="70">
        <v>75</v>
      </c>
      <c r="CK15" s="71">
        <v>90</v>
      </c>
      <c r="CL15" s="68">
        <v>453</v>
      </c>
      <c r="CM15" s="69">
        <v>343</v>
      </c>
      <c r="CN15" s="70">
        <v>796</v>
      </c>
      <c r="CO15" s="159"/>
      <c r="CP15" s="69">
        <v>915</v>
      </c>
      <c r="CQ15" s="69">
        <v>544</v>
      </c>
      <c r="CR15" s="69">
        <v>451</v>
      </c>
      <c r="CS15" s="69">
        <v>392</v>
      </c>
      <c r="CT15" s="69">
        <v>225</v>
      </c>
      <c r="CU15" s="70">
        <v>2527</v>
      </c>
      <c r="CV15" s="71">
        <v>3323</v>
      </c>
      <c r="CW15" s="108">
        <v>975</v>
      </c>
      <c r="CX15" s="80">
        <v>768</v>
      </c>
      <c r="CY15" s="81">
        <v>1743</v>
      </c>
      <c r="CZ15" s="159"/>
      <c r="DA15" s="80">
        <v>1801</v>
      </c>
      <c r="DB15" s="80">
        <v>1025</v>
      </c>
      <c r="DC15" s="80">
        <v>868</v>
      </c>
      <c r="DD15" s="80">
        <v>894</v>
      </c>
      <c r="DE15" s="80">
        <v>518</v>
      </c>
      <c r="DF15" s="82">
        <v>5106</v>
      </c>
      <c r="DG15" s="83">
        <v>6849</v>
      </c>
      <c r="DH15" s="68">
        <v>31</v>
      </c>
      <c r="DI15" s="69">
        <v>24</v>
      </c>
      <c r="DJ15" s="70">
        <v>55</v>
      </c>
      <c r="DK15" s="159"/>
      <c r="DL15" s="69">
        <v>41</v>
      </c>
      <c r="DM15" s="69">
        <v>22</v>
      </c>
      <c r="DN15" s="69">
        <v>17</v>
      </c>
      <c r="DO15" s="69">
        <v>12</v>
      </c>
      <c r="DP15" s="69">
        <v>12</v>
      </c>
      <c r="DQ15" s="70">
        <v>104</v>
      </c>
      <c r="DR15" s="71">
        <v>159</v>
      </c>
      <c r="DS15" s="68">
        <v>81</v>
      </c>
      <c r="DT15" s="69">
        <v>56</v>
      </c>
      <c r="DU15" s="70">
        <v>137</v>
      </c>
      <c r="DV15" s="159"/>
      <c r="DW15" s="69">
        <v>107</v>
      </c>
      <c r="DX15" s="69">
        <v>64</v>
      </c>
      <c r="DY15" s="69">
        <v>56</v>
      </c>
      <c r="DZ15" s="69">
        <v>40</v>
      </c>
      <c r="EA15" s="69">
        <v>28</v>
      </c>
      <c r="EB15" s="70">
        <v>295</v>
      </c>
      <c r="EC15" s="71">
        <v>432</v>
      </c>
      <c r="ED15" s="68">
        <v>117</v>
      </c>
      <c r="EE15" s="69">
        <v>103</v>
      </c>
      <c r="EF15" s="70">
        <v>220</v>
      </c>
      <c r="EG15" s="159"/>
      <c r="EH15" s="69">
        <v>200</v>
      </c>
      <c r="EI15" s="69">
        <v>117</v>
      </c>
      <c r="EJ15" s="69">
        <v>92</v>
      </c>
      <c r="EK15" s="69">
        <v>79</v>
      </c>
      <c r="EL15" s="69">
        <v>36</v>
      </c>
      <c r="EM15" s="70">
        <v>524</v>
      </c>
      <c r="EN15" s="71">
        <v>744</v>
      </c>
      <c r="EO15" s="68">
        <v>311</v>
      </c>
      <c r="EP15" s="69">
        <v>203</v>
      </c>
      <c r="EQ15" s="70">
        <v>514</v>
      </c>
      <c r="ER15" s="159"/>
      <c r="ES15" s="69">
        <v>400</v>
      </c>
      <c r="ET15" s="69">
        <v>196</v>
      </c>
      <c r="EU15" s="69">
        <v>142</v>
      </c>
      <c r="EV15" s="69">
        <v>137</v>
      </c>
      <c r="EW15" s="69">
        <v>84</v>
      </c>
      <c r="EX15" s="70">
        <v>959</v>
      </c>
      <c r="EY15" s="71">
        <v>1473</v>
      </c>
      <c r="EZ15" s="68">
        <v>283</v>
      </c>
      <c r="FA15" s="69">
        <v>223</v>
      </c>
      <c r="FB15" s="70">
        <v>506</v>
      </c>
      <c r="FC15" s="159"/>
      <c r="FD15" s="69">
        <v>569</v>
      </c>
      <c r="FE15" s="69">
        <v>280</v>
      </c>
      <c r="FF15" s="69">
        <v>252</v>
      </c>
      <c r="FG15" s="69">
        <v>245</v>
      </c>
      <c r="FH15" s="69">
        <v>154</v>
      </c>
      <c r="FI15" s="70">
        <v>1500</v>
      </c>
      <c r="FJ15" s="71">
        <v>2006</v>
      </c>
      <c r="FK15" s="68">
        <v>152</v>
      </c>
      <c r="FL15" s="69">
        <v>159</v>
      </c>
      <c r="FM15" s="70">
        <v>311</v>
      </c>
      <c r="FN15" s="159"/>
      <c r="FO15" s="69">
        <v>484</v>
      </c>
      <c r="FP15" s="69">
        <v>346</v>
      </c>
      <c r="FQ15" s="69">
        <v>309</v>
      </c>
      <c r="FR15" s="69">
        <v>381</v>
      </c>
      <c r="FS15" s="69">
        <v>204</v>
      </c>
      <c r="FT15" s="70">
        <v>1724</v>
      </c>
      <c r="FU15" s="71">
        <v>2035</v>
      </c>
      <c r="FV15" s="68">
        <v>10</v>
      </c>
      <c r="FW15" s="69">
        <v>10</v>
      </c>
      <c r="FX15" s="70">
        <v>20</v>
      </c>
      <c r="FY15" s="159"/>
      <c r="FZ15" s="69">
        <v>27</v>
      </c>
      <c r="GA15" s="69">
        <v>17</v>
      </c>
      <c r="GB15" s="69">
        <v>10</v>
      </c>
      <c r="GC15" s="69">
        <v>12</v>
      </c>
      <c r="GD15" s="69">
        <v>9</v>
      </c>
      <c r="GE15" s="70">
        <v>75</v>
      </c>
      <c r="GF15" s="71">
        <v>95</v>
      </c>
      <c r="GG15" s="68">
        <v>985</v>
      </c>
      <c r="GH15" s="69">
        <v>778</v>
      </c>
      <c r="GI15" s="70">
        <v>1763</v>
      </c>
      <c r="GJ15" s="159"/>
      <c r="GK15" s="69">
        <v>1828</v>
      </c>
      <c r="GL15" s="69">
        <v>1042</v>
      </c>
      <c r="GM15" s="69">
        <v>878</v>
      </c>
      <c r="GN15" s="69">
        <v>906</v>
      </c>
      <c r="GO15" s="69">
        <v>527</v>
      </c>
      <c r="GP15" s="70">
        <v>5181</v>
      </c>
      <c r="GQ15" s="71">
        <v>6944</v>
      </c>
      <c r="GR15" s="108">
        <v>1421</v>
      </c>
      <c r="GS15" s="80">
        <v>1103</v>
      </c>
      <c r="GT15" s="81">
        <v>2524</v>
      </c>
      <c r="GU15" s="159"/>
      <c r="GV15" s="80">
        <v>2690</v>
      </c>
      <c r="GW15" s="80">
        <v>1550</v>
      </c>
      <c r="GX15" s="80">
        <v>1306</v>
      </c>
      <c r="GY15" s="80">
        <v>1279</v>
      </c>
      <c r="GZ15" s="80">
        <v>733</v>
      </c>
      <c r="HA15" s="82">
        <v>7558</v>
      </c>
      <c r="HB15" s="83">
        <v>10082</v>
      </c>
      <c r="HC15" s="68">
        <v>54</v>
      </c>
      <c r="HD15" s="69">
        <v>32</v>
      </c>
      <c r="HE15" s="70">
        <v>86</v>
      </c>
      <c r="HF15" s="159"/>
      <c r="HG15" s="69">
        <v>97</v>
      </c>
      <c r="HH15" s="69">
        <v>43</v>
      </c>
      <c r="HI15" s="69">
        <v>37</v>
      </c>
      <c r="HJ15" s="69">
        <v>32</v>
      </c>
      <c r="HK15" s="69">
        <v>26</v>
      </c>
      <c r="HL15" s="70">
        <v>235</v>
      </c>
      <c r="HM15" s="71">
        <v>321</v>
      </c>
      <c r="HN15" s="68">
        <v>131</v>
      </c>
      <c r="HO15" s="69">
        <v>109</v>
      </c>
      <c r="HP15" s="70">
        <v>240</v>
      </c>
      <c r="HQ15" s="159"/>
      <c r="HR15" s="69">
        <v>218</v>
      </c>
      <c r="HS15" s="69">
        <v>130</v>
      </c>
      <c r="HT15" s="69">
        <v>109</v>
      </c>
      <c r="HU15" s="69">
        <v>78</v>
      </c>
      <c r="HV15" s="69">
        <v>62</v>
      </c>
      <c r="HW15" s="70">
        <v>597</v>
      </c>
      <c r="HX15" s="71">
        <v>837</v>
      </c>
      <c r="HY15" s="68">
        <v>187</v>
      </c>
      <c r="HZ15" s="69">
        <v>169</v>
      </c>
      <c r="IA15" s="70">
        <v>356</v>
      </c>
      <c r="IB15" s="159"/>
      <c r="IC15" s="69">
        <v>344</v>
      </c>
      <c r="ID15" s="69">
        <v>211</v>
      </c>
      <c r="IE15" s="69">
        <v>172</v>
      </c>
      <c r="IF15" s="69">
        <v>148</v>
      </c>
      <c r="IG15" s="69">
        <v>81</v>
      </c>
      <c r="IH15" s="70">
        <v>956</v>
      </c>
      <c r="II15" s="71">
        <v>1312</v>
      </c>
      <c r="IJ15" s="68">
        <v>413</v>
      </c>
      <c r="IK15" s="69">
        <v>270</v>
      </c>
      <c r="IL15" s="70">
        <v>683</v>
      </c>
      <c r="IM15" s="159"/>
      <c r="IN15" s="69">
        <v>603</v>
      </c>
      <c r="IO15" s="69">
        <v>316</v>
      </c>
      <c r="IP15" s="69">
        <v>234</v>
      </c>
      <c r="IQ15" s="69">
        <v>224</v>
      </c>
      <c r="IR15" s="69">
        <v>128</v>
      </c>
      <c r="IS15" s="70">
        <v>1505</v>
      </c>
      <c r="IT15" s="71">
        <v>2188</v>
      </c>
      <c r="IU15" s="68">
        <v>410</v>
      </c>
      <c r="IV15" s="69">
        <v>312</v>
      </c>
      <c r="IW15" s="70">
        <v>722</v>
      </c>
      <c r="IX15" s="159"/>
      <c r="IY15" s="69">
        <v>775</v>
      </c>
      <c r="IZ15" s="69">
        <v>407</v>
      </c>
      <c r="JA15" s="69">
        <v>353</v>
      </c>
      <c r="JB15" s="69">
        <v>333</v>
      </c>
      <c r="JC15" s="69">
        <v>192</v>
      </c>
      <c r="JD15" s="70">
        <v>2060</v>
      </c>
      <c r="JE15" s="71">
        <v>2782</v>
      </c>
      <c r="JF15" s="68">
        <v>226</v>
      </c>
      <c r="JG15" s="69">
        <v>211</v>
      </c>
      <c r="JH15" s="70">
        <v>437</v>
      </c>
      <c r="JI15" s="159"/>
      <c r="JJ15" s="69">
        <v>653</v>
      </c>
      <c r="JK15" s="69">
        <v>443</v>
      </c>
      <c r="JL15" s="69">
        <v>401</v>
      </c>
      <c r="JM15" s="69">
        <v>464</v>
      </c>
      <c r="JN15" s="69">
        <v>244</v>
      </c>
      <c r="JO15" s="70">
        <v>2205</v>
      </c>
      <c r="JP15" s="71">
        <v>2642</v>
      </c>
      <c r="JQ15" s="68">
        <v>17</v>
      </c>
      <c r="JR15" s="69">
        <v>18</v>
      </c>
      <c r="JS15" s="70">
        <v>35</v>
      </c>
      <c r="JT15" s="159"/>
      <c r="JU15" s="69">
        <v>53</v>
      </c>
      <c r="JV15" s="69">
        <v>36</v>
      </c>
      <c r="JW15" s="69">
        <v>23</v>
      </c>
      <c r="JX15" s="69">
        <v>19</v>
      </c>
      <c r="JY15" s="69">
        <v>19</v>
      </c>
      <c r="JZ15" s="70">
        <v>150</v>
      </c>
      <c r="KA15" s="71">
        <v>185</v>
      </c>
      <c r="KB15" s="68">
        <v>1438</v>
      </c>
      <c r="KC15" s="69">
        <v>1121</v>
      </c>
      <c r="KD15" s="70">
        <v>2559</v>
      </c>
      <c r="KE15" s="159"/>
      <c r="KF15" s="69">
        <v>2743</v>
      </c>
      <c r="KG15" s="69">
        <v>1586</v>
      </c>
      <c r="KH15" s="69">
        <v>1329</v>
      </c>
      <c r="KI15" s="69">
        <v>1298</v>
      </c>
      <c r="KJ15" s="69">
        <v>752</v>
      </c>
      <c r="KK15" s="70">
        <v>7708</v>
      </c>
      <c r="KL15" s="71">
        <v>10267</v>
      </c>
    </row>
    <row r="16" spans="1:298" ht="19.5" customHeight="1" x14ac:dyDescent="0.2">
      <c r="A16" s="111" t="s">
        <v>12</v>
      </c>
      <c r="B16" s="215">
        <v>685</v>
      </c>
      <c r="C16" s="80">
        <v>574</v>
      </c>
      <c r="D16" s="81">
        <v>1259</v>
      </c>
      <c r="E16" s="159"/>
      <c r="F16" s="80">
        <v>688</v>
      </c>
      <c r="G16" s="80">
        <v>553</v>
      </c>
      <c r="H16" s="80">
        <v>448</v>
      </c>
      <c r="I16" s="80">
        <v>402</v>
      </c>
      <c r="J16" s="80">
        <v>232</v>
      </c>
      <c r="K16" s="82">
        <v>2323</v>
      </c>
      <c r="L16" s="83">
        <v>3582</v>
      </c>
      <c r="M16" s="84">
        <v>21</v>
      </c>
      <c r="N16" s="69">
        <v>30</v>
      </c>
      <c r="O16" s="70">
        <v>51</v>
      </c>
      <c r="P16" s="159"/>
      <c r="Q16" s="69">
        <v>21</v>
      </c>
      <c r="R16" s="69">
        <v>24</v>
      </c>
      <c r="S16" s="69">
        <v>25</v>
      </c>
      <c r="T16" s="69">
        <v>10</v>
      </c>
      <c r="U16" s="69">
        <v>18</v>
      </c>
      <c r="V16" s="70">
        <v>98</v>
      </c>
      <c r="W16" s="71">
        <v>149</v>
      </c>
      <c r="X16" s="68">
        <v>70</v>
      </c>
      <c r="Y16" s="69">
        <v>71</v>
      </c>
      <c r="Z16" s="70">
        <v>141</v>
      </c>
      <c r="AA16" s="159"/>
      <c r="AB16" s="69">
        <v>58</v>
      </c>
      <c r="AC16" s="69">
        <v>46</v>
      </c>
      <c r="AD16" s="69">
        <v>47</v>
      </c>
      <c r="AE16" s="69">
        <v>44</v>
      </c>
      <c r="AF16" s="69">
        <v>24</v>
      </c>
      <c r="AG16" s="70">
        <v>219</v>
      </c>
      <c r="AH16" s="71">
        <v>360</v>
      </c>
      <c r="AI16" s="84">
        <v>97</v>
      </c>
      <c r="AJ16" s="69">
        <v>88</v>
      </c>
      <c r="AK16" s="70">
        <v>185</v>
      </c>
      <c r="AL16" s="159"/>
      <c r="AM16" s="69">
        <v>81</v>
      </c>
      <c r="AN16" s="69">
        <v>81</v>
      </c>
      <c r="AO16" s="69">
        <v>68</v>
      </c>
      <c r="AP16" s="69">
        <v>65</v>
      </c>
      <c r="AQ16" s="69">
        <v>43</v>
      </c>
      <c r="AR16" s="70">
        <v>338</v>
      </c>
      <c r="AS16" s="71">
        <v>523</v>
      </c>
      <c r="AT16" s="68">
        <v>175</v>
      </c>
      <c r="AU16" s="69">
        <v>146</v>
      </c>
      <c r="AV16" s="70">
        <v>321</v>
      </c>
      <c r="AW16" s="159"/>
      <c r="AX16" s="69">
        <v>182</v>
      </c>
      <c r="AY16" s="69">
        <v>145</v>
      </c>
      <c r="AZ16" s="69">
        <v>96</v>
      </c>
      <c r="BA16" s="69">
        <v>88</v>
      </c>
      <c r="BB16" s="69">
        <v>58</v>
      </c>
      <c r="BC16" s="70">
        <v>569</v>
      </c>
      <c r="BD16" s="71">
        <v>890</v>
      </c>
      <c r="BE16" s="84">
        <v>192</v>
      </c>
      <c r="BF16" s="69">
        <v>143</v>
      </c>
      <c r="BG16" s="70">
        <v>335</v>
      </c>
      <c r="BH16" s="159"/>
      <c r="BI16" s="69">
        <v>211</v>
      </c>
      <c r="BJ16" s="69">
        <v>142</v>
      </c>
      <c r="BK16" s="69">
        <v>118</v>
      </c>
      <c r="BL16" s="69">
        <v>109</v>
      </c>
      <c r="BM16" s="69">
        <v>47</v>
      </c>
      <c r="BN16" s="70">
        <v>627</v>
      </c>
      <c r="BO16" s="71">
        <v>962</v>
      </c>
      <c r="BP16" s="68">
        <v>130</v>
      </c>
      <c r="BQ16" s="69">
        <v>96</v>
      </c>
      <c r="BR16" s="70">
        <v>226</v>
      </c>
      <c r="BS16" s="159"/>
      <c r="BT16" s="69">
        <v>135</v>
      </c>
      <c r="BU16" s="69">
        <v>115</v>
      </c>
      <c r="BV16" s="69">
        <v>94</v>
      </c>
      <c r="BW16" s="69">
        <v>86</v>
      </c>
      <c r="BX16" s="69">
        <v>42</v>
      </c>
      <c r="BY16" s="70">
        <v>472</v>
      </c>
      <c r="BZ16" s="71">
        <v>698</v>
      </c>
      <c r="CA16" s="68">
        <v>13</v>
      </c>
      <c r="CB16" s="69">
        <v>29</v>
      </c>
      <c r="CC16" s="70">
        <v>42</v>
      </c>
      <c r="CD16" s="159"/>
      <c r="CE16" s="69">
        <v>11</v>
      </c>
      <c r="CF16" s="69">
        <v>26</v>
      </c>
      <c r="CG16" s="69">
        <v>12</v>
      </c>
      <c r="CH16" s="69">
        <v>15</v>
      </c>
      <c r="CI16" s="69">
        <v>15</v>
      </c>
      <c r="CJ16" s="70">
        <v>79</v>
      </c>
      <c r="CK16" s="71">
        <v>121</v>
      </c>
      <c r="CL16" s="68">
        <v>698</v>
      </c>
      <c r="CM16" s="69">
        <v>603</v>
      </c>
      <c r="CN16" s="70">
        <v>1301</v>
      </c>
      <c r="CO16" s="159"/>
      <c r="CP16" s="69">
        <v>699</v>
      </c>
      <c r="CQ16" s="69">
        <v>579</v>
      </c>
      <c r="CR16" s="69">
        <v>460</v>
      </c>
      <c r="CS16" s="69">
        <v>417</v>
      </c>
      <c r="CT16" s="69">
        <v>247</v>
      </c>
      <c r="CU16" s="70">
        <v>2402</v>
      </c>
      <c r="CV16" s="71">
        <v>3703</v>
      </c>
      <c r="CW16" s="108">
        <v>1329</v>
      </c>
      <c r="CX16" s="80">
        <v>1252</v>
      </c>
      <c r="CY16" s="81">
        <v>2581</v>
      </c>
      <c r="CZ16" s="159"/>
      <c r="DA16" s="80">
        <v>1377</v>
      </c>
      <c r="DB16" s="80">
        <v>1036</v>
      </c>
      <c r="DC16" s="80">
        <v>910</v>
      </c>
      <c r="DD16" s="80">
        <v>993</v>
      </c>
      <c r="DE16" s="80">
        <v>634</v>
      </c>
      <c r="DF16" s="82">
        <v>4950</v>
      </c>
      <c r="DG16" s="83">
        <v>7531</v>
      </c>
      <c r="DH16" s="84">
        <v>25</v>
      </c>
      <c r="DI16" s="69">
        <v>40</v>
      </c>
      <c r="DJ16" s="70">
        <v>65</v>
      </c>
      <c r="DK16" s="159"/>
      <c r="DL16" s="69">
        <v>14</v>
      </c>
      <c r="DM16" s="69">
        <v>16</v>
      </c>
      <c r="DN16" s="69">
        <v>17</v>
      </c>
      <c r="DO16" s="69">
        <v>18</v>
      </c>
      <c r="DP16" s="69">
        <v>9</v>
      </c>
      <c r="DQ16" s="70">
        <v>74</v>
      </c>
      <c r="DR16" s="71">
        <v>139</v>
      </c>
      <c r="DS16" s="68">
        <v>80</v>
      </c>
      <c r="DT16" s="69">
        <v>107</v>
      </c>
      <c r="DU16" s="70">
        <v>187</v>
      </c>
      <c r="DV16" s="159"/>
      <c r="DW16" s="69">
        <v>75</v>
      </c>
      <c r="DX16" s="69">
        <v>62</v>
      </c>
      <c r="DY16" s="69">
        <v>40</v>
      </c>
      <c r="DZ16" s="69">
        <v>40</v>
      </c>
      <c r="EA16" s="69">
        <v>52</v>
      </c>
      <c r="EB16" s="70">
        <v>269</v>
      </c>
      <c r="EC16" s="71">
        <v>456</v>
      </c>
      <c r="ED16" s="84">
        <v>193</v>
      </c>
      <c r="EE16" s="69">
        <v>186</v>
      </c>
      <c r="EF16" s="70">
        <v>379</v>
      </c>
      <c r="EG16" s="159"/>
      <c r="EH16" s="69">
        <v>139</v>
      </c>
      <c r="EI16" s="69">
        <v>111</v>
      </c>
      <c r="EJ16" s="69">
        <v>80</v>
      </c>
      <c r="EK16" s="69">
        <v>83</v>
      </c>
      <c r="EL16" s="69">
        <v>64</v>
      </c>
      <c r="EM16" s="70">
        <v>477</v>
      </c>
      <c r="EN16" s="71">
        <v>856</v>
      </c>
      <c r="EO16" s="68">
        <v>374</v>
      </c>
      <c r="EP16" s="69">
        <v>314</v>
      </c>
      <c r="EQ16" s="70">
        <v>688</v>
      </c>
      <c r="ER16" s="159"/>
      <c r="ES16" s="69">
        <v>327</v>
      </c>
      <c r="ET16" s="69">
        <v>188</v>
      </c>
      <c r="EU16" s="69">
        <v>161</v>
      </c>
      <c r="EV16" s="69">
        <v>164</v>
      </c>
      <c r="EW16" s="69">
        <v>110</v>
      </c>
      <c r="EX16" s="70">
        <v>950</v>
      </c>
      <c r="EY16" s="71">
        <v>1638</v>
      </c>
      <c r="EZ16" s="84">
        <v>410</v>
      </c>
      <c r="FA16" s="69">
        <v>362</v>
      </c>
      <c r="FB16" s="70">
        <v>772</v>
      </c>
      <c r="FC16" s="159"/>
      <c r="FD16" s="69">
        <v>421</v>
      </c>
      <c r="FE16" s="69">
        <v>338</v>
      </c>
      <c r="FF16" s="69">
        <v>252</v>
      </c>
      <c r="FG16" s="69">
        <v>276</v>
      </c>
      <c r="FH16" s="69">
        <v>141</v>
      </c>
      <c r="FI16" s="70">
        <v>1428</v>
      </c>
      <c r="FJ16" s="71">
        <v>2200</v>
      </c>
      <c r="FK16" s="68">
        <v>247</v>
      </c>
      <c r="FL16" s="69">
        <v>243</v>
      </c>
      <c r="FM16" s="70">
        <v>490</v>
      </c>
      <c r="FN16" s="159"/>
      <c r="FO16" s="69">
        <v>401</v>
      </c>
      <c r="FP16" s="69">
        <v>321</v>
      </c>
      <c r="FQ16" s="69">
        <v>360</v>
      </c>
      <c r="FR16" s="69">
        <v>412</v>
      </c>
      <c r="FS16" s="69">
        <v>258</v>
      </c>
      <c r="FT16" s="70">
        <v>1752</v>
      </c>
      <c r="FU16" s="71">
        <v>2242</v>
      </c>
      <c r="FV16" s="68">
        <v>14</v>
      </c>
      <c r="FW16" s="69">
        <v>21</v>
      </c>
      <c r="FX16" s="70">
        <v>35</v>
      </c>
      <c r="FY16" s="159"/>
      <c r="FZ16" s="69">
        <v>13</v>
      </c>
      <c r="GA16" s="69">
        <v>13</v>
      </c>
      <c r="GB16" s="69">
        <v>10</v>
      </c>
      <c r="GC16" s="69">
        <v>17</v>
      </c>
      <c r="GD16" s="69">
        <v>10</v>
      </c>
      <c r="GE16" s="70">
        <v>63</v>
      </c>
      <c r="GF16" s="71">
        <v>98</v>
      </c>
      <c r="GG16" s="68">
        <v>1343</v>
      </c>
      <c r="GH16" s="69">
        <v>1273</v>
      </c>
      <c r="GI16" s="70">
        <v>2616</v>
      </c>
      <c r="GJ16" s="159"/>
      <c r="GK16" s="69">
        <v>1390</v>
      </c>
      <c r="GL16" s="69">
        <v>1049</v>
      </c>
      <c r="GM16" s="69">
        <v>920</v>
      </c>
      <c r="GN16" s="69">
        <v>1010</v>
      </c>
      <c r="GO16" s="69">
        <v>644</v>
      </c>
      <c r="GP16" s="70">
        <v>5013</v>
      </c>
      <c r="GQ16" s="71">
        <v>7629</v>
      </c>
      <c r="GR16" s="108">
        <v>2014</v>
      </c>
      <c r="GS16" s="80">
        <v>1826</v>
      </c>
      <c r="GT16" s="81">
        <v>3840</v>
      </c>
      <c r="GU16" s="159"/>
      <c r="GV16" s="80">
        <v>2065</v>
      </c>
      <c r="GW16" s="80">
        <v>1589</v>
      </c>
      <c r="GX16" s="80">
        <v>1358</v>
      </c>
      <c r="GY16" s="80">
        <v>1395</v>
      </c>
      <c r="GZ16" s="80">
        <v>866</v>
      </c>
      <c r="HA16" s="82">
        <v>7273</v>
      </c>
      <c r="HB16" s="83">
        <v>11113</v>
      </c>
      <c r="HC16" s="84">
        <v>46</v>
      </c>
      <c r="HD16" s="69">
        <v>70</v>
      </c>
      <c r="HE16" s="70">
        <v>116</v>
      </c>
      <c r="HF16" s="159"/>
      <c r="HG16" s="69">
        <v>35</v>
      </c>
      <c r="HH16" s="69">
        <v>40</v>
      </c>
      <c r="HI16" s="69">
        <v>42</v>
      </c>
      <c r="HJ16" s="69">
        <v>28</v>
      </c>
      <c r="HK16" s="69">
        <v>27</v>
      </c>
      <c r="HL16" s="70">
        <v>172</v>
      </c>
      <c r="HM16" s="71">
        <v>288</v>
      </c>
      <c r="HN16" s="68">
        <v>150</v>
      </c>
      <c r="HO16" s="69">
        <v>178</v>
      </c>
      <c r="HP16" s="70">
        <v>328</v>
      </c>
      <c r="HQ16" s="159"/>
      <c r="HR16" s="69">
        <v>133</v>
      </c>
      <c r="HS16" s="69">
        <v>108</v>
      </c>
      <c r="HT16" s="69">
        <v>87</v>
      </c>
      <c r="HU16" s="69">
        <v>84</v>
      </c>
      <c r="HV16" s="69">
        <v>76</v>
      </c>
      <c r="HW16" s="70">
        <v>488</v>
      </c>
      <c r="HX16" s="71">
        <v>816</v>
      </c>
      <c r="HY16" s="84">
        <v>290</v>
      </c>
      <c r="HZ16" s="69">
        <v>274</v>
      </c>
      <c r="IA16" s="70">
        <v>564</v>
      </c>
      <c r="IB16" s="159"/>
      <c r="IC16" s="69">
        <v>220</v>
      </c>
      <c r="ID16" s="69">
        <v>192</v>
      </c>
      <c r="IE16" s="69">
        <v>148</v>
      </c>
      <c r="IF16" s="69">
        <v>148</v>
      </c>
      <c r="IG16" s="69">
        <v>107</v>
      </c>
      <c r="IH16" s="70">
        <v>815</v>
      </c>
      <c r="II16" s="71">
        <v>1379</v>
      </c>
      <c r="IJ16" s="68">
        <v>549</v>
      </c>
      <c r="IK16" s="69">
        <v>460</v>
      </c>
      <c r="IL16" s="70">
        <v>1009</v>
      </c>
      <c r="IM16" s="159"/>
      <c r="IN16" s="69">
        <v>509</v>
      </c>
      <c r="IO16" s="69">
        <v>333</v>
      </c>
      <c r="IP16" s="69">
        <v>257</v>
      </c>
      <c r="IQ16" s="69">
        <v>252</v>
      </c>
      <c r="IR16" s="69">
        <v>168</v>
      </c>
      <c r="IS16" s="70">
        <v>1519</v>
      </c>
      <c r="IT16" s="71">
        <v>2528</v>
      </c>
      <c r="IU16" s="84">
        <v>602</v>
      </c>
      <c r="IV16" s="69">
        <v>505</v>
      </c>
      <c r="IW16" s="70">
        <v>1107</v>
      </c>
      <c r="IX16" s="159"/>
      <c r="IY16" s="69">
        <v>632</v>
      </c>
      <c r="IZ16" s="69">
        <v>480</v>
      </c>
      <c r="JA16" s="69">
        <v>370</v>
      </c>
      <c r="JB16" s="69">
        <v>385</v>
      </c>
      <c r="JC16" s="69">
        <v>188</v>
      </c>
      <c r="JD16" s="70">
        <v>2055</v>
      </c>
      <c r="JE16" s="71">
        <v>3162</v>
      </c>
      <c r="JF16" s="68">
        <v>377</v>
      </c>
      <c r="JG16" s="69">
        <v>339</v>
      </c>
      <c r="JH16" s="70">
        <v>716</v>
      </c>
      <c r="JI16" s="159"/>
      <c r="JJ16" s="69">
        <v>536</v>
      </c>
      <c r="JK16" s="69">
        <v>436</v>
      </c>
      <c r="JL16" s="69">
        <v>454</v>
      </c>
      <c r="JM16" s="69">
        <v>498</v>
      </c>
      <c r="JN16" s="69">
        <v>300</v>
      </c>
      <c r="JO16" s="70">
        <v>2224</v>
      </c>
      <c r="JP16" s="71">
        <v>2940</v>
      </c>
      <c r="JQ16" s="68">
        <v>27</v>
      </c>
      <c r="JR16" s="69">
        <v>50</v>
      </c>
      <c r="JS16" s="70">
        <v>77</v>
      </c>
      <c r="JT16" s="159"/>
      <c r="JU16" s="69">
        <v>24</v>
      </c>
      <c r="JV16" s="69">
        <v>39</v>
      </c>
      <c r="JW16" s="69">
        <v>22</v>
      </c>
      <c r="JX16" s="69">
        <v>32</v>
      </c>
      <c r="JY16" s="69">
        <v>25</v>
      </c>
      <c r="JZ16" s="70">
        <v>142</v>
      </c>
      <c r="KA16" s="71">
        <v>219</v>
      </c>
      <c r="KB16" s="68">
        <v>2041</v>
      </c>
      <c r="KC16" s="69">
        <v>1876</v>
      </c>
      <c r="KD16" s="70">
        <v>3917</v>
      </c>
      <c r="KE16" s="159"/>
      <c r="KF16" s="69">
        <v>2089</v>
      </c>
      <c r="KG16" s="69">
        <v>1628</v>
      </c>
      <c r="KH16" s="69">
        <v>1380</v>
      </c>
      <c r="KI16" s="69">
        <v>1427</v>
      </c>
      <c r="KJ16" s="69">
        <v>891</v>
      </c>
      <c r="KK16" s="70">
        <v>7415</v>
      </c>
      <c r="KL16" s="71">
        <v>11332</v>
      </c>
    </row>
    <row r="17" spans="1:298" ht="19.5" customHeight="1" x14ac:dyDescent="0.2">
      <c r="A17" s="111" t="s">
        <v>13</v>
      </c>
      <c r="B17" s="215">
        <v>134</v>
      </c>
      <c r="C17" s="80">
        <v>178</v>
      </c>
      <c r="D17" s="81">
        <v>312</v>
      </c>
      <c r="E17" s="159"/>
      <c r="F17" s="80">
        <v>283</v>
      </c>
      <c r="G17" s="80">
        <v>262</v>
      </c>
      <c r="H17" s="80">
        <v>192</v>
      </c>
      <c r="I17" s="80">
        <v>150</v>
      </c>
      <c r="J17" s="80">
        <v>97</v>
      </c>
      <c r="K17" s="82">
        <v>984</v>
      </c>
      <c r="L17" s="83">
        <v>1296</v>
      </c>
      <c r="M17" s="68">
        <v>5</v>
      </c>
      <c r="N17" s="69">
        <v>1</v>
      </c>
      <c r="O17" s="70">
        <v>6</v>
      </c>
      <c r="P17" s="159"/>
      <c r="Q17" s="69">
        <v>14</v>
      </c>
      <c r="R17" s="69">
        <v>9</v>
      </c>
      <c r="S17" s="69">
        <v>4</v>
      </c>
      <c r="T17" s="69">
        <v>4</v>
      </c>
      <c r="U17" s="69">
        <v>4</v>
      </c>
      <c r="V17" s="70">
        <v>35</v>
      </c>
      <c r="W17" s="71">
        <v>41</v>
      </c>
      <c r="X17" s="68">
        <v>9</v>
      </c>
      <c r="Y17" s="69">
        <v>12</v>
      </c>
      <c r="Z17" s="70">
        <v>21</v>
      </c>
      <c r="AA17" s="159"/>
      <c r="AB17" s="69">
        <v>27</v>
      </c>
      <c r="AC17" s="69">
        <v>24</v>
      </c>
      <c r="AD17" s="69">
        <v>14</v>
      </c>
      <c r="AE17" s="69">
        <v>12</v>
      </c>
      <c r="AF17" s="69">
        <v>15</v>
      </c>
      <c r="AG17" s="70">
        <v>92</v>
      </c>
      <c r="AH17" s="71">
        <v>113</v>
      </c>
      <c r="AI17" s="68">
        <v>18</v>
      </c>
      <c r="AJ17" s="69">
        <v>14</v>
      </c>
      <c r="AK17" s="70">
        <v>32</v>
      </c>
      <c r="AL17" s="159"/>
      <c r="AM17" s="69">
        <v>28</v>
      </c>
      <c r="AN17" s="69">
        <v>30</v>
      </c>
      <c r="AO17" s="69">
        <v>30</v>
      </c>
      <c r="AP17" s="69">
        <v>22</v>
      </c>
      <c r="AQ17" s="69">
        <v>12</v>
      </c>
      <c r="AR17" s="70">
        <v>122</v>
      </c>
      <c r="AS17" s="71">
        <v>154</v>
      </c>
      <c r="AT17" s="68">
        <v>28</v>
      </c>
      <c r="AU17" s="69">
        <v>59</v>
      </c>
      <c r="AV17" s="70">
        <v>87</v>
      </c>
      <c r="AW17" s="159"/>
      <c r="AX17" s="69">
        <v>65</v>
      </c>
      <c r="AY17" s="69">
        <v>45</v>
      </c>
      <c r="AZ17" s="69">
        <v>45</v>
      </c>
      <c r="BA17" s="69">
        <v>31</v>
      </c>
      <c r="BB17" s="69">
        <v>24</v>
      </c>
      <c r="BC17" s="70">
        <v>210</v>
      </c>
      <c r="BD17" s="71">
        <v>297</v>
      </c>
      <c r="BE17" s="68">
        <v>47</v>
      </c>
      <c r="BF17" s="69">
        <v>52</v>
      </c>
      <c r="BG17" s="70">
        <v>99</v>
      </c>
      <c r="BH17" s="159"/>
      <c r="BI17" s="69">
        <v>82</v>
      </c>
      <c r="BJ17" s="69">
        <v>87</v>
      </c>
      <c r="BK17" s="69">
        <v>46</v>
      </c>
      <c r="BL17" s="69">
        <v>44</v>
      </c>
      <c r="BM17" s="69">
        <v>22</v>
      </c>
      <c r="BN17" s="70">
        <v>281</v>
      </c>
      <c r="BO17" s="71">
        <v>380</v>
      </c>
      <c r="BP17" s="68">
        <v>27</v>
      </c>
      <c r="BQ17" s="69">
        <v>40</v>
      </c>
      <c r="BR17" s="70">
        <v>67</v>
      </c>
      <c r="BS17" s="159"/>
      <c r="BT17" s="69">
        <v>67</v>
      </c>
      <c r="BU17" s="69">
        <v>67</v>
      </c>
      <c r="BV17" s="69">
        <v>53</v>
      </c>
      <c r="BW17" s="69">
        <v>37</v>
      </c>
      <c r="BX17" s="69">
        <v>20</v>
      </c>
      <c r="BY17" s="70">
        <v>244</v>
      </c>
      <c r="BZ17" s="71">
        <v>311</v>
      </c>
      <c r="CA17" s="68">
        <v>5</v>
      </c>
      <c r="CB17" s="69">
        <v>4</v>
      </c>
      <c r="CC17" s="70">
        <v>9</v>
      </c>
      <c r="CD17" s="159"/>
      <c r="CE17" s="69">
        <v>7</v>
      </c>
      <c r="CF17" s="69">
        <v>9</v>
      </c>
      <c r="CG17" s="69">
        <v>7</v>
      </c>
      <c r="CH17" s="69">
        <v>2</v>
      </c>
      <c r="CI17" s="69">
        <v>8</v>
      </c>
      <c r="CJ17" s="70">
        <v>33</v>
      </c>
      <c r="CK17" s="71">
        <v>42</v>
      </c>
      <c r="CL17" s="68">
        <v>139</v>
      </c>
      <c r="CM17" s="69">
        <v>182</v>
      </c>
      <c r="CN17" s="70">
        <v>321</v>
      </c>
      <c r="CO17" s="159"/>
      <c r="CP17" s="69">
        <v>290</v>
      </c>
      <c r="CQ17" s="69">
        <v>271</v>
      </c>
      <c r="CR17" s="69">
        <v>199</v>
      </c>
      <c r="CS17" s="69">
        <v>152</v>
      </c>
      <c r="CT17" s="69">
        <v>105</v>
      </c>
      <c r="CU17" s="70">
        <v>1017</v>
      </c>
      <c r="CV17" s="71">
        <v>1338</v>
      </c>
      <c r="CW17" s="108">
        <v>333</v>
      </c>
      <c r="CX17" s="80">
        <v>416</v>
      </c>
      <c r="CY17" s="81">
        <v>749</v>
      </c>
      <c r="CZ17" s="159"/>
      <c r="DA17" s="80">
        <v>578</v>
      </c>
      <c r="DB17" s="80">
        <v>492</v>
      </c>
      <c r="DC17" s="80">
        <v>346</v>
      </c>
      <c r="DD17" s="80">
        <v>363</v>
      </c>
      <c r="DE17" s="80">
        <v>295</v>
      </c>
      <c r="DF17" s="82">
        <v>2074</v>
      </c>
      <c r="DG17" s="83">
        <v>2823</v>
      </c>
      <c r="DH17" s="68">
        <v>4</v>
      </c>
      <c r="DI17" s="69">
        <v>6</v>
      </c>
      <c r="DJ17" s="70">
        <v>10</v>
      </c>
      <c r="DK17" s="159"/>
      <c r="DL17" s="69">
        <v>7</v>
      </c>
      <c r="DM17" s="69">
        <v>17</v>
      </c>
      <c r="DN17" s="69">
        <v>1</v>
      </c>
      <c r="DO17" s="69">
        <v>6</v>
      </c>
      <c r="DP17" s="69">
        <v>3</v>
      </c>
      <c r="DQ17" s="70">
        <v>34</v>
      </c>
      <c r="DR17" s="71">
        <v>44</v>
      </c>
      <c r="DS17" s="68">
        <v>14</v>
      </c>
      <c r="DT17" s="69">
        <v>34</v>
      </c>
      <c r="DU17" s="70">
        <v>48</v>
      </c>
      <c r="DV17" s="159"/>
      <c r="DW17" s="69">
        <v>35</v>
      </c>
      <c r="DX17" s="69">
        <v>17</v>
      </c>
      <c r="DY17" s="69">
        <v>16</v>
      </c>
      <c r="DZ17" s="69">
        <v>11</v>
      </c>
      <c r="EA17" s="69">
        <v>19</v>
      </c>
      <c r="EB17" s="70">
        <v>98</v>
      </c>
      <c r="EC17" s="71">
        <v>146</v>
      </c>
      <c r="ED17" s="68">
        <v>42</v>
      </c>
      <c r="EE17" s="69">
        <v>48</v>
      </c>
      <c r="EF17" s="70">
        <v>90</v>
      </c>
      <c r="EG17" s="159"/>
      <c r="EH17" s="69">
        <v>65</v>
      </c>
      <c r="EI17" s="69">
        <v>45</v>
      </c>
      <c r="EJ17" s="69">
        <v>31</v>
      </c>
      <c r="EK17" s="69">
        <v>17</v>
      </c>
      <c r="EL17" s="69">
        <v>29</v>
      </c>
      <c r="EM17" s="70">
        <v>187</v>
      </c>
      <c r="EN17" s="71">
        <v>277</v>
      </c>
      <c r="EO17" s="68">
        <v>93</v>
      </c>
      <c r="EP17" s="69">
        <v>110</v>
      </c>
      <c r="EQ17" s="70">
        <v>203</v>
      </c>
      <c r="ER17" s="159"/>
      <c r="ES17" s="69">
        <v>122</v>
      </c>
      <c r="ET17" s="69">
        <v>92</v>
      </c>
      <c r="EU17" s="69">
        <v>65</v>
      </c>
      <c r="EV17" s="69">
        <v>52</v>
      </c>
      <c r="EW17" s="69">
        <v>46</v>
      </c>
      <c r="EX17" s="70">
        <v>377</v>
      </c>
      <c r="EY17" s="71">
        <v>580</v>
      </c>
      <c r="EZ17" s="68">
        <v>115</v>
      </c>
      <c r="FA17" s="69">
        <v>118</v>
      </c>
      <c r="FB17" s="70">
        <v>233</v>
      </c>
      <c r="FC17" s="159"/>
      <c r="FD17" s="69">
        <v>201</v>
      </c>
      <c r="FE17" s="69">
        <v>136</v>
      </c>
      <c r="FF17" s="69">
        <v>92</v>
      </c>
      <c r="FG17" s="69">
        <v>97</v>
      </c>
      <c r="FH17" s="69">
        <v>69</v>
      </c>
      <c r="FI17" s="70">
        <v>595</v>
      </c>
      <c r="FJ17" s="71">
        <v>828</v>
      </c>
      <c r="FK17" s="68">
        <v>65</v>
      </c>
      <c r="FL17" s="69">
        <v>100</v>
      </c>
      <c r="FM17" s="70">
        <v>165</v>
      </c>
      <c r="FN17" s="159"/>
      <c r="FO17" s="69">
        <v>148</v>
      </c>
      <c r="FP17" s="69">
        <v>185</v>
      </c>
      <c r="FQ17" s="69">
        <v>141</v>
      </c>
      <c r="FR17" s="69">
        <v>180</v>
      </c>
      <c r="FS17" s="69">
        <v>129</v>
      </c>
      <c r="FT17" s="70">
        <v>783</v>
      </c>
      <c r="FU17" s="71">
        <v>948</v>
      </c>
      <c r="FV17" s="68">
        <v>2</v>
      </c>
      <c r="FW17" s="69">
        <v>0</v>
      </c>
      <c r="FX17" s="70">
        <v>2</v>
      </c>
      <c r="FY17" s="159"/>
      <c r="FZ17" s="69">
        <v>7</v>
      </c>
      <c r="GA17" s="69">
        <v>6</v>
      </c>
      <c r="GB17" s="69">
        <v>5</v>
      </c>
      <c r="GC17" s="69">
        <v>4</v>
      </c>
      <c r="GD17" s="69">
        <v>3</v>
      </c>
      <c r="GE17" s="70">
        <v>25</v>
      </c>
      <c r="GF17" s="71">
        <v>27</v>
      </c>
      <c r="GG17" s="68">
        <v>335</v>
      </c>
      <c r="GH17" s="69">
        <v>416</v>
      </c>
      <c r="GI17" s="70">
        <v>751</v>
      </c>
      <c r="GJ17" s="159"/>
      <c r="GK17" s="69">
        <v>585</v>
      </c>
      <c r="GL17" s="69">
        <v>498</v>
      </c>
      <c r="GM17" s="69">
        <v>351</v>
      </c>
      <c r="GN17" s="69">
        <v>367</v>
      </c>
      <c r="GO17" s="69">
        <v>298</v>
      </c>
      <c r="GP17" s="70">
        <v>2099</v>
      </c>
      <c r="GQ17" s="71">
        <v>2850</v>
      </c>
      <c r="GR17" s="108">
        <v>467</v>
      </c>
      <c r="GS17" s="80">
        <v>594</v>
      </c>
      <c r="GT17" s="81">
        <v>1061</v>
      </c>
      <c r="GU17" s="159"/>
      <c r="GV17" s="80">
        <v>861</v>
      </c>
      <c r="GW17" s="80">
        <v>754</v>
      </c>
      <c r="GX17" s="80">
        <v>538</v>
      </c>
      <c r="GY17" s="80">
        <v>513</v>
      </c>
      <c r="GZ17" s="80">
        <v>392</v>
      </c>
      <c r="HA17" s="82">
        <v>3058</v>
      </c>
      <c r="HB17" s="83">
        <v>4119</v>
      </c>
      <c r="HC17" s="68">
        <v>9</v>
      </c>
      <c r="HD17" s="69">
        <v>7</v>
      </c>
      <c r="HE17" s="70">
        <v>16</v>
      </c>
      <c r="HF17" s="159"/>
      <c r="HG17" s="69">
        <v>21</v>
      </c>
      <c r="HH17" s="69">
        <v>26</v>
      </c>
      <c r="HI17" s="69">
        <v>5</v>
      </c>
      <c r="HJ17" s="69">
        <v>10</v>
      </c>
      <c r="HK17" s="69">
        <v>7</v>
      </c>
      <c r="HL17" s="70">
        <v>69</v>
      </c>
      <c r="HM17" s="71">
        <v>85</v>
      </c>
      <c r="HN17" s="68">
        <v>23</v>
      </c>
      <c r="HO17" s="69">
        <v>46</v>
      </c>
      <c r="HP17" s="70">
        <v>69</v>
      </c>
      <c r="HQ17" s="159"/>
      <c r="HR17" s="69">
        <v>62</v>
      </c>
      <c r="HS17" s="69">
        <v>41</v>
      </c>
      <c r="HT17" s="69">
        <v>30</v>
      </c>
      <c r="HU17" s="69">
        <v>23</v>
      </c>
      <c r="HV17" s="69">
        <v>34</v>
      </c>
      <c r="HW17" s="70">
        <v>190</v>
      </c>
      <c r="HX17" s="71">
        <v>259</v>
      </c>
      <c r="HY17" s="68">
        <v>60</v>
      </c>
      <c r="HZ17" s="69">
        <v>62</v>
      </c>
      <c r="IA17" s="70">
        <v>122</v>
      </c>
      <c r="IB17" s="159"/>
      <c r="IC17" s="69">
        <v>93</v>
      </c>
      <c r="ID17" s="69">
        <v>75</v>
      </c>
      <c r="IE17" s="69">
        <v>61</v>
      </c>
      <c r="IF17" s="69">
        <v>39</v>
      </c>
      <c r="IG17" s="69">
        <v>41</v>
      </c>
      <c r="IH17" s="70">
        <v>309</v>
      </c>
      <c r="II17" s="71">
        <v>431</v>
      </c>
      <c r="IJ17" s="68">
        <v>121</v>
      </c>
      <c r="IK17" s="69">
        <v>169</v>
      </c>
      <c r="IL17" s="70">
        <v>290</v>
      </c>
      <c r="IM17" s="159"/>
      <c r="IN17" s="69">
        <v>187</v>
      </c>
      <c r="IO17" s="69">
        <v>137</v>
      </c>
      <c r="IP17" s="69">
        <v>110</v>
      </c>
      <c r="IQ17" s="69">
        <v>83</v>
      </c>
      <c r="IR17" s="69">
        <v>70</v>
      </c>
      <c r="IS17" s="70">
        <v>587</v>
      </c>
      <c r="IT17" s="71">
        <v>877</v>
      </c>
      <c r="IU17" s="68">
        <v>162</v>
      </c>
      <c r="IV17" s="69">
        <v>170</v>
      </c>
      <c r="IW17" s="70">
        <v>332</v>
      </c>
      <c r="IX17" s="159"/>
      <c r="IY17" s="69">
        <v>283</v>
      </c>
      <c r="IZ17" s="69">
        <v>223</v>
      </c>
      <c r="JA17" s="69">
        <v>138</v>
      </c>
      <c r="JB17" s="69">
        <v>141</v>
      </c>
      <c r="JC17" s="69">
        <v>91</v>
      </c>
      <c r="JD17" s="70">
        <v>876</v>
      </c>
      <c r="JE17" s="71">
        <v>1208</v>
      </c>
      <c r="JF17" s="68">
        <v>92</v>
      </c>
      <c r="JG17" s="69">
        <v>140</v>
      </c>
      <c r="JH17" s="70">
        <v>232</v>
      </c>
      <c r="JI17" s="159"/>
      <c r="JJ17" s="69">
        <v>215</v>
      </c>
      <c r="JK17" s="69">
        <v>252</v>
      </c>
      <c r="JL17" s="69">
        <v>194</v>
      </c>
      <c r="JM17" s="69">
        <v>217</v>
      </c>
      <c r="JN17" s="69">
        <v>149</v>
      </c>
      <c r="JO17" s="70">
        <v>1027</v>
      </c>
      <c r="JP17" s="71">
        <v>1259</v>
      </c>
      <c r="JQ17" s="68">
        <v>7</v>
      </c>
      <c r="JR17" s="69">
        <v>4</v>
      </c>
      <c r="JS17" s="70">
        <v>11</v>
      </c>
      <c r="JT17" s="159"/>
      <c r="JU17" s="69">
        <v>14</v>
      </c>
      <c r="JV17" s="69">
        <v>15</v>
      </c>
      <c r="JW17" s="69">
        <v>12</v>
      </c>
      <c r="JX17" s="69">
        <v>6</v>
      </c>
      <c r="JY17" s="69">
        <v>11</v>
      </c>
      <c r="JZ17" s="70">
        <v>58</v>
      </c>
      <c r="KA17" s="71">
        <v>69</v>
      </c>
      <c r="KB17" s="68">
        <v>474</v>
      </c>
      <c r="KC17" s="69">
        <v>598</v>
      </c>
      <c r="KD17" s="70">
        <v>1072</v>
      </c>
      <c r="KE17" s="159"/>
      <c r="KF17" s="69">
        <v>875</v>
      </c>
      <c r="KG17" s="69">
        <v>769</v>
      </c>
      <c r="KH17" s="69">
        <v>550</v>
      </c>
      <c r="KI17" s="69">
        <v>519</v>
      </c>
      <c r="KJ17" s="69">
        <v>403</v>
      </c>
      <c r="KK17" s="70">
        <v>3116</v>
      </c>
      <c r="KL17" s="71">
        <v>4188</v>
      </c>
    </row>
    <row r="18" spans="1:298" ht="19.5" customHeight="1" x14ac:dyDescent="0.2">
      <c r="A18" s="111" t="s">
        <v>15</v>
      </c>
      <c r="B18" s="215">
        <v>105</v>
      </c>
      <c r="C18" s="80">
        <v>133</v>
      </c>
      <c r="D18" s="81">
        <v>238</v>
      </c>
      <c r="E18" s="159"/>
      <c r="F18" s="80">
        <v>241</v>
      </c>
      <c r="G18" s="80">
        <v>216</v>
      </c>
      <c r="H18" s="80">
        <v>150</v>
      </c>
      <c r="I18" s="80">
        <v>110</v>
      </c>
      <c r="J18" s="80">
        <v>57</v>
      </c>
      <c r="K18" s="82">
        <v>774</v>
      </c>
      <c r="L18" s="83">
        <v>1012</v>
      </c>
      <c r="M18" s="68">
        <v>6</v>
      </c>
      <c r="N18" s="69">
        <v>8</v>
      </c>
      <c r="O18" s="70">
        <v>14</v>
      </c>
      <c r="P18" s="159"/>
      <c r="Q18" s="69">
        <v>11</v>
      </c>
      <c r="R18" s="69">
        <v>8</v>
      </c>
      <c r="S18" s="69">
        <v>12</v>
      </c>
      <c r="T18" s="69">
        <v>9</v>
      </c>
      <c r="U18" s="69">
        <v>5</v>
      </c>
      <c r="V18" s="70">
        <v>45</v>
      </c>
      <c r="W18" s="71">
        <v>59</v>
      </c>
      <c r="X18" s="68">
        <v>15</v>
      </c>
      <c r="Y18" s="69">
        <v>9</v>
      </c>
      <c r="Z18" s="70">
        <v>24</v>
      </c>
      <c r="AA18" s="159"/>
      <c r="AB18" s="69">
        <v>31</v>
      </c>
      <c r="AC18" s="69">
        <v>25</v>
      </c>
      <c r="AD18" s="69">
        <v>16</v>
      </c>
      <c r="AE18" s="69">
        <v>16</v>
      </c>
      <c r="AF18" s="69">
        <v>11</v>
      </c>
      <c r="AG18" s="70">
        <v>99</v>
      </c>
      <c r="AH18" s="71">
        <v>123</v>
      </c>
      <c r="AI18" s="68">
        <v>18</v>
      </c>
      <c r="AJ18" s="69">
        <v>23</v>
      </c>
      <c r="AK18" s="70">
        <v>41</v>
      </c>
      <c r="AL18" s="159"/>
      <c r="AM18" s="69">
        <v>38</v>
      </c>
      <c r="AN18" s="69">
        <v>36</v>
      </c>
      <c r="AO18" s="69">
        <v>17</v>
      </c>
      <c r="AP18" s="69">
        <v>20</v>
      </c>
      <c r="AQ18" s="69">
        <v>16</v>
      </c>
      <c r="AR18" s="70">
        <v>127</v>
      </c>
      <c r="AS18" s="71">
        <v>168</v>
      </c>
      <c r="AT18" s="68">
        <v>30</v>
      </c>
      <c r="AU18" s="69">
        <v>37</v>
      </c>
      <c r="AV18" s="70">
        <v>67</v>
      </c>
      <c r="AW18" s="159"/>
      <c r="AX18" s="69">
        <v>61</v>
      </c>
      <c r="AY18" s="69">
        <v>50</v>
      </c>
      <c r="AZ18" s="69">
        <v>43</v>
      </c>
      <c r="BA18" s="69">
        <v>16</v>
      </c>
      <c r="BB18" s="69">
        <v>12</v>
      </c>
      <c r="BC18" s="70">
        <v>182</v>
      </c>
      <c r="BD18" s="71">
        <v>249</v>
      </c>
      <c r="BE18" s="68">
        <v>23</v>
      </c>
      <c r="BF18" s="69">
        <v>32</v>
      </c>
      <c r="BG18" s="70">
        <v>55</v>
      </c>
      <c r="BH18" s="159"/>
      <c r="BI18" s="69">
        <v>65</v>
      </c>
      <c r="BJ18" s="69">
        <v>63</v>
      </c>
      <c r="BK18" s="69">
        <v>34</v>
      </c>
      <c r="BL18" s="69">
        <v>22</v>
      </c>
      <c r="BM18" s="69">
        <v>10</v>
      </c>
      <c r="BN18" s="70">
        <v>194</v>
      </c>
      <c r="BO18" s="71">
        <v>249</v>
      </c>
      <c r="BP18" s="68">
        <v>13</v>
      </c>
      <c r="BQ18" s="69">
        <v>24</v>
      </c>
      <c r="BR18" s="70">
        <v>37</v>
      </c>
      <c r="BS18" s="159"/>
      <c r="BT18" s="69">
        <v>35</v>
      </c>
      <c r="BU18" s="69">
        <v>34</v>
      </c>
      <c r="BV18" s="69">
        <v>28</v>
      </c>
      <c r="BW18" s="69">
        <v>27</v>
      </c>
      <c r="BX18" s="69">
        <v>3</v>
      </c>
      <c r="BY18" s="70">
        <v>127</v>
      </c>
      <c r="BZ18" s="71">
        <v>164</v>
      </c>
      <c r="CA18" s="68">
        <v>1</v>
      </c>
      <c r="CB18" s="69">
        <v>5</v>
      </c>
      <c r="CC18" s="70">
        <v>6</v>
      </c>
      <c r="CD18" s="159"/>
      <c r="CE18" s="69">
        <v>5</v>
      </c>
      <c r="CF18" s="69">
        <v>8</v>
      </c>
      <c r="CG18" s="69">
        <v>6</v>
      </c>
      <c r="CH18" s="69">
        <v>3</v>
      </c>
      <c r="CI18" s="69">
        <v>5</v>
      </c>
      <c r="CJ18" s="70">
        <v>27</v>
      </c>
      <c r="CK18" s="71">
        <v>33</v>
      </c>
      <c r="CL18" s="68">
        <v>106</v>
      </c>
      <c r="CM18" s="69">
        <v>138</v>
      </c>
      <c r="CN18" s="70">
        <v>244</v>
      </c>
      <c r="CO18" s="159"/>
      <c r="CP18" s="69">
        <v>246</v>
      </c>
      <c r="CQ18" s="69">
        <v>224</v>
      </c>
      <c r="CR18" s="69">
        <v>156</v>
      </c>
      <c r="CS18" s="69">
        <v>113</v>
      </c>
      <c r="CT18" s="69">
        <v>62</v>
      </c>
      <c r="CU18" s="70">
        <v>801</v>
      </c>
      <c r="CV18" s="71">
        <v>1045</v>
      </c>
      <c r="CW18" s="108">
        <v>244</v>
      </c>
      <c r="CX18" s="80">
        <v>339</v>
      </c>
      <c r="CY18" s="81">
        <v>583</v>
      </c>
      <c r="CZ18" s="159"/>
      <c r="DA18" s="80">
        <v>414</v>
      </c>
      <c r="DB18" s="80">
        <v>462</v>
      </c>
      <c r="DC18" s="80">
        <v>306</v>
      </c>
      <c r="DD18" s="80">
        <v>290</v>
      </c>
      <c r="DE18" s="80">
        <v>167</v>
      </c>
      <c r="DF18" s="82">
        <v>1639</v>
      </c>
      <c r="DG18" s="83">
        <v>2222</v>
      </c>
      <c r="DH18" s="68">
        <v>11</v>
      </c>
      <c r="DI18" s="69">
        <v>5</v>
      </c>
      <c r="DJ18" s="70">
        <v>16</v>
      </c>
      <c r="DK18" s="159"/>
      <c r="DL18" s="69">
        <v>10</v>
      </c>
      <c r="DM18" s="69">
        <v>8</v>
      </c>
      <c r="DN18" s="69">
        <v>10</v>
      </c>
      <c r="DO18" s="69">
        <v>5</v>
      </c>
      <c r="DP18" s="69">
        <v>5</v>
      </c>
      <c r="DQ18" s="70">
        <v>38</v>
      </c>
      <c r="DR18" s="71">
        <v>54</v>
      </c>
      <c r="DS18" s="68">
        <v>14</v>
      </c>
      <c r="DT18" s="69">
        <v>24</v>
      </c>
      <c r="DU18" s="70">
        <v>38</v>
      </c>
      <c r="DV18" s="159"/>
      <c r="DW18" s="69">
        <v>34</v>
      </c>
      <c r="DX18" s="69">
        <v>34</v>
      </c>
      <c r="DY18" s="69">
        <v>17</v>
      </c>
      <c r="DZ18" s="69">
        <v>9</v>
      </c>
      <c r="EA18" s="69">
        <v>11</v>
      </c>
      <c r="EB18" s="70">
        <v>105</v>
      </c>
      <c r="EC18" s="71">
        <v>143</v>
      </c>
      <c r="ED18" s="68">
        <v>48</v>
      </c>
      <c r="EE18" s="69">
        <v>56</v>
      </c>
      <c r="EF18" s="70">
        <v>104</v>
      </c>
      <c r="EG18" s="159"/>
      <c r="EH18" s="69">
        <v>60</v>
      </c>
      <c r="EI18" s="69">
        <v>39</v>
      </c>
      <c r="EJ18" s="69">
        <v>30</v>
      </c>
      <c r="EK18" s="69">
        <v>19</v>
      </c>
      <c r="EL18" s="69">
        <v>19</v>
      </c>
      <c r="EM18" s="70">
        <v>167</v>
      </c>
      <c r="EN18" s="71">
        <v>271</v>
      </c>
      <c r="EO18" s="68">
        <v>79</v>
      </c>
      <c r="EP18" s="69">
        <v>97</v>
      </c>
      <c r="EQ18" s="70">
        <v>176</v>
      </c>
      <c r="ER18" s="159"/>
      <c r="ES18" s="69">
        <v>100</v>
      </c>
      <c r="ET18" s="69">
        <v>100</v>
      </c>
      <c r="EU18" s="69">
        <v>44</v>
      </c>
      <c r="EV18" s="69">
        <v>41</v>
      </c>
      <c r="EW18" s="69">
        <v>37</v>
      </c>
      <c r="EX18" s="70">
        <v>322</v>
      </c>
      <c r="EY18" s="71">
        <v>498</v>
      </c>
      <c r="EZ18" s="68">
        <v>53</v>
      </c>
      <c r="FA18" s="69">
        <v>106</v>
      </c>
      <c r="FB18" s="70">
        <v>159</v>
      </c>
      <c r="FC18" s="159"/>
      <c r="FD18" s="69">
        <v>114</v>
      </c>
      <c r="FE18" s="69">
        <v>127</v>
      </c>
      <c r="FF18" s="69">
        <v>81</v>
      </c>
      <c r="FG18" s="69">
        <v>87</v>
      </c>
      <c r="FH18" s="69">
        <v>32</v>
      </c>
      <c r="FI18" s="70">
        <v>441</v>
      </c>
      <c r="FJ18" s="71">
        <v>600</v>
      </c>
      <c r="FK18" s="68">
        <v>39</v>
      </c>
      <c r="FL18" s="69">
        <v>51</v>
      </c>
      <c r="FM18" s="70">
        <v>90</v>
      </c>
      <c r="FN18" s="159"/>
      <c r="FO18" s="69">
        <v>96</v>
      </c>
      <c r="FP18" s="69">
        <v>154</v>
      </c>
      <c r="FQ18" s="69">
        <v>124</v>
      </c>
      <c r="FR18" s="69">
        <v>129</v>
      </c>
      <c r="FS18" s="69">
        <v>63</v>
      </c>
      <c r="FT18" s="70">
        <v>566</v>
      </c>
      <c r="FU18" s="71">
        <v>656</v>
      </c>
      <c r="FV18" s="68">
        <v>1</v>
      </c>
      <c r="FW18" s="69">
        <v>6</v>
      </c>
      <c r="FX18" s="70">
        <v>7</v>
      </c>
      <c r="FY18" s="159"/>
      <c r="FZ18" s="69">
        <v>5</v>
      </c>
      <c r="GA18" s="69">
        <v>11</v>
      </c>
      <c r="GB18" s="69">
        <v>1</v>
      </c>
      <c r="GC18" s="69">
        <v>1</v>
      </c>
      <c r="GD18" s="69">
        <v>6</v>
      </c>
      <c r="GE18" s="70">
        <v>24</v>
      </c>
      <c r="GF18" s="71">
        <v>31</v>
      </c>
      <c r="GG18" s="68">
        <v>245</v>
      </c>
      <c r="GH18" s="69">
        <v>345</v>
      </c>
      <c r="GI18" s="70">
        <v>590</v>
      </c>
      <c r="GJ18" s="159"/>
      <c r="GK18" s="69">
        <v>419</v>
      </c>
      <c r="GL18" s="69">
        <v>473</v>
      </c>
      <c r="GM18" s="69">
        <v>307</v>
      </c>
      <c r="GN18" s="69">
        <v>291</v>
      </c>
      <c r="GO18" s="69">
        <v>173</v>
      </c>
      <c r="GP18" s="70">
        <v>1663</v>
      </c>
      <c r="GQ18" s="71">
        <v>2253</v>
      </c>
      <c r="GR18" s="108">
        <v>349</v>
      </c>
      <c r="GS18" s="80">
        <v>472</v>
      </c>
      <c r="GT18" s="81">
        <v>821</v>
      </c>
      <c r="GU18" s="159"/>
      <c r="GV18" s="80">
        <v>655</v>
      </c>
      <c r="GW18" s="80">
        <v>678</v>
      </c>
      <c r="GX18" s="80">
        <v>456</v>
      </c>
      <c r="GY18" s="80">
        <v>400</v>
      </c>
      <c r="GZ18" s="80">
        <v>224</v>
      </c>
      <c r="HA18" s="82">
        <v>2413</v>
      </c>
      <c r="HB18" s="83">
        <v>3234</v>
      </c>
      <c r="HC18" s="68">
        <v>17</v>
      </c>
      <c r="HD18" s="69">
        <v>13</v>
      </c>
      <c r="HE18" s="70">
        <v>30</v>
      </c>
      <c r="HF18" s="159"/>
      <c r="HG18" s="69">
        <v>21</v>
      </c>
      <c r="HH18" s="69">
        <v>16</v>
      </c>
      <c r="HI18" s="69">
        <v>22</v>
      </c>
      <c r="HJ18" s="69">
        <v>14</v>
      </c>
      <c r="HK18" s="69">
        <v>10</v>
      </c>
      <c r="HL18" s="70">
        <v>83</v>
      </c>
      <c r="HM18" s="71">
        <v>113</v>
      </c>
      <c r="HN18" s="68">
        <v>29</v>
      </c>
      <c r="HO18" s="69">
        <v>33</v>
      </c>
      <c r="HP18" s="70">
        <v>62</v>
      </c>
      <c r="HQ18" s="159"/>
      <c r="HR18" s="69">
        <v>65</v>
      </c>
      <c r="HS18" s="69">
        <v>59</v>
      </c>
      <c r="HT18" s="69">
        <v>33</v>
      </c>
      <c r="HU18" s="69">
        <v>25</v>
      </c>
      <c r="HV18" s="69">
        <v>22</v>
      </c>
      <c r="HW18" s="70">
        <v>204</v>
      </c>
      <c r="HX18" s="71">
        <v>266</v>
      </c>
      <c r="HY18" s="68">
        <v>66</v>
      </c>
      <c r="HZ18" s="69">
        <v>79</v>
      </c>
      <c r="IA18" s="70">
        <v>145</v>
      </c>
      <c r="IB18" s="159"/>
      <c r="IC18" s="69">
        <v>98</v>
      </c>
      <c r="ID18" s="69">
        <v>75</v>
      </c>
      <c r="IE18" s="69">
        <v>47</v>
      </c>
      <c r="IF18" s="69">
        <v>39</v>
      </c>
      <c r="IG18" s="69">
        <v>35</v>
      </c>
      <c r="IH18" s="70">
        <v>294</v>
      </c>
      <c r="II18" s="71">
        <v>439</v>
      </c>
      <c r="IJ18" s="68">
        <v>109</v>
      </c>
      <c r="IK18" s="69">
        <v>134</v>
      </c>
      <c r="IL18" s="70">
        <v>243</v>
      </c>
      <c r="IM18" s="159"/>
      <c r="IN18" s="69">
        <v>161</v>
      </c>
      <c r="IO18" s="69">
        <v>150</v>
      </c>
      <c r="IP18" s="69">
        <v>87</v>
      </c>
      <c r="IQ18" s="69">
        <v>57</v>
      </c>
      <c r="IR18" s="69">
        <v>49</v>
      </c>
      <c r="IS18" s="70">
        <v>504</v>
      </c>
      <c r="IT18" s="71">
        <v>747</v>
      </c>
      <c r="IU18" s="68">
        <v>76</v>
      </c>
      <c r="IV18" s="69">
        <v>138</v>
      </c>
      <c r="IW18" s="70">
        <v>214</v>
      </c>
      <c r="IX18" s="159"/>
      <c r="IY18" s="69">
        <v>179</v>
      </c>
      <c r="IZ18" s="69">
        <v>190</v>
      </c>
      <c r="JA18" s="69">
        <v>115</v>
      </c>
      <c r="JB18" s="69">
        <v>109</v>
      </c>
      <c r="JC18" s="69">
        <v>42</v>
      </c>
      <c r="JD18" s="70">
        <v>635</v>
      </c>
      <c r="JE18" s="71">
        <v>849</v>
      </c>
      <c r="JF18" s="68">
        <v>52</v>
      </c>
      <c r="JG18" s="69">
        <v>75</v>
      </c>
      <c r="JH18" s="70">
        <v>127</v>
      </c>
      <c r="JI18" s="159"/>
      <c r="JJ18" s="69">
        <v>131</v>
      </c>
      <c r="JK18" s="69">
        <v>188</v>
      </c>
      <c r="JL18" s="69">
        <v>152</v>
      </c>
      <c r="JM18" s="69">
        <v>156</v>
      </c>
      <c r="JN18" s="69">
        <v>66</v>
      </c>
      <c r="JO18" s="70">
        <v>693</v>
      </c>
      <c r="JP18" s="71">
        <v>820</v>
      </c>
      <c r="JQ18" s="68">
        <v>2</v>
      </c>
      <c r="JR18" s="69">
        <v>11</v>
      </c>
      <c r="JS18" s="70">
        <v>13</v>
      </c>
      <c r="JT18" s="159"/>
      <c r="JU18" s="69">
        <v>10</v>
      </c>
      <c r="JV18" s="69">
        <v>19</v>
      </c>
      <c r="JW18" s="69">
        <v>7</v>
      </c>
      <c r="JX18" s="69">
        <v>4</v>
      </c>
      <c r="JY18" s="69">
        <v>11</v>
      </c>
      <c r="JZ18" s="70">
        <v>51</v>
      </c>
      <c r="KA18" s="71">
        <v>64</v>
      </c>
      <c r="KB18" s="68">
        <v>351</v>
      </c>
      <c r="KC18" s="69">
        <v>483</v>
      </c>
      <c r="KD18" s="70">
        <v>834</v>
      </c>
      <c r="KE18" s="159"/>
      <c r="KF18" s="69">
        <v>665</v>
      </c>
      <c r="KG18" s="69">
        <v>697</v>
      </c>
      <c r="KH18" s="69">
        <v>463</v>
      </c>
      <c r="KI18" s="69">
        <v>404</v>
      </c>
      <c r="KJ18" s="69">
        <v>235</v>
      </c>
      <c r="KK18" s="70">
        <v>2464</v>
      </c>
      <c r="KL18" s="71">
        <v>3298</v>
      </c>
    </row>
    <row r="19" spans="1:298" ht="19.5" customHeight="1" x14ac:dyDescent="0.2">
      <c r="A19" s="111" t="s">
        <v>16</v>
      </c>
      <c r="B19" s="215">
        <v>207</v>
      </c>
      <c r="C19" s="80">
        <v>245</v>
      </c>
      <c r="D19" s="81">
        <v>452</v>
      </c>
      <c r="E19" s="159"/>
      <c r="F19" s="80">
        <v>470</v>
      </c>
      <c r="G19" s="80">
        <v>595</v>
      </c>
      <c r="H19" s="80">
        <v>410</v>
      </c>
      <c r="I19" s="80">
        <v>333</v>
      </c>
      <c r="J19" s="80">
        <v>177</v>
      </c>
      <c r="K19" s="82">
        <v>1985</v>
      </c>
      <c r="L19" s="83">
        <v>2437</v>
      </c>
      <c r="M19" s="68">
        <v>11</v>
      </c>
      <c r="N19" s="69">
        <v>11</v>
      </c>
      <c r="O19" s="70">
        <v>22</v>
      </c>
      <c r="P19" s="159"/>
      <c r="Q19" s="69">
        <v>22</v>
      </c>
      <c r="R19" s="69">
        <v>31</v>
      </c>
      <c r="S19" s="69">
        <v>23</v>
      </c>
      <c r="T19" s="69">
        <v>28</v>
      </c>
      <c r="U19" s="69">
        <v>18</v>
      </c>
      <c r="V19" s="70">
        <v>122</v>
      </c>
      <c r="W19" s="71">
        <v>144</v>
      </c>
      <c r="X19" s="68">
        <v>33</v>
      </c>
      <c r="Y19" s="69">
        <v>38</v>
      </c>
      <c r="Z19" s="70">
        <v>71</v>
      </c>
      <c r="AA19" s="159"/>
      <c r="AB19" s="69">
        <v>67</v>
      </c>
      <c r="AC19" s="69">
        <v>84</v>
      </c>
      <c r="AD19" s="69">
        <v>66</v>
      </c>
      <c r="AE19" s="69">
        <v>46</v>
      </c>
      <c r="AF19" s="69">
        <v>31</v>
      </c>
      <c r="AG19" s="70">
        <v>294</v>
      </c>
      <c r="AH19" s="71">
        <v>365</v>
      </c>
      <c r="AI19" s="68">
        <v>47</v>
      </c>
      <c r="AJ19" s="69">
        <v>41</v>
      </c>
      <c r="AK19" s="70">
        <v>88</v>
      </c>
      <c r="AL19" s="159"/>
      <c r="AM19" s="69">
        <v>99</v>
      </c>
      <c r="AN19" s="69">
        <v>90</v>
      </c>
      <c r="AO19" s="69">
        <v>62</v>
      </c>
      <c r="AP19" s="69">
        <v>54</v>
      </c>
      <c r="AQ19" s="69">
        <v>25</v>
      </c>
      <c r="AR19" s="70">
        <v>330</v>
      </c>
      <c r="AS19" s="71">
        <v>418</v>
      </c>
      <c r="AT19" s="68">
        <v>47</v>
      </c>
      <c r="AU19" s="69">
        <v>64</v>
      </c>
      <c r="AV19" s="70">
        <v>111</v>
      </c>
      <c r="AW19" s="159"/>
      <c r="AX19" s="69">
        <v>97</v>
      </c>
      <c r="AY19" s="69">
        <v>156</v>
      </c>
      <c r="AZ19" s="69">
        <v>99</v>
      </c>
      <c r="BA19" s="69">
        <v>77</v>
      </c>
      <c r="BB19" s="69">
        <v>46</v>
      </c>
      <c r="BC19" s="70">
        <v>475</v>
      </c>
      <c r="BD19" s="71">
        <v>586</v>
      </c>
      <c r="BE19" s="68">
        <v>43</v>
      </c>
      <c r="BF19" s="69">
        <v>60</v>
      </c>
      <c r="BG19" s="70">
        <v>103</v>
      </c>
      <c r="BH19" s="159"/>
      <c r="BI19" s="69">
        <v>111</v>
      </c>
      <c r="BJ19" s="69">
        <v>137</v>
      </c>
      <c r="BK19" s="69">
        <v>96</v>
      </c>
      <c r="BL19" s="69">
        <v>63</v>
      </c>
      <c r="BM19" s="69">
        <v>29</v>
      </c>
      <c r="BN19" s="70">
        <v>436</v>
      </c>
      <c r="BO19" s="71">
        <v>539</v>
      </c>
      <c r="BP19" s="68">
        <v>26</v>
      </c>
      <c r="BQ19" s="69">
        <v>31</v>
      </c>
      <c r="BR19" s="70">
        <v>57</v>
      </c>
      <c r="BS19" s="159"/>
      <c r="BT19" s="69">
        <v>74</v>
      </c>
      <c r="BU19" s="69">
        <v>97</v>
      </c>
      <c r="BV19" s="69">
        <v>64</v>
      </c>
      <c r="BW19" s="69">
        <v>65</v>
      </c>
      <c r="BX19" s="69">
        <v>28</v>
      </c>
      <c r="BY19" s="70">
        <v>328</v>
      </c>
      <c r="BZ19" s="71">
        <v>385</v>
      </c>
      <c r="CA19" s="68">
        <v>14</v>
      </c>
      <c r="CB19" s="69">
        <v>10</v>
      </c>
      <c r="CC19" s="70">
        <v>24</v>
      </c>
      <c r="CD19" s="159"/>
      <c r="CE19" s="69">
        <v>15</v>
      </c>
      <c r="CF19" s="69">
        <v>26</v>
      </c>
      <c r="CG19" s="69">
        <v>18</v>
      </c>
      <c r="CH19" s="69">
        <v>8</v>
      </c>
      <c r="CI19" s="69">
        <v>14</v>
      </c>
      <c r="CJ19" s="70">
        <v>81</v>
      </c>
      <c r="CK19" s="71">
        <v>105</v>
      </c>
      <c r="CL19" s="68">
        <v>221</v>
      </c>
      <c r="CM19" s="69">
        <v>255</v>
      </c>
      <c r="CN19" s="70">
        <v>476</v>
      </c>
      <c r="CO19" s="159"/>
      <c r="CP19" s="69">
        <v>485</v>
      </c>
      <c r="CQ19" s="69">
        <v>621</v>
      </c>
      <c r="CR19" s="69">
        <v>428</v>
      </c>
      <c r="CS19" s="69">
        <v>341</v>
      </c>
      <c r="CT19" s="69">
        <v>191</v>
      </c>
      <c r="CU19" s="70">
        <v>2066</v>
      </c>
      <c r="CV19" s="71">
        <v>2542</v>
      </c>
      <c r="CW19" s="108">
        <v>389</v>
      </c>
      <c r="CX19" s="80">
        <v>547</v>
      </c>
      <c r="CY19" s="81">
        <v>936</v>
      </c>
      <c r="CZ19" s="159"/>
      <c r="DA19" s="80">
        <v>866</v>
      </c>
      <c r="DB19" s="80">
        <v>982</v>
      </c>
      <c r="DC19" s="80">
        <v>790</v>
      </c>
      <c r="DD19" s="80">
        <v>706</v>
      </c>
      <c r="DE19" s="80">
        <v>508</v>
      </c>
      <c r="DF19" s="82">
        <v>3852</v>
      </c>
      <c r="DG19" s="83">
        <v>4788</v>
      </c>
      <c r="DH19" s="68">
        <v>13</v>
      </c>
      <c r="DI19" s="69">
        <v>23</v>
      </c>
      <c r="DJ19" s="70">
        <v>36</v>
      </c>
      <c r="DK19" s="159"/>
      <c r="DL19" s="69">
        <v>20</v>
      </c>
      <c r="DM19" s="69">
        <v>38</v>
      </c>
      <c r="DN19" s="69">
        <v>22</v>
      </c>
      <c r="DO19" s="69">
        <v>15</v>
      </c>
      <c r="DP19" s="69">
        <v>13</v>
      </c>
      <c r="DQ19" s="70">
        <v>108</v>
      </c>
      <c r="DR19" s="71">
        <v>144</v>
      </c>
      <c r="DS19" s="68">
        <v>42</v>
      </c>
      <c r="DT19" s="69">
        <v>62</v>
      </c>
      <c r="DU19" s="70">
        <v>104</v>
      </c>
      <c r="DV19" s="159"/>
      <c r="DW19" s="69">
        <v>64</v>
      </c>
      <c r="DX19" s="69">
        <v>74</v>
      </c>
      <c r="DY19" s="69">
        <v>52</v>
      </c>
      <c r="DZ19" s="69">
        <v>41</v>
      </c>
      <c r="EA19" s="69">
        <v>41</v>
      </c>
      <c r="EB19" s="70">
        <v>272</v>
      </c>
      <c r="EC19" s="71">
        <v>376</v>
      </c>
      <c r="ED19" s="68">
        <v>73</v>
      </c>
      <c r="EE19" s="69">
        <v>97</v>
      </c>
      <c r="EF19" s="70">
        <v>170</v>
      </c>
      <c r="EG19" s="159"/>
      <c r="EH19" s="69">
        <v>112</v>
      </c>
      <c r="EI19" s="69">
        <v>134</v>
      </c>
      <c r="EJ19" s="69">
        <v>75</v>
      </c>
      <c r="EK19" s="69">
        <v>58</v>
      </c>
      <c r="EL19" s="69">
        <v>53</v>
      </c>
      <c r="EM19" s="70">
        <v>432</v>
      </c>
      <c r="EN19" s="71">
        <v>602</v>
      </c>
      <c r="EO19" s="68">
        <v>103</v>
      </c>
      <c r="EP19" s="69">
        <v>138</v>
      </c>
      <c r="EQ19" s="70">
        <v>241</v>
      </c>
      <c r="ER19" s="159"/>
      <c r="ES19" s="69">
        <v>193</v>
      </c>
      <c r="ET19" s="69">
        <v>183</v>
      </c>
      <c r="EU19" s="69">
        <v>149</v>
      </c>
      <c r="EV19" s="69">
        <v>132</v>
      </c>
      <c r="EW19" s="69">
        <v>83</v>
      </c>
      <c r="EX19" s="70">
        <v>740</v>
      </c>
      <c r="EY19" s="71">
        <v>981</v>
      </c>
      <c r="EZ19" s="68">
        <v>101</v>
      </c>
      <c r="FA19" s="69">
        <v>133</v>
      </c>
      <c r="FB19" s="70">
        <v>234</v>
      </c>
      <c r="FC19" s="159"/>
      <c r="FD19" s="69">
        <v>275</v>
      </c>
      <c r="FE19" s="69">
        <v>277</v>
      </c>
      <c r="FF19" s="69">
        <v>190</v>
      </c>
      <c r="FG19" s="69">
        <v>156</v>
      </c>
      <c r="FH19" s="69">
        <v>119</v>
      </c>
      <c r="FI19" s="70">
        <v>1017</v>
      </c>
      <c r="FJ19" s="71">
        <v>1251</v>
      </c>
      <c r="FK19" s="68">
        <v>57</v>
      </c>
      <c r="FL19" s="69">
        <v>94</v>
      </c>
      <c r="FM19" s="70">
        <v>151</v>
      </c>
      <c r="FN19" s="159"/>
      <c r="FO19" s="69">
        <v>202</v>
      </c>
      <c r="FP19" s="69">
        <v>276</v>
      </c>
      <c r="FQ19" s="69">
        <v>302</v>
      </c>
      <c r="FR19" s="69">
        <v>304</v>
      </c>
      <c r="FS19" s="69">
        <v>199</v>
      </c>
      <c r="FT19" s="70">
        <v>1283</v>
      </c>
      <c r="FU19" s="71">
        <v>1434</v>
      </c>
      <c r="FV19" s="68">
        <v>8</v>
      </c>
      <c r="FW19" s="69">
        <v>14</v>
      </c>
      <c r="FX19" s="70">
        <v>22</v>
      </c>
      <c r="FY19" s="159"/>
      <c r="FZ19" s="69">
        <v>5</v>
      </c>
      <c r="GA19" s="69">
        <v>16</v>
      </c>
      <c r="GB19" s="69">
        <v>10</v>
      </c>
      <c r="GC19" s="69">
        <v>16</v>
      </c>
      <c r="GD19" s="69">
        <v>13</v>
      </c>
      <c r="GE19" s="70">
        <v>60</v>
      </c>
      <c r="GF19" s="71">
        <v>82</v>
      </c>
      <c r="GG19" s="68">
        <v>397</v>
      </c>
      <c r="GH19" s="69">
        <v>561</v>
      </c>
      <c r="GI19" s="70">
        <v>958</v>
      </c>
      <c r="GJ19" s="159"/>
      <c r="GK19" s="69">
        <v>871</v>
      </c>
      <c r="GL19" s="69">
        <v>998</v>
      </c>
      <c r="GM19" s="69">
        <v>800</v>
      </c>
      <c r="GN19" s="69">
        <v>722</v>
      </c>
      <c r="GO19" s="69">
        <v>521</v>
      </c>
      <c r="GP19" s="70">
        <v>3912</v>
      </c>
      <c r="GQ19" s="71">
        <v>4870</v>
      </c>
      <c r="GR19" s="108">
        <v>596</v>
      </c>
      <c r="GS19" s="80">
        <v>792</v>
      </c>
      <c r="GT19" s="81">
        <v>1388</v>
      </c>
      <c r="GU19" s="159"/>
      <c r="GV19" s="80">
        <v>1336</v>
      </c>
      <c r="GW19" s="80">
        <v>1577</v>
      </c>
      <c r="GX19" s="80">
        <v>1200</v>
      </c>
      <c r="GY19" s="80">
        <v>1039</v>
      </c>
      <c r="GZ19" s="80">
        <v>685</v>
      </c>
      <c r="HA19" s="82">
        <v>5837</v>
      </c>
      <c r="HB19" s="83">
        <v>7225</v>
      </c>
      <c r="HC19" s="68">
        <v>24</v>
      </c>
      <c r="HD19" s="69">
        <v>34</v>
      </c>
      <c r="HE19" s="70">
        <v>58</v>
      </c>
      <c r="HF19" s="159"/>
      <c r="HG19" s="69">
        <v>42</v>
      </c>
      <c r="HH19" s="69">
        <v>69</v>
      </c>
      <c r="HI19" s="69">
        <v>45</v>
      </c>
      <c r="HJ19" s="69">
        <v>43</v>
      </c>
      <c r="HK19" s="69">
        <v>31</v>
      </c>
      <c r="HL19" s="70">
        <v>230</v>
      </c>
      <c r="HM19" s="71">
        <v>288</v>
      </c>
      <c r="HN19" s="68">
        <v>75</v>
      </c>
      <c r="HO19" s="69">
        <v>100</v>
      </c>
      <c r="HP19" s="70">
        <v>175</v>
      </c>
      <c r="HQ19" s="159"/>
      <c r="HR19" s="69">
        <v>131</v>
      </c>
      <c r="HS19" s="69">
        <v>158</v>
      </c>
      <c r="HT19" s="69">
        <v>118</v>
      </c>
      <c r="HU19" s="69">
        <v>87</v>
      </c>
      <c r="HV19" s="69">
        <v>72</v>
      </c>
      <c r="HW19" s="70">
        <v>566</v>
      </c>
      <c r="HX19" s="71">
        <v>741</v>
      </c>
      <c r="HY19" s="68">
        <v>120</v>
      </c>
      <c r="HZ19" s="69">
        <v>138</v>
      </c>
      <c r="IA19" s="70">
        <v>258</v>
      </c>
      <c r="IB19" s="159"/>
      <c r="IC19" s="69">
        <v>211</v>
      </c>
      <c r="ID19" s="69">
        <v>224</v>
      </c>
      <c r="IE19" s="69">
        <v>137</v>
      </c>
      <c r="IF19" s="69">
        <v>112</v>
      </c>
      <c r="IG19" s="69">
        <v>78</v>
      </c>
      <c r="IH19" s="70">
        <v>762</v>
      </c>
      <c r="II19" s="71">
        <v>1020</v>
      </c>
      <c r="IJ19" s="68">
        <v>150</v>
      </c>
      <c r="IK19" s="69">
        <v>202</v>
      </c>
      <c r="IL19" s="70">
        <v>352</v>
      </c>
      <c r="IM19" s="159"/>
      <c r="IN19" s="69">
        <v>290</v>
      </c>
      <c r="IO19" s="69">
        <v>339</v>
      </c>
      <c r="IP19" s="69">
        <v>248</v>
      </c>
      <c r="IQ19" s="69">
        <v>209</v>
      </c>
      <c r="IR19" s="69">
        <v>129</v>
      </c>
      <c r="IS19" s="70">
        <v>1215</v>
      </c>
      <c r="IT19" s="71">
        <v>1567</v>
      </c>
      <c r="IU19" s="68">
        <v>144</v>
      </c>
      <c r="IV19" s="69">
        <v>193</v>
      </c>
      <c r="IW19" s="70">
        <v>337</v>
      </c>
      <c r="IX19" s="159"/>
      <c r="IY19" s="69">
        <v>386</v>
      </c>
      <c r="IZ19" s="69">
        <v>414</v>
      </c>
      <c r="JA19" s="69">
        <v>286</v>
      </c>
      <c r="JB19" s="69">
        <v>219</v>
      </c>
      <c r="JC19" s="69">
        <v>148</v>
      </c>
      <c r="JD19" s="70">
        <v>1453</v>
      </c>
      <c r="JE19" s="71">
        <v>1790</v>
      </c>
      <c r="JF19" s="68">
        <v>83</v>
      </c>
      <c r="JG19" s="69">
        <v>125</v>
      </c>
      <c r="JH19" s="70">
        <v>208</v>
      </c>
      <c r="JI19" s="159"/>
      <c r="JJ19" s="69">
        <v>276</v>
      </c>
      <c r="JK19" s="69">
        <v>373</v>
      </c>
      <c r="JL19" s="69">
        <v>366</v>
      </c>
      <c r="JM19" s="69">
        <v>369</v>
      </c>
      <c r="JN19" s="69">
        <v>227</v>
      </c>
      <c r="JO19" s="70">
        <v>1611</v>
      </c>
      <c r="JP19" s="71">
        <v>1819</v>
      </c>
      <c r="JQ19" s="68">
        <v>22</v>
      </c>
      <c r="JR19" s="69">
        <v>24</v>
      </c>
      <c r="JS19" s="70">
        <v>46</v>
      </c>
      <c r="JT19" s="159"/>
      <c r="JU19" s="69">
        <v>20</v>
      </c>
      <c r="JV19" s="69">
        <v>42</v>
      </c>
      <c r="JW19" s="69">
        <v>28</v>
      </c>
      <c r="JX19" s="69">
        <v>24</v>
      </c>
      <c r="JY19" s="69">
        <v>27</v>
      </c>
      <c r="JZ19" s="70">
        <v>141</v>
      </c>
      <c r="KA19" s="71">
        <v>187</v>
      </c>
      <c r="KB19" s="68">
        <v>618</v>
      </c>
      <c r="KC19" s="69">
        <v>816</v>
      </c>
      <c r="KD19" s="70">
        <v>1434</v>
      </c>
      <c r="KE19" s="159"/>
      <c r="KF19" s="69">
        <v>1356</v>
      </c>
      <c r="KG19" s="69">
        <v>1619</v>
      </c>
      <c r="KH19" s="69">
        <v>1228</v>
      </c>
      <c r="KI19" s="69">
        <v>1063</v>
      </c>
      <c r="KJ19" s="69">
        <v>712</v>
      </c>
      <c r="KK19" s="70">
        <v>5978</v>
      </c>
      <c r="KL19" s="71">
        <v>7412</v>
      </c>
    </row>
    <row r="20" spans="1:298" ht="19.5" customHeight="1" x14ac:dyDescent="0.2">
      <c r="A20" s="111" t="s">
        <v>17</v>
      </c>
      <c r="B20" s="215">
        <v>285</v>
      </c>
      <c r="C20" s="80">
        <v>352</v>
      </c>
      <c r="D20" s="81">
        <v>637</v>
      </c>
      <c r="E20" s="159"/>
      <c r="F20" s="80">
        <v>546</v>
      </c>
      <c r="G20" s="80">
        <v>695</v>
      </c>
      <c r="H20" s="80">
        <v>523</v>
      </c>
      <c r="I20" s="80">
        <v>404</v>
      </c>
      <c r="J20" s="80">
        <v>232</v>
      </c>
      <c r="K20" s="82">
        <v>2400</v>
      </c>
      <c r="L20" s="83">
        <v>3037</v>
      </c>
      <c r="M20" s="68">
        <v>12</v>
      </c>
      <c r="N20" s="69">
        <v>27</v>
      </c>
      <c r="O20" s="70">
        <v>39</v>
      </c>
      <c r="P20" s="159"/>
      <c r="Q20" s="69">
        <v>34</v>
      </c>
      <c r="R20" s="69">
        <v>38</v>
      </c>
      <c r="S20" s="69">
        <v>34</v>
      </c>
      <c r="T20" s="69">
        <v>27</v>
      </c>
      <c r="U20" s="69">
        <v>23</v>
      </c>
      <c r="V20" s="70">
        <v>156</v>
      </c>
      <c r="W20" s="71">
        <v>195</v>
      </c>
      <c r="X20" s="68">
        <v>37</v>
      </c>
      <c r="Y20" s="69">
        <v>53</v>
      </c>
      <c r="Z20" s="70">
        <v>90</v>
      </c>
      <c r="AA20" s="159"/>
      <c r="AB20" s="69">
        <v>51</v>
      </c>
      <c r="AC20" s="69">
        <v>110</v>
      </c>
      <c r="AD20" s="69">
        <v>64</v>
      </c>
      <c r="AE20" s="69">
        <v>56</v>
      </c>
      <c r="AF20" s="69">
        <v>40</v>
      </c>
      <c r="AG20" s="70">
        <v>321</v>
      </c>
      <c r="AH20" s="71">
        <v>411</v>
      </c>
      <c r="AI20" s="68">
        <v>51</v>
      </c>
      <c r="AJ20" s="69">
        <v>62</v>
      </c>
      <c r="AK20" s="70">
        <v>113</v>
      </c>
      <c r="AL20" s="159"/>
      <c r="AM20" s="69">
        <v>98</v>
      </c>
      <c r="AN20" s="69">
        <v>119</v>
      </c>
      <c r="AO20" s="69">
        <v>93</v>
      </c>
      <c r="AP20" s="69">
        <v>79</v>
      </c>
      <c r="AQ20" s="69">
        <v>42</v>
      </c>
      <c r="AR20" s="70">
        <v>431</v>
      </c>
      <c r="AS20" s="71">
        <v>544</v>
      </c>
      <c r="AT20" s="68">
        <v>72</v>
      </c>
      <c r="AU20" s="69">
        <v>85</v>
      </c>
      <c r="AV20" s="70">
        <v>157</v>
      </c>
      <c r="AW20" s="159"/>
      <c r="AX20" s="69">
        <v>154</v>
      </c>
      <c r="AY20" s="69">
        <v>165</v>
      </c>
      <c r="AZ20" s="69">
        <v>139</v>
      </c>
      <c r="BA20" s="69">
        <v>98</v>
      </c>
      <c r="BB20" s="69">
        <v>58</v>
      </c>
      <c r="BC20" s="70">
        <v>614</v>
      </c>
      <c r="BD20" s="71">
        <v>771</v>
      </c>
      <c r="BE20" s="68">
        <v>73</v>
      </c>
      <c r="BF20" s="69">
        <v>76</v>
      </c>
      <c r="BG20" s="70">
        <v>149</v>
      </c>
      <c r="BH20" s="159"/>
      <c r="BI20" s="69">
        <v>127</v>
      </c>
      <c r="BJ20" s="69">
        <v>164</v>
      </c>
      <c r="BK20" s="69">
        <v>112</v>
      </c>
      <c r="BL20" s="69">
        <v>87</v>
      </c>
      <c r="BM20" s="69">
        <v>49</v>
      </c>
      <c r="BN20" s="70">
        <v>539</v>
      </c>
      <c r="BO20" s="71">
        <v>688</v>
      </c>
      <c r="BP20" s="68">
        <v>40</v>
      </c>
      <c r="BQ20" s="69">
        <v>49</v>
      </c>
      <c r="BR20" s="70">
        <v>89</v>
      </c>
      <c r="BS20" s="159"/>
      <c r="BT20" s="69">
        <v>82</v>
      </c>
      <c r="BU20" s="69">
        <v>99</v>
      </c>
      <c r="BV20" s="69">
        <v>81</v>
      </c>
      <c r="BW20" s="69">
        <v>57</v>
      </c>
      <c r="BX20" s="69">
        <v>20</v>
      </c>
      <c r="BY20" s="70">
        <v>339</v>
      </c>
      <c r="BZ20" s="71">
        <v>428</v>
      </c>
      <c r="CA20" s="68">
        <v>13</v>
      </c>
      <c r="CB20" s="69">
        <v>22</v>
      </c>
      <c r="CC20" s="70">
        <v>35</v>
      </c>
      <c r="CD20" s="159"/>
      <c r="CE20" s="69">
        <v>17</v>
      </c>
      <c r="CF20" s="69">
        <v>39</v>
      </c>
      <c r="CG20" s="69">
        <v>32</v>
      </c>
      <c r="CH20" s="69">
        <v>21</v>
      </c>
      <c r="CI20" s="69">
        <v>13</v>
      </c>
      <c r="CJ20" s="70">
        <v>122</v>
      </c>
      <c r="CK20" s="71">
        <v>157</v>
      </c>
      <c r="CL20" s="68">
        <v>298</v>
      </c>
      <c r="CM20" s="69">
        <v>374</v>
      </c>
      <c r="CN20" s="70">
        <v>672</v>
      </c>
      <c r="CO20" s="159"/>
      <c r="CP20" s="69">
        <v>563</v>
      </c>
      <c r="CQ20" s="69">
        <v>734</v>
      </c>
      <c r="CR20" s="69">
        <v>555</v>
      </c>
      <c r="CS20" s="69">
        <v>425</v>
      </c>
      <c r="CT20" s="69">
        <v>245</v>
      </c>
      <c r="CU20" s="70">
        <v>2522</v>
      </c>
      <c r="CV20" s="71">
        <v>3194</v>
      </c>
      <c r="CW20" s="108">
        <v>603</v>
      </c>
      <c r="CX20" s="80">
        <v>822</v>
      </c>
      <c r="CY20" s="81">
        <v>1425</v>
      </c>
      <c r="CZ20" s="159"/>
      <c r="DA20" s="80">
        <v>916</v>
      </c>
      <c r="DB20" s="80">
        <v>1162</v>
      </c>
      <c r="DC20" s="80">
        <v>851</v>
      </c>
      <c r="DD20" s="80">
        <v>776</v>
      </c>
      <c r="DE20" s="80">
        <v>543</v>
      </c>
      <c r="DF20" s="82">
        <v>4248</v>
      </c>
      <c r="DG20" s="83">
        <v>5673</v>
      </c>
      <c r="DH20" s="68">
        <v>15</v>
      </c>
      <c r="DI20" s="69">
        <v>28</v>
      </c>
      <c r="DJ20" s="70">
        <v>43</v>
      </c>
      <c r="DK20" s="159"/>
      <c r="DL20" s="69">
        <v>19</v>
      </c>
      <c r="DM20" s="69">
        <v>38</v>
      </c>
      <c r="DN20" s="69">
        <v>29</v>
      </c>
      <c r="DO20" s="69">
        <v>18</v>
      </c>
      <c r="DP20" s="69">
        <v>21</v>
      </c>
      <c r="DQ20" s="70">
        <v>125</v>
      </c>
      <c r="DR20" s="71">
        <v>168</v>
      </c>
      <c r="DS20" s="68">
        <v>64</v>
      </c>
      <c r="DT20" s="69">
        <v>78</v>
      </c>
      <c r="DU20" s="70">
        <v>142</v>
      </c>
      <c r="DV20" s="159"/>
      <c r="DW20" s="69">
        <v>63</v>
      </c>
      <c r="DX20" s="69">
        <v>69</v>
      </c>
      <c r="DY20" s="69">
        <v>59</v>
      </c>
      <c r="DZ20" s="69">
        <v>39</v>
      </c>
      <c r="EA20" s="69">
        <v>41</v>
      </c>
      <c r="EB20" s="70">
        <v>271</v>
      </c>
      <c r="EC20" s="71">
        <v>413</v>
      </c>
      <c r="ED20" s="68">
        <v>101</v>
      </c>
      <c r="EE20" s="69">
        <v>139</v>
      </c>
      <c r="EF20" s="70">
        <v>240</v>
      </c>
      <c r="EG20" s="159"/>
      <c r="EH20" s="69">
        <v>137</v>
      </c>
      <c r="EI20" s="69">
        <v>163</v>
      </c>
      <c r="EJ20" s="69">
        <v>113</v>
      </c>
      <c r="EK20" s="69">
        <v>102</v>
      </c>
      <c r="EL20" s="69">
        <v>63</v>
      </c>
      <c r="EM20" s="70">
        <v>578</v>
      </c>
      <c r="EN20" s="71">
        <v>818</v>
      </c>
      <c r="EO20" s="68">
        <v>180</v>
      </c>
      <c r="EP20" s="69">
        <v>219</v>
      </c>
      <c r="EQ20" s="70">
        <v>399</v>
      </c>
      <c r="ER20" s="159"/>
      <c r="ES20" s="69">
        <v>230</v>
      </c>
      <c r="ET20" s="69">
        <v>274</v>
      </c>
      <c r="EU20" s="69">
        <v>180</v>
      </c>
      <c r="EV20" s="69">
        <v>154</v>
      </c>
      <c r="EW20" s="69">
        <v>91</v>
      </c>
      <c r="EX20" s="70">
        <v>929</v>
      </c>
      <c r="EY20" s="71">
        <v>1328</v>
      </c>
      <c r="EZ20" s="68">
        <v>156</v>
      </c>
      <c r="FA20" s="69">
        <v>228</v>
      </c>
      <c r="FB20" s="70">
        <v>384</v>
      </c>
      <c r="FC20" s="159"/>
      <c r="FD20" s="69">
        <v>284</v>
      </c>
      <c r="FE20" s="69">
        <v>299</v>
      </c>
      <c r="FF20" s="69">
        <v>222</v>
      </c>
      <c r="FG20" s="69">
        <v>180</v>
      </c>
      <c r="FH20" s="69">
        <v>160</v>
      </c>
      <c r="FI20" s="70">
        <v>1145</v>
      </c>
      <c r="FJ20" s="71">
        <v>1529</v>
      </c>
      <c r="FK20" s="68">
        <v>87</v>
      </c>
      <c r="FL20" s="69">
        <v>130</v>
      </c>
      <c r="FM20" s="70">
        <v>217</v>
      </c>
      <c r="FN20" s="159"/>
      <c r="FO20" s="69">
        <v>183</v>
      </c>
      <c r="FP20" s="69">
        <v>319</v>
      </c>
      <c r="FQ20" s="69">
        <v>248</v>
      </c>
      <c r="FR20" s="69">
        <v>283</v>
      </c>
      <c r="FS20" s="69">
        <v>167</v>
      </c>
      <c r="FT20" s="70">
        <v>1200</v>
      </c>
      <c r="FU20" s="71">
        <v>1417</v>
      </c>
      <c r="FV20" s="68">
        <v>4</v>
      </c>
      <c r="FW20" s="69">
        <v>24</v>
      </c>
      <c r="FX20" s="70">
        <v>28</v>
      </c>
      <c r="FY20" s="159"/>
      <c r="FZ20" s="69">
        <v>5</v>
      </c>
      <c r="GA20" s="69">
        <v>30</v>
      </c>
      <c r="GB20" s="69">
        <v>16</v>
      </c>
      <c r="GC20" s="69">
        <v>17</v>
      </c>
      <c r="GD20" s="69">
        <v>15</v>
      </c>
      <c r="GE20" s="70">
        <v>83</v>
      </c>
      <c r="GF20" s="71">
        <v>111</v>
      </c>
      <c r="GG20" s="68">
        <v>607</v>
      </c>
      <c r="GH20" s="69">
        <v>846</v>
      </c>
      <c r="GI20" s="70">
        <v>1453</v>
      </c>
      <c r="GJ20" s="159"/>
      <c r="GK20" s="69">
        <v>921</v>
      </c>
      <c r="GL20" s="69">
        <v>1192</v>
      </c>
      <c r="GM20" s="69">
        <v>867</v>
      </c>
      <c r="GN20" s="69">
        <v>793</v>
      </c>
      <c r="GO20" s="69">
        <v>558</v>
      </c>
      <c r="GP20" s="70">
        <v>4331</v>
      </c>
      <c r="GQ20" s="71">
        <v>5784</v>
      </c>
      <c r="GR20" s="108">
        <v>888</v>
      </c>
      <c r="GS20" s="80">
        <v>1174</v>
      </c>
      <c r="GT20" s="81">
        <v>2062</v>
      </c>
      <c r="GU20" s="159"/>
      <c r="GV20" s="80">
        <v>1462</v>
      </c>
      <c r="GW20" s="80">
        <v>1857</v>
      </c>
      <c r="GX20" s="80">
        <v>1374</v>
      </c>
      <c r="GY20" s="80">
        <v>1180</v>
      </c>
      <c r="GZ20" s="80">
        <v>775</v>
      </c>
      <c r="HA20" s="82">
        <v>6648</v>
      </c>
      <c r="HB20" s="83">
        <v>8710</v>
      </c>
      <c r="HC20" s="68">
        <v>27</v>
      </c>
      <c r="HD20" s="69">
        <v>55</v>
      </c>
      <c r="HE20" s="70">
        <v>82</v>
      </c>
      <c r="HF20" s="159"/>
      <c r="HG20" s="69">
        <v>53</v>
      </c>
      <c r="HH20" s="69">
        <v>76</v>
      </c>
      <c r="HI20" s="69">
        <v>63</v>
      </c>
      <c r="HJ20" s="69">
        <v>45</v>
      </c>
      <c r="HK20" s="69">
        <v>44</v>
      </c>
      <c r="HL20" s="70">
        <v>281</v>
      </c>
      <c r="HM20" s="71">
        <v>363</v>
      </c>
      <c r="HN20" s="68">
        <v>101</v>
      </c>
      <c r="HO20" s="69">
        <v>131</v>
      </c>
      <c r="HP20" s="70">
        <v>232</v>
      </c>
      <c r="HQ20" s="159"/>
      <c r="HR20" s="69">
        <v>114</v>
      </c>
      <c r="HS20" s="69">
        <v>179</v>
      </c>
      <c r="HT20" s="69">
        <v>123</v>
      </c>
      <c r="HU20" s="69">
        <v>95</v>
      </c>
      <c r="HV20" s="69">
        <v>81</v>
      </c>
      <c r="HW20" s="70">
        <v>592</v>
      </c>
      <c r="HX20" s="71">
        <v>824</v>
      </c>
      <c r="HY20" s="68">
        <v>152</v>
      </c>
      <c r="HZ20" s="69">
        <v>201</v>
      </c>
      <c r="IA20" s="70">
        <v>353</v>
      </c>
      <c r="IB20" s="159"/>
      <c r="IC20" s="69">
        <v>235</v>
      </c>
      <c r="ID20" s="69">
        <v>282</v>
      </c>
      <c r="IE20" s="69">
        <v>206</v>
      </c>
      <c r="IF20" s="69">
        <v>181</v>
      </c>
      <c r="IG20" s="69">
        <v>105</v>
      </c>
      <c r="IH20" s="70">
        <v>1009</v>
      </c>
      <c r="II20" s="71">
        <v>1362</v>
      </c>
      <c r="IJ20" s="68">
        <v>252</v>
      </c>
      <c r="IK20" s="69">
        <v>304</v>
      </c>
      <c r="IL20" s="70">
        <v>556</v>
      </c>
      <c r="IM20" s="159"/>
      <c r="IN20" s="69">
        <v>384</v>
      </c>
      <c r="IO20" s="69">
        <v>439</v>
      </c>
      <c r="IP20" s="69">
        <v>319</v>
      </c>
      <c r="IQ20" s="69">
        <v>252</v>
      </c>
      <c r="IR20" s="69">
        <v>149</v>
      </c>
      <c r="IS20" s="70">
        <v>1543</v>
      </c>
      <c r="IT20" s="71">
        <v>2099</v>
      </c>
      <c r="IU20" s="68">
        <v>229</v>
      </c>
      <c r="IV20" s="69">
        <v>304</v>
      </c>
      <c r="IW20" s="70">
        <v>533</v>
      </c>
      <c r="IX20" s="159"/>
      <c r="IY20" s="69">
        <v>411</v>
      </c>
      <c r="IZ20" s="69">
        <v>463</v>
      </c>
      <c r="JA20" s="69">
        <v>334</v>
      </c>
      <c r="JB20" s="69">
        <v>267</v>
      </c>
      <c r="JC20" s="69">
        <v>209</v>
      </c>
      <c r="JD20" s="70">
        <v>1684</v>
      </c>
      <c r="JE20" s="71">
        <v>2217</v>
      </c>
      <c r="JF20" s="68">
        <v>127</v>
      </c>
      <c r="JG20" s="69">
        <v>179</v>
      </c>
      <c r="JH20" s="70">
        <v>306</v>
      </c>
      <c r="JI20" s="159"/>
      <c r="JJ20" s="69">
        <v>265</v>
      </c>
      <c r="JK20" s="69">
        <v>418</v>
      </c>
      <c r="JL20" s="69">
        <v>329</v>
      </c>
      <c r="JM20" s="69">
        <v>340</v>
      </c>
      <c r="JN20" s="69">
        <v>187</v>
      </c>
      <c r="JO20" s="70">
        <v>1539</v>
      </c>
      <c r="JP20" s="71">
        <v>1845</v>
      </c>
      <c r="JQ20" s="68">
        <v>17</v>
      </c>
      <c r="JR20" s="69">
        <v>46</v>
      </c>
      <c r="JS20" s="70">
        <v>63</v>
      </c>
      <c r="JT20" s="159"/>
      <c r="JU20" s="69">
        <v>22</v>
      </c>
      <c r="JV20" s="69">
        <v>69</v>
      </c>
      <c r="JW20" s="69">
        <v>48</v>
      </c>
      <c r="JX20" s="69">
        <v>38</v>
      </c>
      <c r="JY20" s="69">
        <v>28</v>
      </c>
      <c r="JZ20" s="70">
        <v>205</v>
      </c>
      <c r="KA20" s="71">
        <v>268</v>
      </c>
      <c r="KB20" s="68">
        <v>905</v>
      </c>
      <c r="KC20" s="69">
        <v>1220</v>
      </c>
      <c r="KD20" s="70">
        <v>2125</v>
      </c>
      <c r="KE20" s="159"/>
      <c r="KF20" s="69">
        <v>1484</v>
      </c>
      <c r="KG20" s="69">
        <v>1926</v>
      </c>
      <c r="KH20" s="69">
        <v>1422</v>
      </c>
      <c r="KI20" s="69">
        <v>1218</v>
      </c>
      <c r="KJ20" s="69">
        <v>803</v>
      </c>
      <c r="KK20" s="70">
        <v>6853</v>
      </c>
      <c r="KL20" s="71">
        <v>8978</v>
      </c>
    </row>
    <row r="21" spans="1:298" ht="19.5" customHeight="1" x14ac:dyDescent="0.2">
      <c r="A21" s="111" t="s">
        <v>18</v>
      </c>
      <c r="B21" s="215">
        <v>392</v>
      </c>
      <c r="C21" s="80">
        <v>417</v>
      </c>
      <c r="D21" s="81">
        <v>809</v>
      </c>
      <c r="E21" s="159"/>
      <c r="F21" s="80">
        <v>893</v>
      </c>
      <c r="G21" s="80">
        <v>708</v>
      </c>
      <c r="H21" s="80">
        <v>498</v>
      </c>
      <c r="I21" s="80">
        <v>453</v>
      </c>
      <c r="J21" s="80">
        <v>255</v>
      </c>
      <c r="K21" s="82">
        <v>2807</v>
      </c>
      <c r="L21" s="83">
        <v>3616</v>
      </c>
      <c r="M21" s="68">
        <v>16</v>
      </c>
      <c r="N21" s="69">
        <v>36</v>
      </c>
      <c r="O21" s="70">
        <v>52</v>
      </c>
      <c r="P21" s="159"/>
      <c r="Q21" s="69">
        <v>51</v>
      </c>
      <c r="R21" s="69">
        <v>43</v>
      </c>
      <c r="S21" s="69">
        <v>35</v>
      </c>
      <c r="T21" s="69">
        <v>42</v>
      </c>
      <c r="U21" s="69">
        <v>21</v>
      </c>
      <c r="V21" s="70">
        <v>192</v>
      </c>
      <c r="W21" s="71">
        <v>244</v>
      </c>
      <c r="X21" s="68">
        <v>51</v>
      </c>
      <c r="Y21" s="69">
        <v>48</v>
      </c>
      <c r="Z21" s="70">
        <v>99</v>
      </c>
      <c r="AA21" s="159"/>
      <c r="AB21" s="69">
        <v>103</v>
      </c>
      <c r="AC21" s="69">
        <v>95</v>
      </c>
      <c r="AD21" s="69">
        <v>77</v>
      </c>
      <c r="AE21" s="69">
        <v>67</v>
      </c>
      <c r="AF21" s="69">
        <v>34</v>
      </c>
      <c r="AG21" s="70">
        <v>376</v>
      </c>
      <c r="AH21" s="71">
        <v>475</v>
      </c>
      <c r="AI21" s="68">
        <v>61</v>
      </c>
      <c r="AJ21" s="69">
        <v>65</v>
      </c>
      <c r="AK21" s="70">
        <v>126</v>
      </c>
      <c r="AL21" s="159"/>
      <c r="AM21" s="69">
        <v>145</v>
      </c>
      <c r="AN21" s="69">
        <v>114</v>
      </c>
      <c r="AO21" s="69">
        <v>93</v>
      </c>
      <c r="AP21" s="69">
        <v>72</v>
      </c>
      <c r="AQ21" s="69">
        <v>54</v>
      </c>
      <c r="AR21" s="70">
        <v>478</v>
      </c>
      <c r="AS21" s="71">
        <v>604</v>
      </c>
      <c r="AT21" s="68">
        <v>115</v>
      </c>
      <c r="AU21" s="69">
        <v>103</v>
      </c>
      <c r="AV21" s="70">
        <v>218</v>
      </c>
      <c r="AW21" s="159"/>
      <c r="AX21" s="69">
        <v>243</v>
      </c>
      <c r="AY21" s="69">
        <v>194</v>
      </c>
      <c r="AZ21" s="69">
        <v>104</v>
      </c>
      <c r="BA21" s="69">
        <v>104</v>
      </c>
      <c r="BB21" s="69">
        <v>54</v>
      </c>
      <c r="BC21" s="70">
        <v>699</v>
      </c>
      <c r="BD21" s="71">
        <v>917</v>
      </c>
      <c r="BE21" s="68">
        <v>94</v>
      </c>
      <c r="BF21" s="69">
        <v>100</v>
      </c>
      <c r="BG21" s="70">
        <v>194</v>
      </c>
      <c r="BH21" s="159"/>
      <c r="BI21" s="69">
        <v>237</v>
      </c>
      <c r="BJ21" s="69">
        <v>160</v>
      </c>
      <c r="BK21" s="69">
        <v>113</v>
      </c>
      <c r="BL21" s="69">
        <v>98</v>
      </c>
      <c r="BM21" s="69">
        <v>45</v>
      </c>
      <c r="BN21" s="70">
        <v>653</v>
      </c>
      <c r="BO21" s="71">
        <v>847</v>
      </c>
      <c r="BP21" s="68">
        <v>55</v>
      </c>
      <c r="BQ21" s="69">
        <v>65</v>
      </c>
      <c r="BR21" s="70">
        <v>120</v>
      </c>
      <c r="BS21" s="159"/>
      <c r="BT21" s="69">
        <v>114</v>
      </c>
      <c r="BU21" s="69">
        <v>102</v>
      </c>
      <c r="BV21" s="69">
        <v>76</v>
      </c>
      <c r="BW21" s="69">
        <v>70</v>
      </c>
      <c r="BX21" s="69">
        <v>47</v>
      </c>
      <c r="BY21" s="70">
        <v>409</v>
      </c>
      <c r="BZ21" s="71">
        <v>529</v>
      </c>
      <c r="CA21" s="68">
        <v>10</v>
      </c>
      <c r="CB21" s="69">
        <v>20</v>
      </c>
      <c r="CC21" s="70">
        <v>30</v>
      </c>
      <c r="CD21" s="159"/>
      <c r="CE21" s="69">
        <v>33</v>
      </c>
      <c r="CF21" s="69">
        <v>42</v>
      </c>
      <c r="CG21" s="69">
        <v>30</v>
      </c>
      <c r="CH21" s="69">
        <v>20</v>
      </c>
      <c r="CI21" s="69">
        <v>26</v>
      </c>
      <c r="CJ21" s="70">
        <v>151</v>
      </c>
      <c r="CK21" s="71">
        <v>181</v>
      </c>
      <c r="CL21" s="68">
        <v>402</v>
      </c>
      <c r="CM21" s="69">
        <v>437</v>
      </c>
      <c r="CN21" s="70">
        <v>839</v>
      </c>
      <c r="CO21" s="159"/>
      <c r="CP21" s="69">
        <v>926</v>
      </c>
      <c r="CQ21" s="69">
        <v>750</v>
      </c>
      <c r="CR21" s="69">
        <v>528</v>
      </c>
      <c r="CS21" s="69">
        <v>473</v>
      </c>
      <c r="CT21" s="69">
        <v>281</v>
      </c>
      <c r="CU21" s="70">
        <v>2958</v>
      </c>
      <c r="CV21" s="71">
        <v>3797</v>
      </c>
      <c r="CW21" s="108">
        <v>825</v>
      </c>
      <c r="CX21" s="80">
        <v>1026</v>
      </c>
      <c r="CY21" s="81">
        <v>1851</v>
      </c>
      <c r="CZ21" s="159"/>
      <c r="DA21" s="80">
        <v>1399</v>
      </c>
      <c r="DB21" s="80">
        <v>1236</v>
      </c>
      <c r="DC21" s="80">
        <v>881</v>
      </c>
      <c r="DD21" s="80">
        <v>887</v>
      </c>
      <c r="DE21" s="80">
        <v>605</v>
      </c>
      <c r="DF21" s="82">
        <v>5008</v>
      </c>
      <c r="DG21" s="83">
        <v>6859</v>
      </c>
      <c r="DH21" s="68">
        <v>23</v>
      </c>
      <c r="DI21" s="69">
        <v>28</v>
      </c>
      <c r="DJ21" s="70">
        <v>51</v>
      </c>
      <c r="DK21" s="159"/>
      <c r="DL21" s="69">
        <v>37</v>
      </c>
      <c r="DM21" s="69">
        <v>32</v>
      </c>
      <c r="DN21" s="69">
        <v>20</v>
      </c>
      <c r="DO21" s="69">
        <v>16</v>
      </c>
      <c r="DP21" s="69">
        <v>22</v>
      </c>
      <c r="DQ21" s="70">
        <v>127</v>
      </c>
      <c r="DR21" s="71">
        <v>178</v>
      </c>
      <c r="DS21" s="68">
        <v>80</v>
      </c>
      <c r="DT21" s="69">
        <v>103</v>
      </c>
      <c r="DU21" s="70">
        <v>183</v>
      </c>
      <c r="DV21" s="159"/>
      <c r="DW21" s="69">
        <v>110</v>
      </c>
      <c r="DX21" s="69">
        <v>94</v>
      </c>
      <c r="DY21" s="69">
        <v>55</v>
      </c>
      <c r="DZ21" s="69">
        <v>42</v>
      </c>
      <c r="EA21" s="69">
        <v>38</v>
      </c>
      <c r="EB21" s="70">
        <v>339</v>
      </c>
      <c r="EC21" s="71">
        <v>522</v>
      </c>
      <c r="ED21" s="68">
        <v>154</v>
      </c>
      <c r="EE21" s="69">
        <v>169</v>
      </c>
      <c r="EF21" s="70">
        <v>323</v>
      </c>
      <c r="EG21" s="159"/>
      <c r="EH21" s="69">
        <v>214</v>
      </c>
      <c r="EI21" s="69">
        <v>134</v>
      </c>
      <c r="EJ21" s="69">
        <v>127</v>
      </c>
      <c r="EK21" s="69">
        <v>99</v>
      </c>
      <c r="EL21" s="69">
        <v>71</v>
      </c>
      <c r="EM21" s="70">
        <v>645</v>
      </c>
      <c r="EN21" s="71">
        <v>968</v>
      </c>
      <c r="EO21" s="68">
        <v>245</v>
      </c>
      <c r="EP21" s="69">
        <v>299</v>
      </c>
      <c r="EQ21" s="70">
        <v>544</v>
      </c>
      <c r="ER21" s="159"/>
      <c r="ES21" s="69">
        <v>384</v>
      </c>
      <c r="ET21" s="69">
        <v>271</v>
      </c>
      <c r="EU21" s="69">
        <v>169</v>
      </c>
      <c r="EV21" s="69">
        <v>168</v>
      </c>
      <c r="EW21" s="69">
        <v>123</v>
      </c>
      <c r="EX21" s="70">
        <v>1115</v>
      </c>
      <c r="EY21" s="71">
        <v>1659</v>
      </c>
      <c r="EZ21" s="68">
        <v>231</v>
      </c>
      <c r="FA21" s="69">
        <v>298</v>
      </c>
      <c r="FB21" s="70">
        <v>529</v>
      </c>
      <c r="FC21" s="159"/>
      <c r="FD21" s="69">
        <v>361</v>
      </c>
      <c r="FE21" s="69">
        <v>385</v>
      </c>
      <c r="FF21" s="69">
        <v>212</v>
      </c>
      <c r="FG21" s="69">
        <v>239</v>
      </c>
      <c r="FH21" s="69">
        <v>174</v>
      </c>
      <c r="FI21" s="70">
        <v>1371</v>
      </c>
      <c r="FJ21" s="71">
        <v>1900</v>
      </c>
      <c r="FK21" s="68">
        <v>92</v>
      </c>
      <c r="FL21" s="69">
        <v>129</v>
      </c>
      <c r="FM21" s="70">
        <v>221</v>
      </c>
      <c r="FN21" s="159"/>
      <c r="FO21" s="69">
        <v>293</v>
      </c>
      <c r="FP21" s="69">
        <v>320</v>
      </c>
      <c r="FQ21" s="69">
        <v>298</v>
      </c>
      <c r="FR21" s="69">
        <v>323</v>
      </c>
      <c r="FS21" s="69">
        <v>177</v>
      </c>
      <c r="FT21" s="70">
        <v>1411</v>
      </c>
      <c r="FU21" s="71">
        <v>1632</v>
      </c>
      <c r="FV21" s="68">
        <v>13</v>
      </c>
      <c r="FW21" s="69">
        <v>15</v>
      </c>
      <c r="FX21" s="70">
        <v>28</v>
      </c>
      <c r="FY21" s="159"/>
      <c r="FZ21" s="69">
        <v>30</v>
      </c>
      <c r="GA21" s="69">
        <v>26</v>
      </c>
      <c r="GB21" s="69">
        <v>20</v>
      </c>
      <c r="GC21" s="69">
        <v>14</v>
      </c>
      <c r="GD21" s="69">
        <v>17</v>
      </c>
      <c r="GE21" s="70">
        <v>107</v>
      </c>
      <c r="GF21" s="71">
        <v>135</v>
      </c>
      <c r="GG21" s="68">
        <v>838</v>
      </c>
      <c r="GH21" s="69">
        <v>1041</v>
      </c>
      <c r="GI21" s="70">
        <v>1879</v>
      </c>
      <c r="GJ21" s="159"/>
      <c r="GK21" s="69">
        <v>1429</v>
      </c>
      <c r="GL21" s="69">
        <v>1262</v>
      </c>
      <c r="GM21" s="69">
        <v>901</v>
      </c>
      <c r="GN21" s="69">
        <v>901</v>
      </c>
      <c r="GO21" s="69">
        <v>622</v>
      </c>
      <c r="GP21" s="70">
        <v>5115</v>
      </c>
      <c r="GQ21" s="71">
        <v>6994</v>
      </c>
      <c r="GR21" s="108">
        <v>1217</v>
      </c>
      <c r="GS21" s="80">
        <v>1443</v>
      </c>
      <c r="GT21" s="81">
        <v>2660</v>
      </c>
      <c r="GU21" s="159"/>
      <c r="GV21" s="80">
        <v>2292</v>
      </c>
      <c r="GW21" s="80">
        <v>1944</v>
      </c>
      <c r="GX21" s="80">
        <v>1379</v>
      </c>
      <c r="GY21" s="80">
        <v>1340</v>
      </c>
      <c r="GZ21" s="80">
        <v>860</v>
      </c>
      <c r="HA21" s="82">
        <v>7815</v>
      </c>
      <c r="HB21" s="83">
        <v>10475</v>
      </c>
      <c r="HC21" s="68">
        <v>39</v>
      </c>
      <c r="HD21" s="69">
        <v>64</v>
      </c>
      <c r="HE21" s="70">
        <v>103</v>
      </c>
      <c r="HF21" s="159"/>
      <c r="HG21" s="69">
        <v>88</v>
      </c>
      <c r="HH21" s="69">
        <v>75</v>
      </c>
      <c r="HI21" s="69">
        <v>55</v>
      </c>
      <c r="HJ21" s="69">
        <v>58</v>
      </c>
      <c r="HK21" s="69">
        <v>43</v>
      </c>
      <c r="HL21" s="70">
        <v>319</v>
      </c>
      <c r="HM21" s="71">
        <v>422</v>
      </c>
      <c r="HN21" s="68">
        <v>131</v>
      </c>
      <c r="HO21" s="69">
        <v>151</v>
      </c>
      <c r="HP21" s="70">
        <v>282</v>
      </c>
      <c r="HQ21" s="159"/>
      <c r="HR21" s="69">
        <v>213</v>
      </c>
      <c r="HS21" s="69">
        <v>189</v>
      </c>
      <c r="HT21" s="69">
        <v>132</v>
      </c>
      <c r="HU21" s="69">
        <v>109</v>
      </c>
      <c r="HV21" s="69">
        <v>72</v>
      </c>
      <c r="HW21" s="70">
        <v>715</v>
      </c>
      <c r="HX21" s="71">
        <v>997</v>
      </c>
      <c r="HY21" s="68">
        <v>215</v>
      </c>
      <c r="HZ21" s="69">
        <v>234</v>
      </c>
      <c r="IA21" s="70">
        <v>449</v>
      </c>
      <c r="IB21" s="159"/>
      <c r="IC21" s="69">
        <v>359</v>
      </c>
      <c r="ID21" s="69">
        <v>248</v>
      </c>
      <c r="IE21" s="69">
        <v>220</v>
      </c>
      <c r="IF21" s="69">
        <v>171</v>
      </c>
      <c r="IG21" s="69">
        <v>125</v>
      </c>
      <c r="IH21" s="70">
        <v>1123</v>
      </c>
      <c r="II21" s="71">
        <v>1572</v>
      </c>
      <c r="IJ21" s="68">
        <v>360</v>
      </c>
      <c r="IK21" s="69">
        <v>402</v>
      </c>
      <c r="IL21" s="70">
        <v>762</v>
      </c>
      <c r="IM21" s="159"/>
      <c r="IN21" s="69">
        <v>627</v>
      </c>
      <c r="IO21" s="69">
        <v>465</v>
      </c>
      <c r="IP21" s="69">
        <v>273</v>
      </c>
      <c r="IQ21" s="69">
        <v>272</v>
      </c>
      <c r="IR21" s="69">
        <v>177</v>
      </c>
      <c r="IS21" s="70">
        <v>1814</v>
      </c>
      <c r="IT21" s="71">
        <v>2576</v>
      </c>
      <c r="IU21" s="68">
        <v>325</v>
      </c>
      <c r="IV21" s="69">
        <v>398</v>
      </c>
      <c r="IW21" s="70">
        <v>723</v>
      </c>
      <c r="IX21" s="159"/>
      <c r="IY21" s="69">
        <v>598</v>
      </c>
      <c r="IZ21" s="69">
        <v>545</v>
      </c>
      <c r="JA21" s="69">
        <v>325</v>
      </c>
      <c r="JB21" s="69">
        <v>337</v>
      </c>
      <c r="JC21" s="69">
        <v>219</v>
      </c>
      <c r="JD21" s="70">
        <v>2024</v>
      </c>
      <c r="JE21" s="71">
        <v>2747</v>
      </c>
      <c r="JF21" s="68">
        <v>147</v>
      </c>
      <c r="JG21" s="69">
        <v>194</v>
      </c>
      <c r="JH21" s="70">
        <v>341</v>
      </c>
      <c r="JI21" s="159"/>
      <c r="JJ21" s="69">
        <v>407</v>
      </c>
      <c r="JK21" s="69">
        <v>422</v>
      </c>
      <c r="JL21" s="69">
        <v>374</v>
      </c>
      <c r="JM21" s="69">
        <v>393</v>
      </c>
      <c r="JN21" s="69">
        <v>224</v>
      </c>
      <c r="JO21" s="70">
        <v>1820</v>
      </c>
      <c r="JP21" s="71">
        <v>2161</v>
      </c>
      <c r="JQ21" s="68">
        <v>23</v>
      </c>
      <c r="JR21" s="69">
        <v>35</v>
      </c>
      <c r="JS21" s="70">
        <v>58</v>
      </c>
      <c r="JT21" s="159"/>
      <c r="JU21" s="69">
        <v>63</v>
      </c>
      <c r="JV21" s="69">
        <v>68</v>
      </c>
      <c r="JW21" s="69">
        <v>50</v>
      </c>
      <c r="JX21" s="69">
        <v>34</v>
      </c>
      <c r="JY21" s="69">
        <v>43</v>
      </c>
      <c r="JZ21" s="70">
        <v>258</v>
      </c>
      <c r="KA21" s="71">
        <v>316</v>
      </c>
      <c r="KB21" s="68">
        <v>1240</v>
      </c>
      <c r="KC21" s="69">
        <v>1478</v>
      </c>
      <c r="KD21" s="70">
        <v>2718</v>
      </c>
      <c r="KE21" s="159"/>
      <c r="KF21" s="69">
        <v>2355</v>
      </c>
      <c r="KG21" s="69">
        <v>2012</v>
      </c>
      <c r="KH21" s="69">
        <v>1429</v>
      </c>
      <c r="KI21" s="69">
        <v>1374</v>
      </c>
      <c r="KJ21" s="69">
        <v>903</v>
      </c>
      <c r="KK21" s="70">
        <v>8073</v>
      </c>
      <c r="KL21" s="71">
        <v>10791</v>
      </c>
    </row>
    <row r="22" spans="1:298" ht="19.5" customHeight="1" x14ac:dyDescent="0.2">
      <c r="A22" s="111" t="s">
        <v>19</v>
      </c>
      <c r="B22" s="215">
        <v>156</v>
      </c>
      <c r="C22" s="80">
        <v>176</v>
      </c>
      <c r="D22" s="81">
        <v>332</v>
      </c>
      <c r="E22" s="159"/>
      <c r="F22" s="80">
        <v>356</v>
      </c>
      <c r="G22" s="80">
        <v>324</v>
      </c>
      <c r="H22" s="80">
        <v>213</v>
      </c>
      <c r="I22" s="80">
        <v>153</v>
      </c>
      <c r="J22" s="80">
        <v>95</v>
      </c>
      <c r="K22" s="82">
        <v>1141</v>
      </c>
      <c r="L22" s="83">
        <v>1473</v>
      </c>
      <c r="M22" s="84">
        <v>10</v>
      </c>
      <c r="N22" s="69">
        <v>9</v>
      </c>
      <c r="O22" s="70">
        <v>19</v>
      </c>
      <c r="P22" s="159"/>
      <c r="Q22" s="69">
        <v>16</v>
      </c>
      <c r="R22" s="69">
        <v>27</v>
      </c>
      <c r="S22" s="69">
        <v>12</v>
      </c>
      <c r="T22" s="69">
        <v>8</v>
      </c>
      <c r="U22" s="69">
        <v>9</v>
      </c>
      <c r="V22" s="70">
        <v>72</v>
      </c>
      <c r="W22" s="71">
        <v>91</v>
      </c>
      <c r="X22" s="68">
        <v>15</v>
      </c>
      <c r="Y22" s="69">
        <v>16</v>
      </c>
      <c r="Z22" s="70">
        <v>31</v>
      </c>
      <c r="AA22" s="159"/>
      <c r="AB22" s="69">
        <v>40</v>
      </c>
      <c r="AC22" s="69">
        <v>54</v>
      </c>
      <c r="AD22" s="69">
        <v>34</v>
      </c>
      <c r="AE22" s="69">
        <v>17</v>
      </c>
      <c r="AF22" s="69">
        <v>13</v>
      </c>
      <c r="AG22" s="70">
        <v>158</v>
      </c>
      <c r="AH22" s="71">
        <v>189</v>
      </c>
      <c r="AI22" s="84">
        <v>34</v>
      </c>
      <c r="AJ22" s="69">
        <v>20</v>
      </c>
      <c r="AK22" s="70">
        <v>54</v>
      </c>
      <c r="AL22" s="159"/>
      <c r="AM22" s="69">
        <v>70</v>
      </c>
      <c r="AN22" s="69">
        <v>52</v>
      </c>
      <c r="AO22" s="69">
        <v>29</v>
      </c>
      <c r="AP22" s="69">
        <v>34</v>
      </c>
      <c r="AQ22" s="69">
        <v>17</v>
      </c>
      <c r="AR22" s="70">
        <v>202</v>
      </c>
      <c r="AS22" s="71">
        <v>256</v>
      </c>
      <c r="AT22" s="68">
        <v>38</v>
      </c>
      <c r="AU22" s="69">
        <v>48</v>
      </c>
      <c r="AV22" s="70">
        <v>86</v>
      </c>
      <c r="AW22" s="159"/>
      <c r="AX22" s="69">
        <v>84</v>
      </c>
      <c r="AY22" s="69">
        <v>77</v>
      </c>
      <c r="AZ22" s="69">
        <v>52</v>
      </c>
      <c r="BA22" s="69">
        <v>41</v>
      </c>
      <c r="BB22" s="69">
        <v>19</v>
      </c>
      <c r="BC22" s="70">
        <v>273</v>
      </c>
      <c r="BD22" s="71">
        <v>359</v>
      </c>
      <c r="BE22" s="84">
        <v>39</v>
      </c>
      <c r="BF22" s="69">
        <v>44</v>
      </c>
      <c r="BG22" s="70">
        <v>83</v>
      </c>
      <c r="BH22" s="159"/>
      <c r="BI22" s="69">
        <v>89</v>
      </c>
      <c r="BJ22" s="69">
        <v>62</v>
      </c>
      <c r="BK22" s="69">
        <v>53</v>
      </c>
      <c r="BL22" s="69">
        <v>28</v>
      </c>
      <c r="BM22" s="69">
        <v>16</v>
      </c>
      <c r="BN22" s="70">
        <v>248</v>
      </c>
      <c r="BO22" s="71">
        <v>331</v>
      </c>
      <c r="BP22" s="68">
        <v>20</v>
      </c>
      <c r="BQ22" s="69">
        <v>39</v>
      </c>
      <c r="BR22" s="70">
        <v>59</v>
      </c>
      <c r="BS22" s="159"/>
      <c r="BT22" s="69">
        <v>57</v>
      </c>
      <c r="BU22" s="69">
        <v>52</v>
      </c>
      <c r="BV22" s="69">
        <v>33</v>
      </c>
      <c r="BW22" s="69">
        <v>25</v>
      </c>
      <c r="BX22" s="69">
        <v>21</v>
      </c>
      <c r="BY22" s="70">
        <v>188</v>
      </c>
      <c r="BZ22" s="71">
        <v>247</v>
      </c>
      <c r="CA22" s="68">
        <v>2</v>
      </c>
      <c r="CB22" s="69">
        <v>9</v>
      </c>
      <c r="CC22" s="70">
        <v>11</v>
      </c>
      <c r="CD22" s="159"/>
      <c r="CE22" s="69">
        <v>15</v>
      </c>
      <c r="CF22" s="69">
        <v>14</v>
      </c>
      <c r="CG22" s="69">
        <v>14</v>
      </c>
      <c r="CH22" s="69">
        <v>8</v>
      </c>
      <c r="CI22" s="69">
        <v>4</v>
      </c>
      <c r="CJ22" s="70">
        <v>55</v>
      </c>
      <c r="CK22" s="71">
        <v>66</v>
      </c>
      <c r="CL22" s="68">
        <v>158</v>
      </c>
      <c r="CM22" s="69">
        <v>185</v>
      </c>
      <c r="CN22" s="70">
        <v>343</v>
      </c>
      <c r="CO22" s="159"/>
      <c r="CP22" s="69">
        <v>371</v>
      </c>
      <c r="CQ22" s="69">
        <v>338</v>
      </c>
      <c r="CR22" s="69">
        <v>227</v>
      </c>
      <c r="CS22" s="69">
        <v>161</v>
      </c>
      <c r="CT22" s="69">
        <v>99</v>
      </c>
      <c r="CU22" s="70">
        <v>1196</v>
      </c>
      <c r="CV22" s="71">
        <v>1539</v>
      </c>
      <c r="CW22" s="108">
        <v>284</v>
      </c>
      <c r="CX22" s="80">
        <v>392</v>
      </c>
      <c r="CY22" s="81">
        <v>676</v>
      </c>
      <c r="CZ22" s="159"/>
      <c r="DA22" s="80">
        <v>623</v>
      </c>
      <c r="DB22" s="80">
        <v>490</v>
      </c>
      <c r="DC22" s="80">
        <v>426</v>
      </c>
      <c r="DD22" s="80">
        <v>350</v>
      </c>
      <c r="DE22" s="80">
        <v>237</v>
      </c>
      <c r="DF22" s="82">
        <v>2126</v>
      </c>
      <c r="DG22" s="83">
        <v>2802</v>
      </c>
      <c r="DH22" s="84">
        <v>8</v>
      </c>
      <c r="DI22" s="69">
        <v>13</v>
      </c>
      <c r="DJ22" s="70">
        <v>21</v>
      </c>
      <c r="DK22" s="159"/>
      <c r="DL22" s="69">
        <v>17</v>
      </c>
      <c r="DM22" s="69">
        <v>10</v>
      </c>
      <c r="DN22" s="69">
        <v>11</v>
      </c>
      <c r="DO22" s="69">
        <v>0</v>
      </c>
      <c r="DP22" s="69">
        <v>2</v>
      </c>
      <c r="DQ22" s="70">
        <v>40</v>
      </c>
      <c r="DR22" s="71">
        <v>61</v>
      </c>
      <c r="DS22" s="68">
        <v>26</v>
      </c>
      <c r="DT22" s="69">
        <v>30</v>
      </c>
      <c r="DU22" s="70">
        <v>56</v>
      </c>
      <c r="DV22" s="159"/>
      <c r="DW22" s="69">
        <v>52</v>
      </c>
      <c r="DX22" s="69">
        <v>36</v>
      </c>
      <c r="DY22" s="69">
        <v>15</v>
      </c>
      <c r="DZ22" s="69">
        <v>17</v>
      </c>
      <c r="EA22" s="69">
        <v>19</v>
      </c>
      <c r="EB22" s="70">
        <v>139</v>
      </c>
      <c r="EC22" s="71">
        <v>195</v>
      </c>
      <c r="ED22" s="84">
        <v>50</v>
      </c>
      <c r="EE22" s="69">
        <v>60</v>
      </c>
      <c r="EF22" s="70">
        <v>110</v>
      </c>
      <c r="EG22" s="159"/>
      <c r="EH22" s="69">
        <v>79</v>
      </c>
      <c r="EI22" s="69">
        <v>61</v>
      </c>
      <c r="EJ22" s="69">
        <v>43</v>
      </c>
      <c r="EK22" s="69">
        <v>33</v>
      </c>
      <c r="EL22" s="69">
        <v>34</v>
      </c>
      <c r="EM22" s="70">
        <v>250</v>
      </c>
      <c r="EN22" s="71">
        <v>360</v>
      </c>
      <c r="EO22" s="68">
        <v>102</v>
      </c>
      <c r="EP22" s="69">
        <v>97</v>
      </c>
      <c r="EQ22" s="70">
        <v>199</v>
      </c>
      <c r="ER22" s="159"/>
      <c r="ES22" s="69">
        <v>151</v>
      </c>
      <c r="ET22" s="69">
        <v>117</v>
      </c>
      <c r="EU22" s="69">
        <v>73</v>
      </c>
      <c r="EV22" s="69">
        <v>56</v>
      </c>
      <c r="EW22" s="69">
        <v>54</v>
      </c>
      <c r="EX22" s="70">
        <v>451</v>
      </c>
      <c r="EY22" s="71">
        <v>650</v>
      </c>
      <c r="EZ22" s="84">
        <v>63</v>
      </c>
      <c r="FA22" s="69">
        <v>112</v>
      </c>
      <c r="FB22" s="70">
        <v>175</v>
      </c>
      <c r="FC22" s="159"/>
      <c r="FD22" s="69">
        <v>169</v>
      </c>
      <c r="FE22" s="69">
        <v>117</v>
      </c>
      <c r="FF22" s="69">
        <v>124</v>
      </c>
      <c r="FG22" s="69">
        <v>79</v>
      </c>
      <c r="FH22" s="69">
        <v>43</v>
      </c>
      <c r="FI22" s="70">
        <v>532</v>
      </c>
      <c r="FJ22" s="71">
        <v>707</v>
      </c>
      <c r="FK22" s="68">
        <v>35</v>
      </c>
      <c r="FL22" s="69">
        <v>80</v>
      </c>
      <c r="FM22" s="70">
        <v>115</v>
      </c>
      <c r="FN22" s="159"/>
      <c r="FO22" s="69">
        <v>155</v>
      </c>
      <c r="FP22" s="69">
        <v>149</v>
      </c>
      <c r="FQ22" s="69">
        <v>160</v>
      </c>
      <c r="FR22" s="69">
        <v>165</v>
      </c>
      <c r="FS22" s="69">
        <v>85</v>
      </c>
      <c r="FT22" s="70">
        <v>714</v>
      </c>
      <c r="FU22" s="71">
        <v>829</v>
      </c>
      <c r="FV22" s="68">
        <v>2</v>
      </c>
      <c r="FW22" s="69">
        <v>5</v>
      </c>
      <c r="FX22" s="70">
        <v>7</v>
      </c>
      <c r="FY22" s="159"/>
      <c r="FZ22" s="69">
        <v>7</v>
      </c>
      <c r="GA22" s="69">
        <v>7</v>
      </c>
      <c r="GB22" s="69">
        <v>4</v>
      </c>
      <c r="GC22" s="69">
        <v>3</v>
      </c>
      <c r="GD22" s="69">
        <v>8</v>
      </c>
      <c r="GE22" s="70">
        <v>29</v>
      </c>
      <c r="GF22" s="71">
        <v>36</v>
      </c>
      <c r="GG22" s="68">
        <v>286</v>
      </c>
      <c r="GH22" s="69">
        <v>397</v>
      </c>
      <c r="GI22" s="70">
        <v>683</v>
      </c>
      <c r="GJ22" s="159"/>
      <c r="GK22" s="69">
        <v>630</v>
      </c>
      <c r="GL22" s="69">
        <v>497</v>
      </c>
      <c r="GM22" s="69">
        <v>430</v>
      </c>
      <c r="GN22" s="69">
        <v>353</v>
      </c>
      <c r="GO22" s="69">
        <v>245</v>
      </c>
      <c r="GP22" s="70">
        <v>2155</v>
      </c>
      <c r="GQ22" s="71">
        <v>2838</v>
      </c>
      <c r="GR22" s="108">
        <v>440</v>
      </c>
      <c r="GS22" s="80">
        <v>568</v>
      </c>
      <c r="GT22" s="81">
        <v>1008</v>
      </c>
      <c r="GU22" s="159"/>
      <c r="GV22" s="80">
        <v>979</v>
      </c>
      <c r="GW22" s="80">
        <v>814</v>
      </c>
      <c r="GX22" s="80">
        <v>639</v>
      </c>
      <c r="GY22" s="80">
        <v>503</v>
      </c>
      <c r="GZ22" s="80">
        <v>332</v>
      </c>
      <c r="HA22" s="82">
        <v>3267</v>
      </c>
      <c r="HB22" s="83">
        <v>4275</v>
      </c>
      <c r="HC22" s="84">
        <v>18</v>
      </c>
      <c r="HD22" s="69">
        <v>22</v>
      </c>
      <c r="HE22" s="70">
        <v>40</v>
      </c>
      <c r="HF22" s="159"/>
      <c r="HG22" s="69">
        <v>33</v>
      </c>
      <c r="HH22" s="69">
        <v>37</v>
      </c>
      <c r="HI22" s="69">
        <v>23</v>
      </c>
      <c r="HJ22" s="69">
        <v>8</v>
      </c>
      <c r="HK22" s="69">
        <v>11</v>
      </c>
      <c r="HL22" s="70">
        <v>112</v>
      </c>
      <c r="HM22" s="71">
        <v>152</v>
      </c>
      <c r="HN22" s="68">
        <v>41</v>
      </c>
      <c r="HO22" s="69">
        <v>46</v>
      </c>
      <c r="HP22" s="70">
        <v>87</v>
      </c>
      <c r="HQ22" s="159"/>
      <c r="HR22" s="69">
        <v>92</v>
      </c>
      <c r="HS22" s="69">
        <v>90</v>
      </c>
      <c r="HT22" s="69">
        <v>49</v>
      </c>
      <c r="HU22" s="69">
        <v>34</v>
      </c>
      <c r="HV22" s="69">
        <v>32</v>
      </c>
      <c r="HW22" s="70">
        <v>297</v>
      </c>
      <c r="HX22" s="71">
        <v>384</v>
      </c>
      <c r="HY22" s="84">
        <v>84</v>
      </c>
      <c r="HZ22" s="69">
        <v>80</v>
      </c>
      <c r="IA22" s="70">
        <v>164</v>
      </c>
      <c r="IB22" s="159"/>
      <c r="IC22" s="69">
        <v>149</v>
      </c>
      <c r="ID22" s="69">
        <v>113</v>
      </c>
      <c r="IE22" s="69">
        <v>72</v>
      </c>
      <c r="IF22" s="69">
        <v>67</v>
      </c>
      <c r="IG22" s="69">
        <v>51</v>
      </c>
      <c r="IH22" s="70">
        <v>452</v>
      </c>
      <c r="II22" s="71">
        <v>616</v>
      </c>
      <c r="IJ22" s="68">
        <v>140</v>
      </c>
      <c r="IK22" s="69">
        <v>145</v>
      </c>
      <c r="IL22" s="70">
        <v>285</v>
      </c>
      <c r="IM22" s="159"/>
      <c r="IN22" s="69">
        <v>235</v>
      </c>
      <c r="IO22" s="69">
        <v>194</v>
      </c>
      <c r="IP22" s="69">
        <v>125</v>
      </c>
      <c r="IQ22" s="69">
        <v>97</v>
      </c>
      <c r="IR22" s="69">
        <v>73</v>
      </c>
      <c r="IS22" s="70">
        <v>724</v>
      </c>
      <c r="IT22" s="71">
        <v>1009</v>
      </c>
      <c r="IU22" s="84">
        <v>102</v>
      </c>
      <c r="IV22" s="69">
        <v>156</v>
      </c>
      <c r="IW22" s="70">
        <v>258</v>
      </c>
      <c r="IX22" s="159"/>
      <c r="IY22" s="69">
        <v>258</v>
      </c>
      <c r="IZ22" s="69">
        <v>179</v>
      </c>
      <c r="JA22" s="69">
        <v>177</v>
      </c>
      <c r="JB22" s="69">
        <v>107</v>
      </c>
      <c r="JC22" s="69">
        <v>59</v>
      </c>
      <c r="JD22" s="70">
        <v>780</v>
      </c>
      <c r="JE22" s="71">
        <v>1038</v>
      </c>
      <c r="JF22" s="68">
        <v>55</v>
      </c>
      <c r="JG22" s="69">
        <v>119</v>
      </c>
      <c r="JH22" s="70">
        <v>174</v>
      </c>
      <c r="JI22" s="159"/>
      <c r="JJ22" s="69">
        <v>212</v>
      </c>
      <c r="JK22" s="69">
        <v>201</v>
      </c>
      <c r="JL22" s="69">
        <v>193</v>
      </c>
      <c r="JM22" s="69">
        <v>190</v>
      </c>
      <c r="JN22" s="69">
        <v>106</v>
      </c>
      <c r="JO22" s="70">
        <v>902</v>
      </c>
      <c r="JP22" s="71">
        <v>1076</v>
      </c>
      <c r="JQ22" s="68">
        <v>4</v>
      </c>
      <c r="JR22" s="69">
        <v>14</v>
      </c>
      <c r="JS22" s="70">
        <v>18</v>
      </c>
      <c r="JT22" s="159"/>
      <c r="JU22" s="69">
        <v>22</v>
      </c>
      <c r="JV22" s="69">
        <v>21</v>
      </c>
      <c r="JW22" s="69">
        <v>18</v>
      </c>
      <c r="JX22" s="69">
        <v>11</v>
      </c>
      <c r="JY22" s="69">
        <v>12</v>
      </c>
      <c r="JZ22" s="70">
        <v>84</v>
      </c>
      <c r="KA22" s="71">
        <v>102</v>
      </c>
      <c r="KB22" s="68">
        <v>444</v>
      </c>
      <c r="KC22" s="69">
        <v>582</v>
      </c>
      <c r="KD22" s="70">
        <v>1026</v>
      </c>
      <c r="KE22" s="159"/>
      <c r="KF22" s="69">
        <v>1001</v>
      </c>
      <c r="KG22" s="69">
        <v>835</v>
      </c>
      <c r="KH22" s="69">
        <v>657</v>
      </c>
      <c r="KI22" s="69">
        <v>514</v>
      </c>
      <c r="KJ22" s="69">
        <v>344</v>
      </c>
      <c r="KK22" s="70">
        <v>3351</v>
      </c>
      <c r="KL22" s="71">
        <v>4377</v>
      </c>
    </row>
    <row r="23" spans="1:298" ht="19.5" customHeight="1" x14ac:dyDescent="0.2">
      <c r="A23" s="111" t="s">
        <v>20</v>
      </c>
      <c r="B23" s="215">
        <v>240</v>
      </c>
      <c r="C23" s="80">
        <v>317</v>
      </c>
      <c r="D23" s="81">
        <v>557</v>
      </c>
      <c r="E23" s="159"/>
      <c r="F23" s="80">
        <v>531</v>
      </c>
      <c r="G23" s="80">
        <v>343</v>
      </c>
      <c r="H23" s="80">
        <v>238</v>
      </c>
      <c r="I23" s="80">
        <v>186</v>
      </c>
      <c r="J23" s="80">
        <v>100</v>
      </c>
      <c r="K23" s="82">
        <v>1398</v>
      </c>
      <c r="L23" s="83">
        <v>1955</v>
      </c>
      <c r="M23" s="68">
        <v>11</v>
      </c>
      <c r="N23" s="69">
        <v>10</v>
      </c>
      <c r="O23" s="70">
        <v>21</v>
      </c>
      <c r="P23" s="159"/>
      <c r="Q23" s="69">
        <v>26</v>
      </c>
      <c r="R23" s="69">
        <v>18</v>
      </c>
      <c r="S23" s="69">
        <v>13</v>
      </c>
      <c r="T23" s="69">
        <v>13</v>
      </c>
      <c r="U23" s="69">
        <v>5</v>
      </c>
      <c r="V23" s="70">
        <v>75</v>
      </c>
      <c r="W23" s="71">
        <v>96</v>
      </c>
      <c r="X23" s="68">
        <v>21</v>
      </c>
      <c r="Y23" s="69">
        <v>33</v>
      </c>
      <c r="Z23" s="70">
        <v>54</v>
      </c>
      <c r="AA23" s="159"/>
      <c r="AB23" s="69">
        <v>71</v>
      </c>
      <c r="AC23" s="69">
        <v>40</v>
      </c>
      <c r="AD23" s="69">
        <v>36</v>
      </c>
      <c r="AE23" s="69">
        <v>19</v>
      </c>
      <c r="AF23" s="69">
        <v>20</v>
      </c>
      <c r="AG23" s="70">
        <v>186</v>
      </c>
      <c r="AH23" s="71">
        <v>240</v>
      </c>
      <c r="AI23" s="68">
        <v>61</v>
      </c>
      <c r="AJ23" s="69">
        <v>54</v>
      </c>
      <c r="AK23" s="70">
        <v>115</v>
      </c>
      <c r="AL23" s="159"/>
      <c r="AM23" s="69">
        <v>93</v>
      </c>
      <c r="AN23" s="69">
        <v>69</v>
      </c>
      <c r="AO23" s="69">
        <v>41</v>
      </c>
      <c r="AP23" s="69">
        <v>46</v>
      </c>
      <c r="AQ23" s="69">
        <v>24</v>
      </c>
      <c r="AR23" s="70">
        <v>273</v>
      </c>
      <c r="AS23" s="71">
        <v>388</v>
      </c>
      <c r="AT23" s="68">
        <v>59</v>
      </c>
      <c r="AU23" s="69">
        <v>102</v>
      </c>
      <c r="AV23" s="70">
        <v>161</v>
      </c>
      <c r="AW23" s="159"/>
      <c r="AX23" s="69">
        <v>158</v>
      </c>
      <c r="AY23" s="69">
        <v>103</v>
      </c>
      <c r="AZ23" s="69">
        <v>65</v>
      </c>
      <c r="BA23" s="69">
        <v>37</v>
      </c>
      <c r="BB23" s="69">
        <v>25</v>
      </c>
      <c r="BC23" s="70">
        <v>388</v>
      </c>
      <c r="BD23" s="71">
        <v>549</v>
      </c>
      <c r="BE23" s="68">
        <v>53</v>
      </c>
      <c r="BF23" s="69">
        <v>75</v>
      </c>
      <c r="BG23" s="70">
        <v>128</v>
      </c>
      <c r="BH23" s="159"/>
      <c r="BI23" s="69">
        <v>127</v>
      </c>
      <c r="BJ23" s="69">
        <v>76</v>
      </c>
      <c r="BK23" s="69">
        <v>48</v>
      </c>
      <c r="BL23" s="69">
        <v>40</v>
      </c>
      <c r="BM23" s="69">
        <v>21</v>
      </c>
      <c r="BN23" s="70">
        <v>312</v>
      </c>
      <c r="BO23" s="71">
        <v>440</v>
      </c>
      <c r="BP23" s="68">
        <v>35</v>
      </c>
      <c r="BQ23" s="69">
        <v>43</v>
      </c>
      <c r="BR23" s="70">
        <v>78</v>
      </c>
      <c r="BS23" s="159"/>
      <c r="BT23" s="69">
        <v>56</v>
      </c>
      <c r="BU23" s="69">
        <v>37</v>
      </c>
      <c r="BV23" s="69">
        <v>35</v>
      </c>
      <c r="BW23" s="69">
        <v>31</v>
      </c>
      <c r="BX23" s="69">
        <v>5</v>
      </c>
      <c r="BY23" s="70">
        <v>164</v>
      </c>
      <c r="BZ23" s="71">
        <v>242</v>
      </c>
      <c r="CA23" s="68">
        <v>3</v>
      </c>
      <c r="CB23" s="69">
        <v>16</v>
      </c>
      <c r="CC23" s="70">
        <v>19</v>
      </c>
      <c r="CD23" s="159"/>
      <c r="CE23" s="69">
        <v>26</v>
      </c>
      <c r="CF23" s="69">
        <v>13</v>
      </c>
      <c r="CG23" s="69">
        <v>14</v>
      </c>
      <c r="CH23" s="69">
        <v>12</v>
      </c>
      <c r="CI23" s="69">
        <v>3</v>
      </c>
      <c r="CJ23" s="70">
        <v>68</v>
      </c>
      <c r="CK23" s="71">
        <v>87</v>
      </c>
      <c r="CL23" s="68">
        <v>243</v>
      </c>
      <c r="CM23" s="69">
        <v>333</v>
      </c>
      <c r="CN23" s="70">
        <v>576</v>
      </c>
      <c r="CO23" s="159"/>
      <c r="CP23" s="69">
        <v>557</v>
      </c>
      <c r="CQ23" s="69">
        <v>356</v>
      </c>
      <c r="CR23" s="69">
        <v>252</v>
      </c>
      <c r="CS23" s="69">
        <v>198</v>
      </c>
      <c r="CT23" s="69">
        <v>103</v>
      </c>
      <c r="CU23" s="70">
        <v>1466</v>
      </c>
      <c r="CV23" s="71">
        <v>2042</v>
      </c>
      <c r="CW23" s="108">
        <v>432</v>
      </c>
      <c r="CX23" s="80">
        <v>578</v>
      </c>
      <c r="CY23" s="81">
        <v>1010</v>
      </c>
      <c r="CZ23" s="159"/>
      <c r="DA23" s="80">
        <v>831</v>
      </c>
      <c r="DB23" s="80">
        <v>468</v>
      </c>
      <c r="DC23" s="80">
        <v>437</v>
      </c>
      <c r="DD23" s="80">
        <v>414</v>
      </c>
      <c r="DE23" s="80">
        <v>241</v>
      </c>
      <c r="DF23" s="82">
        <v>2391</v>
      </c>
      <c r="DG23" s="83">
        <v>3401</v>
      </c>
      <c r="DH23" s="68">
        <v>10</v>
      </c>
      <c r="DI23" s="69">
        <v>15</v>
      </c>
      <c r="DJ23" s="70">
        <v>25</v>
      </c>
      <c r="DK23" s="159"/>
      <c r="DL23" s="69">
        <v>22</v>
      </c>
      <c r="DM23" s="69">
        <v>10</v>
      </c>
      <c r="DN23" s="69">
        <v>8</v>
      </c>
      <c r="DO23" s="69">
        <v>16</v>
      </c>
      <c r="DP23" s="69">
        <v>8</v>
      </c>
      <c r="DQ23" s="70">
        <v>64</v>
      </c>
      <c r="DR23" s="71">
        <v>89</v>
      </c>
      <c r="DS23" s="68">
        <v>41</v>
      </c>
      <c r="DT23" s="69">
        <v>47</v>
      </c>
      <c r="DU23" s="70">
        <v>88</v>
      </c>
      <c r="DV23" s="159"/>
      <c r="DW23" s="69">
        <v>73</v>
      </c>
      <c r="DX23" s="69">
        <v>26</v>
      </c>
      <c r="DY23" s="69">
        <v>16</v>
      </c>
      <c r="DZ23" s="69">
        <v>21</v>
      </c>
      <c r="EA23" s="69">
        <v>19</v>
      </c>
      <c r="EB23" s="70">
        <v>155</v>
      </c>
      <c r="EC23" s="71">
        <v>243</v>
      </c>
      <c r="ED23" s="68">
        <v>84</v>
      </c>
      <c r="EE23" s="69">
        <v>83</v>
      </c>
      <c r="EF23" s="70">
        <v>167</v>
      </c>
      <c r="EG23" s="159"/>
      <c r="EH23" s="69">
        <v>122</v>
      </c>
      <c r="EI23" s="69">
        <v>56</v>
      </c>
      <c r="EJ23" s="69">
        <v>33</v>
      </c>
      <c r="EK23" s="69">
        <v>40</v>
      </c>
      <c r="EL23" s="69">
        <v>31</v>
      </c>
      <c r="EM23" s="70">
        <v>282</v>
      </c>
      <c r="EN23" s="71">
        <v>449</v>
      </c>
      <c r="EO23" s="68">
        <v>131</v>
      </c>
      <c r="EP23" s="69">
        <v>176</v>
      </c>
      <c r="EQ23" s="70">
        <v>307</v>
      </c>
      <c r="ER23" s="159"/>
      <c r="ES23" s="69">
        <v>192</v>
      </c>
      <c r="ET23" s="69">
        <v>97</v>
      </c>
      <c r="EU23" s="69">
        <v>86</v>
      </c>
      <c r="EV23" s="69">
        <v>81</v>
      </c>
      <c r="EW23" s="69">
        <v>47</v>
      </c>
      <c r="EX23" s="70">
        <v>503</v>
      </c>
      <c r="EY23" s="71">
        <v>810</v>
      </c>
      <c r="EZ23" s="68">
        <v>120</v>
      </c>
      <c r="FA23" s="69">
        <v>146</v>
      </c>
      <c r="FB23" s="70">
        <v>266</v>
      </c>
      <c r="FC23" s="159"/>
      <c r="FD23" s="69">
        <v>233</v>
      </c>
      <c r="FE23" s="69">
        <v>132</v>
      </c>
      <c r="FF23" s="69">
        <v>130</v>
      </c>
      <c r="FG23" s="69">
        <v>107</v>
      </c>
      <c r="FH23" s="69">
        <v>69</v>
      </c>
      <c r="FI23" s="70">
        <v>671</v>
      </c>
      <c r="FJ23" s="71">
        <v>937</v>
      </c>
      <c r="FK23" s="68">
        <v>46</v>
      </c>
      <c r="FL23" s="69">
        <v>111</v>
      </c>
      <c r="FM23" s="70">
        <v>157</v>
      </c>
      <c r="FN23" s="159"/>
      <c r="FO23" s="69">
        <v>189</v>
      </c>
      <c r="FP23" s="69">
        <v>147</v>
      </c>
      <c r="FQ23" s="69">
        <v>164</v>
      </c>
      <c r="FR23" s="69">
        <v>149</v>
      </c>
      <c r="FS23" s="69">
        <v>67</v>
      </c>
      <c r="FT23" s="70">
        <v>716</v>
      </c>
      <c r="FU23" s="71">
        <v>873</v>
      </c>
      <c r="FV23" s="68">
        <v>6</v>
      </c>
      <c r="FW23" s="69">
        <v>14</v>
      </c>
      <c r="FX23" s="70">
        <v>20</v>
      </c>
      <c r="FY23" s="159"/>
      <c r="FZ23" s="69">
        <v>13</v>
      </c>
      <c r="GA23" s="69">
        <v>8</v>
      </c>
      <c r="GB23" s="69">
        <v>5</v>
      </c>
      <c r="GC23" s="69">
        <v>9</v>
      </c>
      <c r="GD23" s="69">
        <v>5</v>
      </c>
      <c r="GE23" s="70">
        <v>40</v>
      </c>
      <c r="GF23" s="71">
        <v>60</v>
      </c>
      <c r="GG23" s="68">
        <v>438</v>
      </c>
      <c r="GH23" s="69">
        <v>592</v>
      </c>
      <c r="GI23" s="70">
        <v>1030</v>
      </c>
      <c r="GJ23" s="159"/>
      <c r="GK23" s="69">
        <v>844</v>
      </c>
      <c r="GL23" s="69">
        <v>476</v>
      </c>
      <c r="GM23" s="69">
        <v>442</v>
      </c>
      <c r="GN23" s="69">
        <v>423</v>
      </c>
      <c r="GO23" s="69">
        <v>246</v>
      </c>
      <c r="GP23" s="70">
        <v>2431</v>
      </c>
      <c r="GQ23" s="71">
        <v>3461</v>
      </c>
      <c r="GR23" s="108">
        <v>672</v>
      </c>
      <c r="GS23" s="80">
        <v>895</v>
      </c>
      <c r="GT23" s="81">
        <v>1567</v>
      </c>
      <c r="GU23" s="159"/>
      <c r="GV23" s="80">
        <v>1362</v>
      </c>
      <c r="GW23" s="80">
        <v>811</v>
      </c>
      <c r="GX23" s="80">
        <v>675</v>
      </c>
      <c r="GY23" s="80">
        <v>600</v>
      </c>
      <c r="GZ23" s="80">
        <v>341</v>
      </c>
      <c r="HA23" s="82">
        <v>3789</v>
      </c>
      <c r="HB23" s="83">
        <v>5356</v>
      </c>
      <c r="HC23" s="68">
        <v>21</v>
      </c>
      <c r="HD23" s="69">
        <v>25</v>
      </c>
      <c r="HE23" s="70">
        <v>46</v>
      </c>
      <c r="HF23" s="159"/>
      <c r="HG23" s="69">
        <v>48</v>
      </c>
      <c r="HH23" s="69">
        <v>28</v>
      </c>
      <c r="HI23" s="69">
        <v>21</v>
      </c>
      <c r="HJ23" s="69">
        <v>29</v>
      </c>
      <c r="HK23" s="69">
        <v>13</v>
      </c>
      <c r="HL23" s="70">
        <v>139</v>
      </c>
      <c r="HM23" s="71">
        <v>185</v>
      </c>
      <c r="HN23" s="68">
        <v>62</v>
      </c>
      <c r="HO23" s="69">
        <v>80</v>
      </c>
      <c r="HP23" s="70">
        <v>142</v>
      </c>
      <c r="HQ23" s="159"/>
      <c r="HR23" s="69">
        <v>144</v>
      </c>
      <c r="HS23" s="69">
        <v>66</v>
      </c>
      <c r="HT23" s="69">
        <v>52</v>
      </c>
      <c r="HU23" s="69">
        <v>40</v>
      </c>
      <c r="HV23" s="69">
        <v>39</v>
      </c>
      <c r="HW23" s="70">
        <v>341</v>
      </c>
      <c r="HX23" s="71">
        <v>483</v>
      </c>
      <c r="HY23" s="68">
        <v>145</v>
      </c>
      <c r="HZ23" s="69">
        <v>137</v>
      </c>
      <c r="IA23" s="70">
        <v>282</v>
      </c>
      <c r="IB23" s="159"/>
      <c r="IC23" s="69">
        <v>215</v>
      </c>
      <c r="ID23" s="69">
        <v>125</v>
      </c>
      <c r="IE23" s="69">
        <v>74</v>
      </c>
      <c r="IF23" s="69">
        <v>86</v>
      </c>
      <c r="IG23" s="69">
        <v>55</v>
      </c>
      <c r="IH23" s="70">
        <v>555</v>
      </c>
      <c r="II23" s="71">
        <v>837</v>
      </c>
      <c r="IJ23" s="68">
        <v>190</v>
      </c>
      <c r="IK23" s="69">
        <v>278</v>
      </c>
      <c r="IL23" s="70">
        <v>468</v>
      </c>
      <c r="IM23" s="159"/>
      <c r="IN23" s="69">
        <v>350</v>
      </c>
      <c r="IO23" s="69">
        <v>200</v>
      </c>
      <c r="IP23" s="69">
        <v>151</v>
      </c>
      <c r="IQ23" s="69">
        <v>118</v>
      </c>
      <c r="IR23" s="69">
        <v>72</v>
      </c>
      <c r="IS23" s="70">
        <v>891</v>
      </c>
      <c r="IT23" s="71">
        <v>1359</v>
      </c>
      <c r="IU23" s="68">
        <v>173</v>
      </c>
      <c r="IV23" s="69">
        <v>221</v>
      </c>
      <c r="IW23" s="70">
        <v>394</v>
      </c>
      <c r="IX23" s="159"/>
      <c r="IY23" s="69">
        <v>360</v>
      </c>
      <c r="IZ23" s="69">
        <v>208</v>
      </c>
      <c r="JA23" s="69">
        <v>178</v>
      </c>
      <c r="JB23" s="69">
        <v>147</v>
      </c>
      <c r="JC23" s="69">
        <v>90</v>
      </c>
      <c r="JD23" s="70">
        <v>983</v>
      </c>
      <c r="JE23" s="71">
        <v>1377</v>
      </c>
      <c r="JF23" s="68">
        <v>81</v>
      </c>
      <c r="JG23" s="69">
        <v>154</v>
      </c>
      <c r="JH23" s="70">
        <v>235</v>
      </c>
      <c r="JI23" s="159"/>
      <c r="JJ23" s="69">
        <v>245</v>
      </c>
      <c r="JK23" s="69">
        <v>184</v>
      </c>
      <c r="JL23" s="69">
        <v>199</v>
      </c>
      <c r="JM23" s="69">
        <v>180</v>
      </c>
      <c r="JN23" s="69">
        <v>72</v>
      </c>
      <c r="JO23" s="70">
        <v>880</v>
      </c>
      <c r="JP23" s="71">
        <v>1115</v>
      </c>
      <c r="JQ23" s="68">
        <v>9</v>
      </c>
      <c r="JR23" s="69">
        <v>30</v>
      </c>
      <c r="JS23" s="70">
        <v>39</v>
      </c>
      <c r="JT23" s="159"/>
      <c r="JU23" s="69">
        <v>39</v>
      </c>
      <c r="JV23" s="69">
        <v>21</v>
      </c>
      <c r="JW23" s="69">
        <v>19</v>
      </c>
      <c r="JX23" s="69">
        <v>21</v>
      </c>
      <c r="JY23" s="69">
        <v>8</v>
      </c>
      <c r="JZ23" s="70">
        <v>108</v>
      </c>
      <c r="KA23" s="71">
        <v>147</v>
      </c>
      <c r="KB23" s="68">
        <v>681</v>
      </c>
      <c r="KC23" s="69">
        <v>925</v>
      </c>
      <c r="KD23" s="70">
        <v>1606</v>
      </c>
      <c r="KE23" s="159"/>
      <c r="KF23" s="69">
        <v>1401</v>
      </c>
      <c r="KG23" s="69">
        <v>832</v>
      </c>
      <c r="KH23" s="69">
        <v>694</v>
      </c>
      <c r="KI23" s="69">
        <v>621</v>
      </c>
      <c r="KJ23" s="69">
        <v>349</v>
      </c>
      <c r="KK23" s="70">
        <v>3897</v>
      </c>
      <c r="KL23" s="71">
        <v>5503</v>
      </c>
    </row>
    <row r="24" spans="1:298" ht="19.5" customHeight="1" x14ac:dyDescent="0.2">
      <c r="A24" s="111" t="s">
        <v>21</v>
      </c>
      <c r="B24" s="215">
        <v>277</v>
      </c>
      <c r="C24" s="80">
        <v>232</v>
      </c>
      <c r="D24" s="81">
        <v>509</v>
      </c>
      <c r="E24" s="159"/>
      <c r="F24" s="80">
        <v>404</v>
      </c>
      <c r="G24" s="80">
        <v>436</v>
      </c>
      <c r="H24" s="80">
        <v>288</v>
      </c>
      <c r="I24" s="80">
        <v>226</v>
      </c>
      <c r="J24" s="80">
        <v>97</v>
      </c>
      <c r="K24" s="82">
        <v>1451</v>
      </c>
      <c r="L24" s="83">
        <v>1960</v>
      </c>
      <c r="M24" s="68">
        <v>14</v>
      </c>
      <c r="N24" s="69">
        <v>15</v>
      </c>
      <c r="O24" s="70">
        <v>29</v>
      </c>
      <c r="P24" s="159"/>
      <c r="Q24" s="69">
        <v>18</v>
      </c>
      <c r="R24" s="69">
        <v>24</v>
      </c>
      <c r="S24" s="69">
        <v>19</v>
      </c>
      <c r="T24" s="69">
        <v>15</v>
      </c>
      <c r="U24" s="69">
        <v>7</v>
      </c>
      <c r="V24" s="70">
        <v>83</v>
      </c>
      <c r="W24" s="71">
        <v>112</v>
      </c>
      <c r="X24" s="68">
        <v>33</v>
      </c>
      <c r="Y24" s="69">
        <v>32</v>
      </c>
      <c r="Z24" s="70">
        <v>65</v>
      </c>
      <c r="AA24" s="159"/>
      <c r="AB24" s="69">
        <v>35</v>
      </c>
      <c r="AC24" s="69">
        <v>59</v>
      </c>
      <c r="AD24" s="69">
        <v>41</v>
      </c>
      <c r="AE24" s="69">
        <v>39</v>
      </c>
      <c r="AF24" s="69">
        <v>13</v>
      </c>
      <c r="AG24" s="70">
        <v>187</v>
      </c>
      <c r="AH24" s="71">
        <v>252</v>
      </c>
      <c r="AI24" s="68">
        <v>56</v>
      </c>
      <c r="AJ24" s="69">
        <v>37</v>
      </c>
      <c r="AK24" s="70">
        <v>93</v>
      </c>
      <c r="AL24" s="159"/>
      <c r="AM24" s="69">
        <v>68</v>
      </c>
      <c r="AN24" s="69">
        <v>76</v>
      </c>
      <c r="AO24" s="69">
        <v>54</v>
      </c>
      <c r="AP24" s="69">
        <v>36</v>
      </c>
      <c r="AQ24" s="69">
        <v>13</v>
      </c>
      <c r="AR24" s="70">
        <v>247</v>
      </c>
      <c r="AS24" s="71">
        <v>340</v>
      </c>
      <c r="AT24" s="68">
        <v>71</v>
      </c>
      <c r="AU24" s="69">
        <v>70</v>
      </c>
      <c r="AV24" s="70">
        <v>141</v>
      </c>
      <c r="AW24" s="159"/>
      <c r="AX24" s="69">
        <v>109</v>
      </c>
      <c r="AY24" s="69">
        <v>113</v>
      </c>
      <c r="AZ24" s="69">
        <v>73</v>
      </c>
      <c r="BA24" s="69">
        <v>49</v>
      </c>
      <c r="BB24" s="69">
        <v>27</v>
      </c>
      <c r="BC24" s="70">
        <v>371</v>
      </c>
      <c r="BD24" s="71">
        <v>512</v>
      </c>
      <c r="BE24" s="68">
        <v>72</v>
      </c>
      <c r="BF24" s="69">
        <v>55</v>
      </c>
      <c r="BG24" s="70">
        <v>127</v>
      </c>
      <c r="BH24" s="159"/>
      <c r="BI24" s="69">
        <v>119</v>
      </c>
      <c r="BJ24" s="69">
        <v>105</v>
      </c>
      <c r="BK24" s="69">
        <v>64</v>
      </c>
      <c r="BL24" s="69">
        <v>59</v>
      </c>
      <c r="BM24" s="69">
        <v>23</v>
      </c>
      <c r="BN24" s="70">
        <v>370</v>
      </c>
      <c r="BO24" s="71">
        <v>497</v>
      </c>
      <c r="BP24" s="68">
        <v>31</v>
      </c>
      <c r="BQ24" s="69">
        <v>23</v>
      </c>
      <c r="BR24" s="70">
        <v>54</v>
      </c>
      <c r="BS24" s="159"/>
      <c r="BT24" s="69">
        <v>55</v>
      </c>
      <c r="BU24" s="69">
        <v>59</v>
      </c>
      <c r="BV24" s="69">
        <v>37</v>
      </c>
      <c r="BW24" s="69">
        <v>28</v>
      </c>
      <c r="BX24" s="69">
        <v>14</v>
      </c>
      <c r="BY24" s="70">
        <v>193</v>
      </c>
      <c r="BZ24" s="71">
        <v>247</v>
      </c>
      <c r="CA24" s="68">
        <v>4</v>
      </c>
      <c r="CB24" s="69">
        <v>16</v>
      </c>
      <c r="CC24" s="70">
        <v>20</v>
      </c>
      <c r="CD24" s="159"/>
      <c r="CE24" s="69">
        <v>13</v>
      </c>
      <c r="CF24" s="69">
        <v>18</v>
      </c>
      <c r="CG24" s="69">
        <v>5</v>
      </c>
      <c r="CH24" s="69">
        <v>6</v>
      </c>
      <c r="CI24" s="69">
        <v>13</v>
      </c>
      <c r="CJ24" s="70">
        <v>55</v>
      </c>
      <c r="CK24" s="71">
        <v>75</v>
      </c>
      <c r="CL24" s="68">
        <v>281</v>
      </c>
      <c r="CM24" s="69">
        <v>248</v>
      </c>
      <c r="CN24" s="70">
        <v>529</v>
      </c>
      <c r="CO24" s="159"/>
      <c r="CP24" s="69">
        <v>417</v>
      </c>
      <c r="CQ24" s="69">
        <v>454</v>
      </c>
      <c r="CR24" s="69">
        <v>293</v>
      </c>
      <c r="CS24" s="69">
        <v>232</v>
      </c>
      <c r="CT24" s="69">
        <v>110</v>
      </c>
      <c r="CU24" s="70">
        <v>1506</v>
      </c>
      <c r="CV24" s="71">
        <v>2035</v>
      </c>
      <c r="CW24" s="108">
        <v>510</v>
      </c>
      <c r="CX24" s="80">
        <v>588</v>
      </c>
      <c r="CY24" s="81">
        <v>1098</v>
      </c>
      <c r="CZ24" s="159"/>
      <c r="DA24" s="80">
        <v>656</v>
      </c>
      <c r="DB24" s="80">
        <v>697</v>
      </c>
      <c r="DC24" s="80">
        <v>511</v>
      </c>
      <c r="DD24" s="80">
        <v>430</v>
      </c>
      <c r="DE24" s="80">
        <v>341</v>
      </c>
      <c r="DF24" s="82">
        <v>2635</v>
      </c>
      <c r="DG24" s="83">
        <v>3733</v>
      </c>
      <c r="DH24" s="68">
        <v>18</v>
      </c>
      <c r="DI24" s="69">
        <v>16</v>
      </c>
      <c r="DJ24" s="70">
        <v>34</v>
      </c>
      <c r="DK24" s="159"/>
      <c r="DL24" s="69">
        <v>16</v>
      </c>
      <c r="DM24" s="69">
        <v>16</v>
      </c>
      <c r="DN24" s="69">
        <v>18</v>
      </c>
      <c r="DO24" s="69">
        <v>12</v>
      </c>
      <c r="DP24" s="69">
        <v>10</v>
      </c>
      <c r="DQ24" s="70">
        <v>72</v>
      </c>
      <c r="DR24" s="71">
        <v>106</v>
      </c>
      <c r="DS24" s="68">
        <v>46</v>
      </c>
      <c r="DT24" s="69">
        <v>53</v>
      </c>
      <c r="DU24" s="70">
        <v>99</v>
      </c>
      <c r="DV24" s="159"/>
      <c r="DW24" s="69">
        <v>46</v>
      </c>
      <c r="DX24" s="69">
        <v>39</v>
      </c>
      <c r="DY24" s="69">
        <v>29</v>
      </c>
      <c r="DZ24" s="69">
        <v>24</v>
      </c>
      <c r="EA24" s="69">
        <v>27</v>
      </c>
      <c r="EB24" s="70">
        <v>165</v>
      </c>
      <c r="EC24" s="71">
        <v>264</v>
      </c>
      <c r="ED24" s="68">
        <v>94</v>
      </c>
      <c r="EE24" s="69">
        <v>98</v>
      </c>
      <c r="EF24" s="70">
        <v>192</v>
      </c>
      <c r="EG24" s="159"/>
      <c r="EH24" s="69">
        <v>92</v>
      </c>
      <c r="EI24" s="69">
        <v>90</v>
      </c>
      <c r="EJ24" s="69">
        <v>60</v>
      </c>
      <c r="EK24" s="69">
        <v>43</v>
      </c>
      <c r="EL24" s="69">
        <v>38</v>
      </c>
      <c r="EM24" s="70">
        <v>323</v>
      </c>
      <c r="EN24" s="71">
        <v>515</v>
      </c>
      <c r="EO24" s="68">
        <v>165</v>
      </c>
      <c r="EP24" s="69">
        <v>149</v>
      </c>
      <c r="EQ24" s="70">
        <v>314</v>
      </c>
      <c r="ER24" s="159"/>
      <c r="ES24" s="69">
        <v>176</v>
      </c>
      <c r="ET24" s="69">
        <v>142</v>
      </c>
      <c r="EU24" s="69">
        <v>117</v>
      </c>
      <c r="EV24" s="69">
        <v>86</v>
      </c>
      <c r="EW24" s="69">
        <v>84</v>
      </c>
      <c r="EX24" s="70">
        <v>605</v>
      </c>
      <c r="EY24" s="71">
        <v>919</v>
      </c>
      <c r="EZ24" s="68">
        <v>128</v>
      </c>
      <c r="FA24" s="69">
        <v>178</v>
      </c>
      <c r="FB24" s="70">
        <v>306</v>
      </c>
      <c r="FC24" s="159"/>
      <c r="FD24" s="69">
        <v>181</v>
      </c>
      <c r="FE24" s="69">
        <v>210</v>
      </c>
      <c r="FF24" s="69">
        <v>128</v>
      </c>
      <c r="FG24" s="69">
        <v>123</v>
      </c>
      <c r="FH24" s="69">
        <v>79</v>
      </c>
      <c r="FI24" s="70">
        <v>721</v>
      </c>
      <c r="FJ24" s="71">
        <v>1027</v>
      </c>
      <c r="FK24" s="68">
        <v>59</v>
      </c>
      <c r="FL24" s="69">
        <v>94</v>
      </c>
      <c r="FM24" s="70">
        <v>153</v>
      </c>
      <c r="FN24" s="159"/>
      <c r="FO24" s="69">
        <v>145</v>
      </c>
      <c r="FP24" s="69">
        <v>200</v>
      </c>
      <c r="FQ24" s="69">
        <v>159</v>
      </c>
      <c r="FR24" s="69">
        <v>142</v>
      </c>
      <c r="FS24" s="69">
        <v>103</v>
      </c>
      <c r="FT24" s="70">
        <v>749</v>
      </c>
      <c r="FU24" s="71">
        <v>902</v>
      </c>
      <c r="FV24" s="68">
        <v>6</v>
      </c>
      <c r="FW24" s="69">
        <v>11</v>
      </c>
      <c r="FX24" s="70">
        <v>17</v>
      </c>
      <c r="FY24" s="159"/>
      <c r="FZ24" s="69">
        <v>7</v>
      </c>
      <c r="GA24" s="69">
        <v>22</v>
      </c>
      <c r="GB24" s="69">
        <v>6</v>
      </c>
      <c r="GC24" s="69">
        <v>7</v>
      </c>
      <c r="GD24" s="69">
        <v>5</v>
      </c>
      <c r="GE24" s="70">
        <v>47</v>
      </c>
      <c r="GF24" s="71">
        <v>64</v>
      </c>
      <c r="GG24" s="68">
        <v>516</v>
      </c>
      <c r="GH24" s="69">
        <v>599</v>
      </c>
      <c r="GI24" s="70">
        <v>1115</v>
      </c>
      <c r="GJ24" s="159"/>
      <c r="GK24" s="69">
        <v>663</v>
      </c>
      <c r="GL24" s="69">
        <v>719</v>
      </c>
      <c r="GM24" s="69">
        <v>517</v>
      </c>
      <c r="GN24" s="69">
        <v>437</v>
      </c>
      <c r="GO24" s="69">
        <v>346</v>
      </c>
      <c r="GP24" s="70">
        <v>2682</v>
      </c>
      <c r="GQ24" s="71">
        <v>3797</v>
      </c>
      <c r="GR24" s="108">
        <v>787</v>
      </c>
      <c r="GS24" s="80">
        <v>820</v>
      </c>
      <c r="GT24" s="81">
        <v>1607</v>
      </c>
      <c r="GU24" s="159"/>
      <c r="GV24" s="80">
        <v>1060</v>
      </c>
      <c r="GW24" s="80">
        <v>1133</v>
      </c>
      <c r="GX24" s="80">
        <v>799</v>
      </c>
      <c r="GY24" s="80">
        <v>656</v>
      </c>
      <c r="GZ24" s="80">
        <v>438</v>
      </c>
      <c r="HA24" s="82">
        <v>4086</v>
      </c>
      <c r="HB24" s="83">
        <v>5693</v>
      </c>
      <c r="HC24" s="68">
        <v>32</v>
      </c>
      <c r="HD24" s="69">
        <v>31</v>
      </c>
      <c r="HE24" s="70">
        <v>63</v>
      </c>
      <c r="HF24" s="159"/>
      <c r="HG24" s="69">
        <v>34</v>
      </c>
      <c r="HH24" s="69">
        <v>40</v>
      </c>
      <c r="HI24" s="69">
        <v>37</v>
      </c>
      <c r="HJ24" s="69">
        <v>27</v>
      </c>
      <c r="HK24" s="69">
        <v>17</v>
      </c>
      <c r="HL24" s="70">
        <v>155</v>
      </c>
      <c r="HM24" s="71">
        <v>218</v>
      </c>
      <c r="HN24" s="68">
        <v>79</v>
      </c>
      <c r="HO24" s="69">
        <v>85</v>
      </c>
      <c r="HP24" s="70">
        <v>164</v>
      </c>
      <c r="HQ24" s="159"/>
      <c r="HR24" s="69">
        <v>81</v>
      </c>
      <c r="HS24" s="69">
        <v>98</v>
      </c>
      <c r="HT24" s="69">
        <v>70</v>
      </c>
      <c r="HU24" s="69">
        <v>63</v>
      </c>
      <c r="HV24" s="69">
        <v>40</v>
      </c>
      <c r="HW24" s="70">
        <v>352</v>
      </c>
      <c r="HX24" s="71">
        <v>516</v>
      </c>
      <c r="HY24" s="68">
        <v>150</v>
      </c>
      <c r="HZ24" s="69">
        <v>135</v>
      </c>
      <c r="IA24" s="70">
        <v>285</v>
      </c>
      <c r="IB24" s="159"/>
      <c r="IC24" s="69">
        <v>160</v>
      </c>
      <c r="ID24" s="69">
        <v>166</v>
      </c>
      <c r="IE24" s="69">
        <v>114</v>
      </c>
      <c r="IF24" s="69">
        <v>79</v>
      </c>
      <c r="IG24" s="69">
        <v>51</v>
      </c>
      <c r="IH24" s="70">
        <v>570</v>
      </c>
      <c r="II24" s="71">
        <v>855</v>
      </c>
      <c r="IJ24" s="68">
        <v>236</v>
      </c>
      <c r="IK24" s="69">
        <v>219</v>
      </c>
      <c r="IL24" s="70">
        <v>455</v>
      </c>
      <c r="IM24" s="159"/>
      <c r="IN24" s="69">
        <v>285</v>
      </c>
      <c r="IO24" s="69">
        <v>255</v>
      </c>
      <c r="IP24" s="69">
        <v>190</v>
      </c>
      <c r="IQ24" s="69">
        <v>135</v>
      </c>
      <c r="IR24" s="69">
        <v>111</v>
      </c>
      <c r="IS24" s="70">
        <v>976</v>
      </c>
      <c r="IT24" s="71">
        <v>1431</v>
      </c>
      <c r="IU24" s="68">
        <v>200</v>
      </c>
      <c r="IV24" s="69">
        <v>233</v>
      </c>
      <c r="IW24" s="70">
        <v>433</v>
      </c>
      <c r="IX24" s="159"/>
      <c r="IY24" s="69">
        <v>300</v>
      </c>
      <c r="IZ24" s="69">
        <v>315</v>
      </c>
      <c r="JA24" s="69">
        <v>192</v>
      </c>
      <c r="JB24" s="69">
        <v>182</v>
      </c>
      <c r="JC24" s="69">
        <v>102</v>
      </c>
      <c r="JD24" s="70">
        <v>1091</v>
      </c>
      <c r="JE24" s="71">
        <v>1524</v>
      </c>
      <c r="JF24" s="68">
        <v>90</v>
      </c>
      <c r="JG24" s="69">
        <v>117</v>
      </c>
      <c r="JH24" s="70">
        <v>207</v>
      </c>
      <c r="JI24" s="159"/>
      <c r="JJ24" s="69">
        <v>200</v>
      </c>
      <c r="JK24" s="69">
        <v>259</v>
      </c>
      <c r="JL24" s="69">
        <v>196</v>
      </c>
      <c r="JM24" s="69">
        <v>170</v>
      </c>
      <c r="JN24" s="69">
        <v>117</v>
      </c>
      <c r="JO24" s="70">
        <v>942</v>
      </c>
      <c r="JP24" s="71">
        <v>1149</v>
      </c>
      <c r="JQ24" s="68">
        <v>10</v>
      </c>
      <c r="JR24" s="69">
        <v>27</v>
      </c>
      <c r="JS24" s="70">
        <v>37</v>
      </c>
      <c r="JT24" s="159"/>
      <c r="JU24" s="69">
        <v>20</v>
      </c>
      <c r="JV24" s="69">
        <v>40</v>
      </c>
      <c r="JW24" s="69">
        <v>11</v>
      </c>
      <c r="JX24" s="69">
        <v>13</v>
      </c>
      <c r="JY24" s="69">
        <v>18</v>
      </c>
      <c r="JZ24" s="70">
        <v>102</v>
      </c>
      <c r="KA24" s="71">
        <v>139</v>
      </c>
      <c r="KB24" s="68">
        <v>797</v>
      </c>
      <c r="KC24" s="69">
        <v>847</v>
      </c>
      <c r="KD24" s="70">
        <v>1644</v>
      </c>
      <c r="KE24" s="159"/>
      <c r="KF24" s="69">
        <v>1080</v>
      </c>
      <c r="KG24" s="69">
        <v>1173</v>
      </c>
      <c r="KH24" s="69">
        <v>810</v>
      </c>
      <c r="KI24" s="69">
        <v>669</v>
      </c>
      <c r="KJ24" s="69">
        <v>456</v>
      </c>
      <c r="KK24" s="70">
        <v>4188</v>
      </c>
      <c r="KL24" s="71">
        <v>5832</v>
      </c>
    </row>
    <row r="25" spans="1:298" ht="19.5" customHeight="1" x14ac:dyDescent="0.2">
      <c r="A25" s="111" t="s">
        <v>22</v>
      </c>
      <c r="B25" s="215">
        <v>85</v>
      </c>
      <c r="C25" s="80">
        <v>60</v>
      </c>
      <c r="D25" s="81">
        <v>145</v>
      </c>
      <c r="E25" s="159"/>
      <c r="F25" s="80">
        <v>189</v>
      </c>
      <c r="G25" s="80">
        <v>152</v>
      </c>
      <c r="H25" s="80">
        <v>91</v>
      </c>
      <c r="I25" s="80">
        <v>73</v>
      </c>
      <c r="J25" s="80">
        <v>49</v>
      </c>
      <c r="K25" s="82">
        <v>554</v>
      </c>
      <c r="L25" s="83">
        <v>699</v>
      </c>
      <c r="M25" s="68">
        <v>6</v>
      </c>
      <c r="N25" s="69">
        <v>2</v>
      </c>
      <c r="O25" s="70">
        <v>8</v>
      </c>
      <c r="P25" s="159"/>
      <c r="Q25" s="69">
        <v>5</v>
      </c>
      <c r="R25" s="69">
        <v>4</v>
      </c>
      <c r="S25" s="69">
        <v>1</v>
      </c>
      <c r="T25" s="69">
        <v>3</v>
      </c>
      <c r="U25" s="69">
        <v>5</v>
      </c>
      <c r="V25" s="70">
        <v>18</v>
      </c>
      <c r="W25" s="71">
        <v>26</v>
      </c>
      <c r="X25" s="68">
        <v>7</v>
      </c>
      <c r="Y25" s="69">
        <v>10</v>
      </c>
      <c r="Z25" s="70">
        <v>17</v>
      </c>
      <c r="AA25" s="159"/>
      <c r="AB25" s="69">
        <v>24</v>
      </c>
      <c r="AC25" s="69">
        <v>10</v>
      </c>
      <c r="AD25" s="69">
        <v>9</v>
      </c>
      <c r="AE25" s="69">
        <v>8</v>
      </c>
      <c r="AF25" s="69">
        <v>7</v>
      </c>
      <c r="AG25" s="70">
        <v>58</v>
      </c>
      <c r="AH25" s="71">
        <v>75</v>
      </c>
      <c r="AI25" s="68">
        <v>10</v>
      </c>
      <c r="AJ25" s="69">
        <v>7</v>
      </c>
      <c r="AK25" s="70">
        <v>17</v>
      </c>
      <c r="AL25" s="159"/>
      <c r="AM25" s="69">
        <v>31</v>
      </c>
      <c r="AN25" s="69">
        <v>20</v>
      </c>
      <c r="AO25" s="69">
        <v>15</v>
      </c>
      <c r="AP25" s="69">
        <v>8</v>
      </c>
      <c r="AQ25" s="69">
        <v>15</v>
      </c>
      <c r="AR25" s="70">
        <v>89</v>
      </c>
      <c r="AS25" s="71">
        <v>106</v>
      </c>
      <c r="AT25" s="68">
        <v>25</v>
      </c>
      <c r="AU25" s="69">
        <v>12</v>
      </c>
      <c r="AV25" s="70">
        <v>37</v>
      </c>
      <c r="AW25" s="159"/>
      <c r="AX25" s="69">
        <v>50</v>
      </c>
      <c r="AY25" s="69">
        <v>46</v>
      </c>
      <c r="AZ25" s="69">
        <v>24</v>
      </c>
      <c r="BA25" s="69">
        <v>16</v>
      </c>
      <c r="BB25" s="69">
        <v>10</v>
      </c>
      <c r="BC25" s="70">
        <v>146</v>
      </c>
      <c r="BD25" s="71">
        <v>183</v>
      </c>
      <c r="BE25" s="68">
        <v>20</v>
      </c>
      <c r="BF25" s="69">
        <v>21</v>
      </c>
      <c r="BG25" s="70">
        <v>41</v>
      </c>
      <c r="BH25" s="159"/>
      <c r="BI25" s="69">
        <v>52</v>
      </c>
      <c r="BJ25" s="69">
        <v>42</v>
      </c>
      <c r="BK25" s="69">
        <v>24</v>
      </c>
      <c r="BL25" s="69">
        <v>19</v>
      </c>
      <c r="BM25" s="69">
        <v>7</v>
      </c>
      <c r="BN25" s="70">
        <v>144</v>
      </c>
      <c r="BO25" s="71">
        <v>185</v>
      </c>
      <c r="BP25" s="68">
        <v>17</v>
      </c>
      <c r="BQ25" s="69">
        <v>8</v>
      </c>
      <c r="BR25" s="70">
        <v>25</v>
      </c>
      <c r="BS25" s="159"/>
      <c r="BT25" s="69">
        <v>27</v>
      </c>
      <c r="BU25" s="69">
        <v>30</v>
      </c>
      <c r="BV25" s="69">
        <v>18</v>
      </c>
      <c r="BW25" s="69">
        <v>19</v>
      </c>
      <c r="BX25" s="69">
        <v>5</v>
      </c>
      <c r="BY25" s="70">
        <v>99</v>
      </c>
      <c r="BZ25" s="71">
        <v>124</v>
      </c>
      <c r="CA25" s="68">
        <v>1</v>
      </c>
      <c r="CB25" s="69">
        <v>5</v>
      </c>
      <c r="CC25" s="70">
        <v>6</v>
      </c>
      <c r="CD25" s="159"/>
      <c r="CE25" s="69">
        <v>8</v>
      </c>
      <c r="CF25" s="69">
        <v>5</v>
      </c>
      <c r="CG25" s="69">
        <v>1</v>
      </c>
      <c r="CH25" s="69">
        <v>3</v>
      </c>
      <c r="CI25" s="69">
        <v>1</v>
      </c>
      <c r="CJ25" s="70">
        <v>18</v>
      </c>
      <c r="CK25" s="71">
        <v>24</v>
      </c>
      <c r="CL25" s="68">
        <v>86</v>
      </c>
      <c r="CM25" s="69">
        <v>65</v>
      </c>
      <c r="CN25" s="70">
        <v>151</v>
      </c>
      <c r="CO25" s="159"/>
      <c r="CP25" s="69">
        <v>197</v>
      </c>
      <c r="CQ25" s="69">
        <v>157</v>
      </c>
      <c r="CR25" s="69">
        <v>92</v>
      </c>
      <c r="CS25" s="69">
        <v>76</v>
      </c>
      <c r="CT25" s="69">
        <v>50</v>
      </c>
      <c r="CU25" s="70">
        <v>572</v>
      </c>
      <c r="CV25" s="71">
        <v>723</v>
      </c>
      <c r="CW25" s="108">
        <v>122</v>
      </c>
      <c r="CX25" s="80">
        <v>231</v>
      </c>
      <c r="CY25" s="81">
        <v>353</v>
      </c>
      <c r="CZ25" s="159"/>
      <c r="DA25" s="80">
        <v>370</v>
      </c>
      <c r="DB25" s="80">
        <v>309</v>
      </c>
      <c r="DC25" s="80">
        <v>179</v>
      </c>
      <c r="DD25" s="80">
        <v>200</v>
      </c>
      <c r="DE25" s="80">
        <v>116</v>
      </c>
      <c r="DF25" s="82">
        <v>1174</v>
      </c>
      <c r="DG25" s="83">
        <v>1527</v>
      </c>
      <c r="DH25" s="68">
        <v>5</v>
      </c>
      <c r="DI25" s="69">
        <v>8</v>
      </c>
      <c r="DJ25" s="70">
        <v>13</v>
      </c>
      <c r="DK25" s="159"/>
      <c r="DL25" s="69">
        <v>6</v>
      </c>
      <c r="DM25" s="69">
        <v>8</v>
      </c>
      <c r="DN25" s="69">
        <v>3</v>
      </c>
      <c r="DO25" s="69">
        <v>1</v>
      </c>
      <c r="DP25" s="69">
        <v>2</v>
      </c>
      <c r="DQ25" s="70">
        <v>20</v>
      </c>
      <c r="DR25" s="71">
        <v>33</v>
      </c>
      <c r="DS25" s="68">
        <v>6</v>
      </c>
      <c r="DT25" s="69">
        <v>12</v>
      </c>
      <c r="DU25" s="70">
        <v>18</v>
      </c>
      <c r="DV25" s="159"/>
      <c r="DW25" s="69">
        <v>27</v>
      </c>
      <c r="DX25" s="69">
        <v>14</v>
      </c>
      <c r="DY25" s="69">
        <v>8</v>
      </c>
      <c r="DZ25" s="69">
        <v>7</v>
      </c>
      <c r="EA25" s="69">
        <v>7</v>
      </c>
      <c r="EB25" s="70">
        <v>63</v>
      </c>
      <c r="EC25" s="71">
        <v>81</v>
      </c>
      <c r="ED25" s="68">
        <v>23</v>
      </c>
      <c r="EE25" s="69">
        <v>35</v>
      </c>
      <c r="EF25" s="70">
        <v>58</v>
      </c>
      <c r="EG25" s="159"/>
      <c r="EH25" s="69">
        <v>52</v>
      </c>
      <c r="EI25" s="69">
        <v>34</v>
      </c>
      <c r="EJ25" s="69">
        <v>15</v>
      </c>
      <c r="EK25" s="69">
        <v>16</v>
      </c>
      <c r="EL25" s="69">
        <v>15</v>
      </c>
      <c r="EM25" s="70">
        <v>132</v>
      </c>
      <c r="EN25" s="71">
        <v>190</v>
      </c>
      <c r="EO25" s="68">
        <v>39</v>
      </c>
      <c r="EP25" s="69">
        <v>61</v>
      </c>
      <c r="EQ25" s="70">
        <v>100</v>
      </c>
      <c r="ER25" s="159"/>
      <c r="ES25" s="69">
        <v>79</v>
      </c>
      <c r="ET25" s="69">
        <v>58</v>
      </c>
      <c r="EU25" s="69">
        <v>38</v>
      </c>
      <c r="EV25" s="69">
        <v>38</v>
      </c>
      <c r="EW25" s="69">
        <v>22</v>
      </c>
      <c r="EX25" s="70">
        <v>235</v>
      </c>
      <c r="EY25" s="71">
        <v>335</v>
      </c>
      <c r="EZ25" s="68">
        <v>38</v>
      </c>
      <c r="FA25" s="69">
        <v>76</v>
      </c>
      <c r="FB25" s="70">
        <v>114</v>
      </c>
      <c r="FC25" s="159"/>
      <c r="FD25" s="69">
        <v>116</v>
      </c>
      <c r="FE25" s="69">
        <v>86</v>
      </c>
      <c r="FF25" s="69">
        <v>39</v>
      </c>
      <c r="FG25" s="69">
        <v>51</v>
      </c>
      <c r="FH25" s="69">
        <v>32</v>
      </c>
      <c r="FI25" s="70">
        <v>324</v>
      </c>
      <c r="FJ25" s="71">
        <v>438</v>
      </c>
      <c r="FK25" s="68">
        <v>11</v>
      </c>
      <c r="FL25" s="69">
        <v>39</v>
      </c>
      <c r="FM25" s="70">
        <v>50</v>
      </c>
      <c r="FN25" s="159"/>
      <c r="FO25" s="69">
        <v>90</v>
      </c>
      <c r="FP25" s="69">
        <v>109</v>
      </c>
      <c r="FQ25" s="69">
        <v>76</v>
      </c>
      <c r="FR25" s="69">
        <v>87</v>
      </c>
      <c r="FS25" s="69">
        <v>38</v>
      </c>
      <c r="FT25" s="70">
        <v>400</v>
      </c>
      <c r="FU25" s="71">
        <v>450</v>
      </c>
      <c r="FV25" s="68">
        <v>1</v>
      </c>
      <c r="FW25" s="69">
        <v>2</v>
      </c>
      <c r="FX25" s="70">
        <v>3</v>
      </c>
      <c r="FY25" s="159"/>
      <c r="FZ25" s="69">
        <v>6</v>
      </c>
      <c r="GA25" s="69">
        <v>2</v>
      </c>
      <c r="GB25" s="69">
        <v>4</v>
      </c>
      <c r="GC25" s="69">
        <v>5</v>
      </c>
      <c r="GD25" s="69">
        <v>2</v>
      </c>
      <c r="GE25" s="70">
        <v>19</v>
      </c>
      <c r="GF25" s="71">
        <v>22</v>
      </c>
      <c r="GG25" s="68">
        <v>123</v>
      </c>
      <c r="GH25" s="69">
        <v>233</v>
      </c>
      <c r="GI25" s="70">
        <v>356</v>
      </c>
      <c r="GJ25" s="159"/>
      <c r="GK25" s="69">
        <v>376</v>
      </c>
      <c r="GL25" s="69">
        <v>311</v>
      </c>
      <c r="GM25" s="69">
        <v>183</v>
      </c>
      <c r="GN25" s="69">
        <v>205</v>
      </c>
      <c r="GO25" s="69">
        <v>118</v>
      </c>
      <c r="GP25" s="70">
        <v>1193</v>
      </c>
      <c r="GQ25" s="71">
        <v>1549</v>
      </c>
      <c r="GR25" s="108">
        <v>207</v>
      </c>
      <c r="GS25" s="80">
        <v>291</v>
      </c>
      <c r="GT25" s="81">
        <v>498</v>
      </c>
      <c r="GU25" s="159"/>
      <c r="GV25" s="80">
        <v>559</v>
      </c>
      <c r="GW25" s="80">
        <v>461</v>
      </c>
      <c r="GX25" s="80">
        <v>270</v>
      </c>
      <c r="GY25" s="80">
        <v>273</v>
      </c>
      <c r="GZ25" s="80">
        <v>165</v>
      </c>
      <c r="HA25" s="82">
        <v>1728</v>
      </c>
      <c r="HB25" s="83">
        <v>2226</v>
      </c>
      <c r="HC25" s="68">
        <v>11</v>
      </c>
      <c r="HD25" s="69">
        <v>10</v>
      </c>
      <c r="HE25" s="70">
        <v>21</v>
      </c>
      <c r="HF25" s="159"/>
      <c r="HG25" s="69">
        <v>11</v>
      </c>
      <c r="HH25" s="69">
        <v>12</v>
      </c>
      <c r="HI25" s="69">
        <v>4</v>
      </c>
      <c r="HJ25" s="69">
        <v>4</v>
      </c>
      <c r="HK25" s="69">
        <v>7</v>
      </c>
      <c r="HL25" s="70">
        <v>38</v>
      </c>
      <c r="HM25" s="71">
        <v>59</v>
      </c>
      <c r="HN25" s="68">
        <v>13</v>
      </c>
      <c r="HO25" s="69">
        <v>22</v>
      </c>
      <c r="HP25" s="70">
        <v>35</v>
      </c>
      <c r="HQ25" s="159"/>
      <c r="HR25" s="69">
        <v>51</v>
      </c>
      <c r="HS25" s="69">
        <v>24</v>
      </c>
      <c r="HT25" s="69">
        <v>17</v>
      </c>
      <c r="HU25" s="69">
        <v>15</v>
      </c>
      <c r="HV25" s="69">
        <v>14</v>
      </c>
      <c r="HW25" s="70">
        <v>121</v>
      </c>
      <c r="HX25" s="71">
        <v>156</v>
      </c>
      <c r="HY25" s="68">
        <v>33</v>
      </c>
      <c r="HZ25" s="69">
        <v>42</v>
      </c>
      <c r="IA25" s="70">
        <v>75</v>
      </c>
      <c r="IB25" s="159"/>
      <c r="IC25" s="69">
        <v>83</v>
      </c>
      <c r="ID25" s="69">
        <v>54</v>
      </c>
      <c r="IE25" s="69">
        <v>30</v>
      </c>
      <c r="IF25" s="69">
        <v>24</v>
      </c>
      <c r="IG25" s="69">
        <v>30</v>
      </c>
      <c r="IH25" s="70">
        <v>221</v>
      </c>
      <c r="II25" s="71">
        <v>296</v>
      </c>
      <c r="IJ25" s="68">
        <v>64</v>
      </c>
      <c r="IK25" s="69">
        <v>73</v>
      </c>
      <c r="IL25" s="70">
        <v>137</v>
      </c>
      <c r="IM25" s="159"/>
      <c r="IN25" s="69">
        <v>129</v>
      </c>
      <c r="IO25" s="69">
        <v>104</v>
      </c>
      <c r="IP25" s="69">
        <v>62</v>
      </c>
      <c r="IQ25" s="69">
        <v>54</v>
      </c>
      <c r="IR25" s="69">
        <v>32</v>
      </c>
      <c r="IS25" s="70">
        <v>381</v>
      </c>
      <c r="IT25" s="71">
        <v>518</v>
      </c>
      <c r="IU25" s="68">
        <v>58</v>
      </c>
      <c r="IV25" s="69">
        <v>97</v>
      </c>
      <c r="IW25" s="70">
        <v>155</v>
      </c>
      <c r="IX25" s="159"/>
      <c r="IY25" s="69">
        <v>168</v>
      </c>
      <c r="IZ25" s="69">
        <v>128</v>
      </c>
      <c r="JA25" s="69">
        <v>63</v>
      </c>
      <c r="JB25" s="69">
        <v>70</v>
      </c>
      <c r="JC25" s="69">
        <v>39</v>
      </c>
      <c r="JD25" s="70">
        <v>468</v>
      </c>
      <c r="JE25" s="71">
        <v>623</v>
      </c>
      <c r="JF25" s="68">
        <v>28</v>
      </c>
      <c r="JG25" s="69">
        <v>47</v>
      </c>
      <c r="JH25" s="70">
        <v>75</v>
      </c>
      <c r="JI25" s="159"/>
      <c r="JJ25" s="69">
        <v>117</v>
      </c>
      <c r="JK25" s="69">
        <v>139</v>
      </c>
      <c r="JL25" s="69">
        <v>94</v>
      </c>
      <c r="JM25" s="69">
        <v>106</v>
      </c>
      <c r="JN25" s="69">
        <v>43</v>
      </c>
      <c r="JO25" s="70">
        <v>499</v>
      </c>
      <c r="JP25" s="71">
        <v>574</v>
      </c>
      <c r="JQ25" s="68">
        <v>2</v>
      </c>
      <c r="JR25" s="69">
        <v>7</v>
      </c>
      <c r="JS25" s="70">
        <v>9</v>
      </c>
      <c r="JT25" s="159"/>
      <c r="JU25" s="69">
        <v>14</v>
      </c>
      <c r="JV25" s="69">
        <v>7</v>
      </c>
      <c r="JW25" s="69">
        <v>5</v>
      </c>
      <c r="JX25" s="69">
        <v>8</v>
      </c>
      <c r="JY25" s="69">
        <v>3</v>
      </c>
      <c r="JZ25" s="70">
        <v>37</v>
      </c>
      <c r="KA25" s="71">
        <v>46</v>
      </c>
      <c r="KB25" s="68">
        <v>209</v>
      </c>
      <c r="KC25" s="69">
        <v>298</v>
      </c>
      <c r="KD25" s="70">
        <v>507</v>
      </c>
      <c r="KE25" s="159"/>
      <c r="KF25" s="69">
        <v>573</v>
      </c>
      <c r="KG25" s="69">
        <v>468</v>
      </c>
      <c r="KH25" s="69">
        <v>275</v>
      </c>
      <c r="KI25" s="69">
        <v>281</v>
      </c>
      <c r="KJ25" s="69">
        <v>168</v>
      </c>
      <c r="KK25" s="70">
        <v>1765</v>
      </c>
      <c r="KL25" s="71">
        <v>2272</v>
      </c>
    </row>
    <row r="26" spans="1:298" ht="19.5" customHeight="1" x14ac:dyDescent="0.2">
      <c r="A26" s="111" t="s">
        <v>23</v>
      </c>
      <c r="B26" s="215">
        <v>174</v>
      </c>
      <c r="C26" s="80">
        <v>152</v>
      </c>
      <c r="D26" s="81">
        <v>326</v>
      </c>
      <c r="E26" s="159"/>
      <c r="F26" s="80">
        <v>316</v>
      </c>
      <c r="G26" s="80">
        <v>258</v>
      </c>
      <c r="H26" s="80">
        <v>171</v>
      </c>
      <c r="I26" s="80">
        <v>172</v>
      </c>
      <c r="J26" s="80">
        <v>86</v>
      </c>
      <c r="K26" s="82">
        <v>1003</v>
      </c>
      <c r="L26" s="83">
        <v>1329</v>
      </c>
      <c r="M26" s="68">
        <v>10</v>
      </c>
      <c r="N26" s="69">
        <v>14</v>
      </c>
      <c r="O26" s="70">
        <v>24</v>
      </c>
      <c r="P26" s="159"/>
      <c r="Q26" s="69">
        <v>8</v>
      </c>
      <c r="R26" s="69">
        <v>9</v>
      </c>
      <c r="S26" s="69">
        <v>5</v>
      </c>
      <c r="T26" s="69">
        <v>11</v>
      </c>
      <c r="U26" s="69">
        <v>3</v>
      </c>
      <c r="V26" s="70">
        <v>36</v>
      </c>
      <c r="W26" s="71">
        <v>60</v>
      </c>
      <c r="X26" s="68">
        <v>27</v>
      </c>
      <c r="Y26" s="69">
        <v>16</v>
      </c>
      <c r="Z26" s="70">
        <v>43</v>
      </c>
      <c r="AA26" s="159"/>
      <c r="AB26" s="69">
        <v>23</v>
      </c>
      <c r="AC26" s="69">
        <v>41</v>
      </c>
      <c r="AD26" s="69">
        <v>16</v>
      </c>
      <c r="AE26" s="69">
        <v>21</v>
      </c>
      <c r="AF26" s="69">
        <v>17</v>
      </c>
      <c r="AG26" s="70">
        <v>118</v>
      </c>
      <c r="AH26" s="71">
        <v>161</v>
      </c>
      <c r="AI26" s="68">
        <v>40</v>
      </c>
      <c r="AJ26" s="69">
        <v>31</v>
      </c>
      <c r="AK26" s="70">
        <v>71</v>
      </c>
      <c r="AL26" s="159"/>
      <c r="AM26" s="69">
        <v>70</v>
      </c>
      <c r="AN26" s="69">
        <v>53</v>
      </c>
      <c r="AO26" s="69">
        <v>23</v>
      </c>
      <c r="AP26" s="69">
        <v>25</v>
      </c>
      <c r="AQ26" s="69">
        <v>21</v>
      </c>
      <c r="AR26" s="70">
        <v>192</v>
      </c>
      <c r="AS26" s="71">
        <v>263</v>
      </c>
      <c r="AT26" s="68">
        <v>53</v>
      </c>
      <c r="AU26" s="69">
        <v>40</v>
      </c>
      <c r="AV26" s="70">
        <v>93</v>
      </c>
      <c r="AW26" s="159"/>
      <c r="AX26" s="69">
        <v>101</v>
      </c>
      <c r="AY26" s="69">
        <v>71</v>
      </c>
      <c r="AZ26" s="69">
        <v>48</v>
      </c>
      <c r="BA26" s="69">
        <v>47</v>
      </c>
      <c r="BB26" s="69">
        <v>19</v>
      </c>
      <c r="BC26" s="70">
        <v>286</v>
      </c>
      <c r="BD26" s="71">
        <v>379</v>
      </c>
      <c r="BE26" s="68">
        <v>34</v>
      </c>
      <c r="BF26" s="69">
        <v>36</v>
      </c>
      <c r="BG26" s="70">
        <v>70</v>
      </c>
      <c r="BH26" s="159"/>
      <c r="BI26" s="69">
        <v>80</v>
      </c>
      <c r="BJ26" s="69">
        <v>54</v>
      </c>
      <c r="BK26" s="69">
        <v>52</v>
      </c>
      <c r="BL26" s="69">
        <v>41</v>
      </c>
      <c r="BM26" s="69">
        <v>14</v>
      </c>
      <c r="BN26" s="70">
        <v>241</v>
      </c>
      <c r="BO26" s="71">
        <v>311</v>
      </c>
      <c r="BP26" s="68">
        <v>10</v>
      </c>
      <c r="BQ26" s="69">
        <v>15</v>
      </c>
      <c r="BR26" s="70">
        <v>25</v>
      </c>
      <c r="BS26" s="159"/>
      <c r="BT26" s="69">
        <v>34</v>
      </c>
      <c r="BU26" s="69">
        <v>30</v>
      </c>
      <c r="BV26" s="69">
        <v>27</v>
      </c>
      <c r="BW26" s="69">
        <v>27</v>
      </c>
      <c r="BX26" s="69">
        <v>12</v>
      </c>
      <c r="BY26" s="70">
        <v>130</v>
      </c>
      <c r="BZ26" s="71">
        <v>155</v>
      </c>
      <c r="CA26" s="68">
        <v>8</v>
      </c>
      <c r="CB26" s="69">
        <v>9</v>
      </c>
      <c r="CC26" s="70">
        <v>17</v>
      </c>
      <c r="CD26" s="159"/>
      <c r="CE26" s="69">
        <v>4</v>
      </c>
      <c r="CF26" s="69">
        <v>10</v>
      </c>
      <c r="CG26" s="69">
        <v>7</v>
      </c>
      <c r="CH26" s="69">
        <v>6</v>
      </c>
      <c r="CI26" s="69">
        <v>4</v>
      </c>
      <c r="CJ26" s="70">
        <v>31</v>
      </c>
      <c r="CK26" s="71">
        <v>48</v>
      </c>
      <c r="CL26" s="68">
        <v>182</v>
      </c>
      <c r="CM26" s="69">
        <v>161</v>
      </c>
      <c r="CN26" s="70">
        <v>343</v>
      </c>
      <c r="CO26" s="159"/>
      <c r="CP26" s="69">
        <v>320</v>
      </c>
      <c r="CQ26" s="69">
        <v>268</v>
      </c>
      <c r="CR26" s="69">
        <v>178</v>
      </c>
      <c r="CS26" s="69">
        <v>178</v>
      </c>
      <c r="CT26" s="69">
        <v>90</v>
      </c>
      <c r="CU26" s="70">
        <v>1034</v>
      </c>
      <c r="CV26" s="71">
        <v>1377</v>
      </c>
      <c r="CW26" s="108">
        <v>308</v>
      </c>
      <c r="CX26" s="80">
        <v>365</v>
      </c>
      <c r="CY26" s="81">
        <v>673</v>
      </c>
      <c r="CZ26" s="159"/>
      <c r="DA26" s="80">
        <v>509</v>
      </c>
      <c r="DB26" s="80">
        <v>427</v>
      </c>
      <c r="DC26" s="80">
        <v>271</v>
      </c>
      <c r="DD26" s="80">
        <v>309</v>
      </c>
      <c r="DE26" s="80">
        <v>223</v>
      </c>
      <c r="DF26" s="82">
        <v>1739</v>
      </c>
      <c r="DG26" s="83">
        <v>2412</v>
      </c>
      <c r="DH26" s="68">
        <v>3</v>
      </c>
      <c r="DI26" s="69">
        <v>15</v>
      </c>
      <c r="DJ26" s="70">
        <v>18</v>
      </c>
      <c r="DK26" s="159"/>
      <c r="DL26" s="69">
        <v>12</v>
      </c>
      <c r="DM26" s="69">
        <v>12</v>
      </c>
      <c r="DN26" s="69">
        <v>7</v>
      </c>
      <c r="DO26" s="69">
        <v>8</v>
      </c>
      <c r="DP26" s="69">
        <v>0</v>
      </c>
      <c r="DQ26" s="70">
        <v>39</v>
      </c>
      <c r="DR26" s="71">
        <v>57</v>
      </c>
      <c r="DS26" s="68">
        <v>30</v>
      </c>
      <c r="DT26" s="69">
        <v>29</v>
      </c>
      <c r="DU26" s="70">
        <v>59</v>
      </c>
      <c r="DV26" s="159"/>
      <c r="DW26" s="69">
        <v>33</v>
      </c>
      <c r="DX26" s="69">
        <v>40</v>
      </c>
      <c r="DY26" s="69">
        <v>22</v>
      </c>
      <c r="DZ26" s="69">
        <v>24</v>
      </c>
      <c r="EA26" s="69">
        <v>17</v>
      </c>
      <c r="EB26" s="70">
        <v>136</v>
      </c>
      <c r="EC26" s="71">
        <v>195</v>
      </c>
      <c r="ED26" s="68">
        <v>63</v>
      </c>
      <c r="EE26" s="69">
        <v>72</v>
      </c>
      <c r="EF26" s="70">
        <v>135</v>
      </c>
      <c r="EG26" s="159"/>
      <c r="EH26" s="69">
        <v>89</v>
      </c>
      <c r="EI26" s="69">
        <v>59</v>
      </c>
      <c r="EJ26" s="69">
        <v>37</v>
      </c>
      <c r="EK26" s="69">
        <v>34</v>
      </c>
      <c r="EL26" s="69">
        <v>34</v>
      </c>
      <c r="EM26" s="70">
        <v>253</v>
      </c>
      <c r="EN26" s="71">
        <v>388</v>
      </c>
      <c r="EO26" s="68">
        <v>115</v>
      </c>
      <c r="EP26" s="69">
        <v>107</v>
      </c>
      <c r="EQ26" s="70">
        <v>222</v>
      </c>
      <c r="ER26" s="159"/>
      <c r="ES26" s="69">
        <v>128</v>
      </c>
      <c r="ET26" s="69">
        <v>101</v>
      </c>
      <c r="EU26" s="69">
        <v>60</v>
      </c>
      <c r="EV26" s="69">
        <v>70</v>
      </c>
      <c r="EW26" s="69">
        <v>51</v>
      </c>
      <c r="EX26" s="70">
        <v>410</v>
      </c>
      <c r="EY26" s="71">
        <v>632</v>
      </c>
      <c r="EZ26" s="68">
        <v>74</v>
      </c>
      <c r="FA26" s="69">
        <v>100</v>
      </c>
      <c r="FB26" s="70">
        <v>174</v>
      </c>
      <c r="FC26" s="159"/>
      <c r="FD26" s="69">
        <v>148</v>
      </c>
      <c r="FE26" s="69">
        <v>112</v>
      </c>
      <c r="FF26" s="69">
        <v>72</v>
      </c>
      <c r="FG26" s="69">
        <v>63</v>
      </c>
      <c r="FH26" s="69">
        <v>55</v>
      </c>
      <c r="FI26" s="70">
        <v>450</v>
      </c>
      <c r="FJ26" s="71">
        <v>624</v>
      </c>
      <c r="FK26" s="68">
        <v>23</v>
      </c>
      <c r="FL26" s="69">
        <v>42</v>
      </c>
      <c r="FM26" s="70">
        <v>65</v>
      </c>
      <c r="FN26" s="159"/>
      <c r="FO26" s="69">
        <v>99</v>
      </c>
      <c r="FP26" s="69">
        <v>103</v>
      </c>
      <c r="FQ26" s="69">
        <v>73</v>
      </c>
      <c r="FR26" s="69">
        <v>110</v>
      </c>
      <c r="FS26" s="69">
        <v>66</v>
      </c>
      <c r="FT26" s="70">
        <v>451</v>
      </c>
      <c r="FU26" s="71">
        <v>516</v>
      </c>
      <c r="FV26" s="68">
        <v>5</v>
      </c>
      <c r="FW26" s="69">
        <v>9</v>
      </c>
      <c r="FX26" s="70">
        <v>14</v>
      </c>
      <c r="FY26" s="159"/>
      <c r="FZ26" s="69">
        <v>6</v>
      </c>
      <c r="GA26" s="69">
        <v>8</v>
      </c>
      <c r="GB26" s="69">
        <v>1</v>
      </c>
      <c r="GC26" s="69">
        <v>3</v>
      </c>
      <c r="GD26" s="69">
        <v>8</v>
      </c>
      <c r="GE26" s="70">
        <v>26</v>
      </c>
      <c r="GF26" s="71">
        <v>40</v>
      </c>
      <c r="GG26" s="68">
        <v>313</v>
      </c>
      <c r="GH26" s="69">
        <v>374</v>
      </c>
      <c r="GI26" s="70">
        <v>687</v>
      </c>
      <c r="GJ26" s="159"/>
      <c r="GK26" s="69">
        <v>515</v>
      </c>
      <c r="GL26" s="69">
        <v>435</v>
      </c>
      <c r="GM26" s="69">
        <v>272</v>
      </c>
      <c r="GN26" s="69">
        <v>312</v>
      </c>
      <c r="GO26" s="69">
        <v>231</v>
      </c>
      <c r="GP26" s="70">
        <v>1765</v>
      </c>
      <c r="GQ26" s="71">
        <v>2452</v>
      </c>
      <c r="GR26" s="108">
        <v>482</v>
      </c>
      <c r="GS26" s="80">
        <v>517</v>
      </c>
      <c r="GT26" s="81">
        <v>999</v>
      </c>
      <c r="GU26" s="159"/>
      <c r="GV26" s="80">
        <v>825</v>
      </c>
      <c r="GW26" s="80">
        <v>685</v>
      </c>
      <c r="GX26" s="80">
        <v>442</v>
      </c>
      <c r="GY26" s="80">
        <v>481</v>
      </c>
      <c r="GZ26" s="80">
        <v>309</v>
      </c>
      <c r="HA26" s="82">
        <v>2742</v>
      </c>
      <c r="HB26" s="83">
        <v>3741</v>
      </c>
      <c r="HC26" s="68">
        <v>13</v>
      </c>
      <c r="HD26" s="69">
        <v>29</v>
      </c>
      <c r="HE26" s="70">
        <v>42</v>
      </c>
      <c r="HF26" s="159"/>
      <c r="HG26" s="69">
        <v>20</v>
      </c>
      <c r="HH26" s="69">
        <v>21</v>
      </c>
      <c r="HI26" s="69">
        <v>12</v>
      </c>
      <c r="HJ26" s="69">
        <v>19</v>
      </c>
      <c r="HK26" s="69">
        <v>3</v>
      </c>
      <c r="HL26" s="70">
        <v>75</v>
      </c>
      <c r="HM26" s="71">
        <v>117</v>
      </c>
      <c r="HN26" s="68">
        <v>57</v>
      </c>
      <c r="HO26" s="69">
        <v>45</v>
      </c>
      <c r="HP26" s="70">
        <v>102</v>
      </c>
      <c r="HQ26" s="159"/>
      <c r="HR26" s="69">
        <v>56</v>
      </c>
      <c r="HS26" s="69">
        <v>81</v>
      </c>
      <c r="HT26" s="69">
        <v>38</v>
      </c>
      <c r="HU26" s="69">
        <v>45</v>
      </c>
      <c r="HV26" s="69">
        <v>34</v>
      </c>
      <c r="HW26" s="70">
        <v>254</v>
      </c>
      <c r="HX26" s="71">
        <v>356</v>
      </c>
      <c r="HY26" s="68">
        <v>103</v>
      </c>
      <c r="HZ26" s="69">
        <v>103</v>
      </c>
      <c r="IA26" s="70">
        <v>206</v>
      </c>
      <c r="IB26" s="159"/>
      <c r="IC26" s="69">
        <v>159</v>
      </c>
      <c r="ID26" s="69">
        <v>112</v>
      </c>
      <c r="IE26" s="69">
        <v>60</v>
      </c>
      <c r="IF26" s="69">
        <v>59</v>
      </c>
      <c r="IG26" s="69">
        <v>55</v>
      </c>
      <c r="IH26" s="70">
        <v>445</v>
      </c>
      <c r="II26" s="71">
        <v>651</v>
      </c>
      <c r="IJ26" s="68">
        <v>168</v>
      </c>
      <c r="IK26" s="69">
        <v>147</v>
      </c>
      <c r="IL26" s="70">
        <v>315</v>
      </c>
      <c r="IM26" s="159"/>
      <c r="IN26" s="69">
        <v>229</v>
      </c>
      <c r="IO26" s="69">
        <v>172</v>
      </c>
      <c r="IP26" s="69">
        <v>108</v>
      </c>
      <c r="IQ26" s="69">
        <v>117</v>
      </c>
      <c r="IR26" s="69">
        <v>70</v>
      </c>
      <c r="IS26" s="70">
        <v>696</v>
      </c>
      <c r="IT26" s="71">
        <v>1011</v>
      </c>
      <c r="IU26" s="68">
        <v>108</v>
      </c>
      <c r="IV26" s="69">
        <v>136</v>
      </c>
      <c r="IW26" s="70">
        <v>244</v>
      </c>
      <c r="IX26" s="159"/>
      <c r="IY26" s="69">
        <v>228</v>
      </c>
      <c r="IZ26" s="69">
        <v>166</v>
      </c>
      <c r="JA26" s="69">
        <v>124</v>
      </c>
      <c r="JB26" s="69">
        <v>104</v>
      </c>
      <c r="JC26" s="69">
        <v>69</v>
      </c>
      <c r="JD26" s="70">
        <v>691</v>
      </c>
      <c r="JE26" s="71">
        <v>935</v>
      </c>
      <c r="JF26" s="68">
        <v>33</v>
      </c>
      <c r="JG26" s="69">
        <v>57</v>
      </c>
      <c r="JH26" s="70">
        <v>90</v>
      </c>
      <c r="JI26" s="159"/>
      <c r="JJ26" s="69">
        <v>133</v>
      </c>
      <c r="JK26" s="69">
        <v>133</v>
      </c>
      <c r="JL26" s="69">
        <v>100</v>
      </c>
      <c r="JM26" s="69">
        <v>137</v>
      </c>
      <c r="JN26" s="69">
        <v>78</v>
      </c>
      <c r="JO26" s="70">
        <v>581</v>
      </c>
      <c r="JP26" s="71">
        <v>671</v>
      </c>
      <c r="JQ26" s="68">
        <v>13</v>
      </c>
      <c r="JR26" s="69">
        <v>18</v>
      </c>
      <c r="JS26" s="70">
        <v>31</v>
      </c>
      <c r="JT26" s="159"/>
      <c r="JU26" s="69">
        <v>10</v>
      </c>
      <c r="JV26" s="69">
        <v>18</v>
      </c>
      <c r="JW26" s="69">
        <v>8</v>
      </c>
      <c r="JX26" s="69">
        <v>9</v>
      </c>
      <c r="JY26" s="69">
        <v>12</v>
      </c>
      <c r="JZ26" s="70">
        <v>57</v>
      </c>
      <c r="KA26" s="71">
        <v>88</v>
      </c>
      <c r="KB26" s="68">
        <v>495</v>
      </c>
      <c r="KC26" s="69">
        <v>535</v>
      </c>
      <c r="KD26" s="70">
        <v>1030</v>
      </c>
      <c r="KE26" s="159"/>
      <c r="KF26" s="69">
        <v>835</v>
      </c>
      <c r="KG26" s="69">
        <v>703</v>
      </c>
      <c r="KH26" s="69">
        <v>450</v>
      </c>
      <c r="KI26" s="69">
        <v>490</v>
      </c>
      <c r="KJ26" s="69">
        <v>321</v>
      </c>
      <c r="KK26" s="70">
        <v>2799</v>
      </c>
      <c r="KL26" s="71">
        <v>3829</v>
      </c>
    </row>
    <row r="27" spans="1:298" ht="19.5" customHeight="1" x14ac:dyDescent="0.2">
      <c r="A27" s="111" t="s">
        <v>24</v>
      </c>
      <c r="B27" s="215">
        <v>107</v>
      </c>
      <c r="C27" s="80">
        <v>69</v>
      </c>
      <c r="D27" s="81">
        <v>176</v>
      </c>
      <c r="E27" s="159"/>
      <c r="F27" s="80">
        <v>159</v>
      </c>
      <c r="G27" s="80">
        <v>76</v>
      </c>
      <c r="H27" s="80">
        <v>74</v>
      </c>
      <c r="I27" s="80">
        <v>62</v>
      </c>
      <c r="J27" s="80">
        <v>57</v>
      </c>
      <c r="K27" s="82">
        <v>428</v>
      </c>
      <c r="L27" s="83">
        <v>604</v>
      </c>
      <c r="M27" s="68">
        <v>1</v>
      </c>
      <c r="N27" s="69">
        <v>2</v>
      </c>
      <c r="O27" s="70">
        <v>3</v>
      </c>
      <c r="P27" s="159"/>
      <c r="Q27" s="69">
        <v>8</v>
      </c>
      <c r="R27" s="69">
        <v>3</v>
      </c>
      <c r="S27" s="69">
        <v>5</v>
      </c>
      <c r="T27" s="69">
        <v>0</v>
      </c>
      <c r="U27" s="69">
        <v>6</v>
      </c>
      <c r="V27" s="70">
        <v>22</v>
      </c>
      <c r="W27" s="71">
        <v>25</v>
      </c>
      <c r="X27" s="68">
        <v>8</v>
      </c>
      <c r="Y27" s="69">
        <v>7</v>
      </c>
      <c r="Z27" s="70">
        <v>15</v>
      </c>
      <c r="AA27" s="159"/>
      <c r="AB27" s="69">
        <v>10</v>
      </c>
      <c r="AC27" s="69">
        <v>9</v>
      </c>
      <c r="AD27" s="69">
        <v>4</v>
      </c>
      <c r="AE27" s="69">
        <v>6</v>
      </c>
      <c r="AF27" s="69">
        <v>5</v>
      </c>
      <c r="AG27" s="70">
        <v>34</v>
      </c>
      <c r="AH27" s="71">
        <v>49</v>
      </c>
      <c r="AI27" s="68">
        <v>13</v>
      </c>
      <c r="AJ27" s="69">
        <v>7</v>
      </c>
      <c r="AK27" s="70">
        <v>20</v>
      </c>
      <c r="AL27" s="159"/>
      <c r="AM27" s="69">
        <v>22</v>
      </c>
      <c r="AN27" s="69">
        <v>10</v>
      </c>
      <c r="AO27" s="69">
        <v>9</v>
      </c>
      <c r="AP27" s="69">
        <v>8</v>
      </c>
      <c r="AQ27" s="69">
        <v>9</v>
      </c>
      <c r="AR27" s="70">
        <v>58</v>
      </c>
      <c r="AS27" s="71">
        <v>78</v>
      </c>
      <c r="AT27" s="68">
        <v>27</v>
      </c>
      <c r="AU27" s="69">
        <v>18</v>
      </c>
      <c r="AV27" s="70">
        <v>45</v>
      </c>
      <c r="AW27" s="159"/>
      <c r="AX27" s="69">
        <v>35</v>
      </c>
      <c r="AY27" s="69">
        <v>16</v>
      </c>
      <c r="AZ27" s="69">
        <v>15</v>
      </c>
      <c r="BA27" s="69">
        <v>11</v>
      </c>
      <c r="BB27" s="69">
        <v>12</v>
      </c>
      <c r="BC27" s="70">
        <v>89</v>
      </c>
      <c r="BD27" s="71">
        <v>134</v>
      </c>
      <c r="BE27" s="68">
        <v>33</v>
      </c>
      <c r="BF27" s="69">
        <v>15</v>
      </c>
      <c r="BG27" s="70">
        <v>48</v>
      </c>
      <c r="BH27" s="159"/>
      <c r="BI27" s="69">
        <v>48</v>
      </c>
      <c r="BJ27" s="69">
        <v>27</v>
      </c>
      <c r="BK27" s="69">
        <v>22</v>
      </c>
      <c r="BL27" s="69">
        <v>19</v>
      </c>
      <c r="BM27" s="69">
        <v>14</v>
      </c>
      <c r="BN27" s="70">
        <v>130</v>
      </c>
      <c r="BO27" s="71">
        <v>178</v>
      </c>
      <c r="BP27" s="68">
        <v>25</v>
      </c>
      <c r="BQ27" s="69">
        <v>20</v>
      </c>
      <c r="BR27" s="70">
        <v>45</v>
      </c>
      <c r="BS27" s="159"/>
      <c r="BT27" s="69">
        <v>36</v>
      </c>
      <c r="BU27" s="69">
        <v>11</v>
      </c>
      <c r="BV27" s="69">
        <v>19</v>
      </c>
      <c r="BW27" s="69">
        <v>18</v>
      </c>
      <c r="BX27" s="69">
        <v>11</v>
      </c>
      <c r="BY27" s="70">
        <v>95</v>
      </c>
      <c r="BZ27" s="71">
        <v>140</v>
      </c>
      <c r="CA27" s="68">
        <v>7</v>
      </c>
      <c r="CB27" s="69">
        <v>4</v>
      </c>
      <c r="CC27" s="70">
        <v>11</v>
      </c>
      <c r="CD27" s="159"/>
      <c r="CE27" s="69">
        <v>2</v>
      </c>
      <c r="CF27" s="69">
        <v>6</v>
      </c>
      <c r="CG27" s="69">
        <v>0</v>
      </c>
      <c r="CH27" s="69">
        <v>2</v>
      </c>
      <c r="CI27" s="69">
        <v>2</v>
      </c>
      <c r="CJ27" s="70">
        <v>12</v>
      </c>
      <c r="CK27" s="71">
        <v>23</v>
      </c>
      <c r="CL27" s="68">
        <v>114</v>
      </c>
      <c r="CM27" s="69">
        <v>73</v>
      </c>
      <c r="CN27" s="70">
        <v>187</v>
      </c>
      <c r="CO27" s="159"/>
      <c r="CP27" s="69">
        <v>161</v>
      </c>
      <c r="CQ27" s="69">
        <v>82</v>
      </c>
      <c r="CR27" s="69">
        <v>74</v>
      </c>
      <c r="CS27" s="69">
        <v>64</v>
      </c>
      <c r="CT27" s="69">
        <v>59</v>
      </c>
      <c r="CU27" s="70">
        <v>440</v>
      </c>
      <c r="CV27" s="71">
        <v>627</v>
      </c>
      <c r="CW27" s="108">
        <v>214</v>
      </c>
      <c r="CX27" s="80">
        <v>139</v>
      </c>
      <c r="CY27" s="81">
        <v>353</v>
      </c>
      <c r="CZ27" s="159"/>
      <c r="DA27" s="80">
        <v>293</v>
      </c>
      <c r="DB27" s="80">
        <v>190</v>
      </c>
      <c r="DC27" s="80">
        <v>155</v>
      </c>
      <c r="DD27" s="80">
        <v>151</v>
      </c>
      <c r="DE27" s="80">
        <v>117</v>
      </c>
      <c r="DF27" s="82">
        <v>906</v>
      </c>
      <c r="DG27" s="83">
        <v>1259</v>
      </c>
      <c r="DH27" s="68">
        <v>5</v>
      </c>
      <c r="DI27" s="69">
        <v>1</v>
      </c>
      <c r="DJ27" s="70">
        <v>6</v>
      </c>
      <c r="DK27" s="159"/>
      <c r="DL27" s="69">
        <v>3</v>
      </c>
      <c r="DM27" s="69">
        <v>4</v>
      </c>
      <c r="DN27" s="69">
        <v>3</v>
      </c>
      <c r="DO27" s="69">
        <v>1</v>
      </c>
      <c r="DP27" s="69">
        <v>2</v>
      </c>
      <c r="DQ27" s="70">
        <v>13</v>
      </c>
      <c r="DR27" s="71">
        <v>19</v>
      </c>
      <c r="DS27" s="68">
        <v>18</v>
      </c>
      <c r="DT27" s="69">
        <v>7</v>
      </c>
      <c r="DU27" s="70">
        <v>25</v>
      </c>
      <c r="DV27" s="159"/>
      <c r="DW27" s="69">
        <v>8</v>
      </c>
      <c r="DX27" s="69">
        <v>6</v>
      </c>
      <c r="DY27" s="69">
        <v>7</v>
      </c>
      <c r="DZ27" s="69">
        <v>6</v>
      </c>
      <c r="EA27" s="69">
        <v>1</v>
      </c>
      <c r="EB27" s="70">
        <v>28</v>
      </c>
      <c r="EC27" s="71">
        <v>53</v>
      </c>
      <c r="ED27" s="68">
        <v>25</v>
      </c>
      <c r="EE27" s="69">
        <v>20</v>
      </c>
      <c r="EF27" s="70">
        <v>45</v>
      </c>
      <c r="EG27" s="159"/>
      <c r="EH27" s="69">
        <v>35</v>
      </c>
      <c r="EI27" s="69">
        <v>16</v>
      </c>
      <c r="EJ27" s="69">
        <v>9</v>
      </c>
      <c r="EK27" s="69">
        <v>10</v>
      </c>
      <c r="EL27" s="69">
        <v>3</v>
      </c>
      <c r="EM27" s="70">
        <v>73</v>
      </c>
      <c r="EN27" s="71">
        <v>118</v>
      </c>
      <c r="EO27" s="68">
        <v>54</v>
      </c>
      <c r="EP27" s="69">
        <v>25</v>
      </c>
      <c r="EQ27" s="70">
        <v>79</v>
      </c>
      <c r="ER27" s="159"/>
      <c r="ES27" s="69">
        <v>70</v>
      </c>
      <c r="ET27" s="69">
        <v>36</v>
      </c>
      <c r="EU27" s="69">
        <v>19</v>
      </c>
      <c r="EV27" s="69">
        <v>15</v>
      </c>
      <c r="EW27" s="69">
        <v>26</v>
      </c>
      <c r="EX27" s="70">
        <v>166</v>
      </c>
      <c r="EY27" s="71">
        <v>245</v>
      </c>
      <c r="EZ27" s="68">
        <v>68</v>
      </c>
      <c r="FA27" s="69">
        <v>57</v>
      </c>
      <c r="FB27" s="70">
        <v>125</v>
      </c>
      <c r="FC27" s="159"/>
      <c r="FD27" s="69">
        <v>89</v>
      </c>
      <c r="FE27" s="69">
        <v>54</v>
      </c>
      <c r="FF27" s="69">
        <v>42</v>
      </c>
      <c r="FG27" s="69">
        <v>37</v>
      </c>
      <c r="FH27" s="69">
        <v>25</v>
      </c>
      <c r="FI27" s="70">
        <v>247</v>
      </c>
      <c r="FJ27" s="71">
        <v>372</v>
      </c>
      <c r="FK27" s="68">
        <v>44</v>
      </c>
      <c r="FL27" s="69">
        <v>29</v>
      </c>
      <c r="FM27" s="70">
        <v>73</v>
      </c>
      <c r="FN27" s="159"/>
      <c r="FO27" s="69">
        <v>88</v>
      </c>
      <c r="FP27" s="69">
        <v>74</v>
      </c>
      <c r="FQ27" s="69">
        <v>75</v>
      </c>
      <c r="FR27" s="69">
        <v>82</v>
      </c>
      <c r="FS27" s="69">
        <v>60</v>
      </c>
      <c r="FT27" s="70">
        <v>379</v>
      </c>
      <c r="FU27" s="71">
        <v>452</v>
      </c>
      <c r="FV27" s="68">
        <v>3</v>
      </c>
      <c r="FW27" s="69">
        <v>3</v>
      </c>
      <c r="FX27" s="70">
        <v>6</v>
      </c>
      <c r="FY27" s="159"/>
      <c r="FZ27" s="69">
        <v>2</v>
      </c>
      <c r="GA27" s="69">
        <v>4</v>
      </c>
      <c r="GB27" s="69">
        <v>0</v>
      </c>
      <c r="GC27" s="69">
        <v>0</v>
      </c>
      <c r="GD27" s="69">
        <v>1</v>
      </c>
      <c r="GE27" s="70">
        <v>7</v>
      </c>
      <c r="GF27" s="71">
        <v>13</v>
      </c>
      <c r="GG27" s="68">
        <v>217</v>
      </c>
      <c r="GH27" s="69">
        <v>142</v>
      </c>
      <c r="GI27" s="70">
        <v>359</v>
      </c>
      <c r="GJ27" s="159"/>
      <c r="GK27" s="69">
        <v>295</v>
      </c>
      <c r="GL27" s="69">
        <v>194</v>
      </c>
      <c r="GM27" s="69">
        <v>155</v>
      </c>
      <c r="GN27" s="69">
        <v>151</v>
      </c>
      <c r="GO27" s="69">
        <v>118</v>
      </c>
      <c r="GP27" s="70">
        <v>913</v>
      </c>
      <c r="GQ27" s="71">
        <v>1272</v>
      </c>
      <c r="GR27" s="108">
        <v>321</v>
      </c>
      <c r="GS27" s="80">
        <v>208</v>
      </c>
      <c r="GT27" s="81">
        <v>529</v>
      </c>
      <c r="GU27" s="159"/>
      <c r="GV27" s="80">
        <v>452</v>
      </c>
      <c r="GW27" s="80">
        <v>266</v>
      </c>
      <c r="GX27" s="80">
        <v>229</v>
      </c>
      <c r="GY27" s="80">
        <v>213</v>
      </c>
      <c r="GZ27" s="80">
        <v>174</v>
      </c>
      <c r="HA27" s="82">
        <v>1334</v>
      </c>
      <c r="HB27" s="83">
        <v>1863</v>
      </c>
      <c r="HC27" s="68">
        <v>6</v>
      </c>
      <c r="HD27" s="69">
        <v>3</v>
      </c>
      <c r="HE27" s="70">
        <v>9</v>
      </c>
      <c r="HF27" s="159"/>
      <c r="HG27" s="69">
        <v>11</v>
      </c>
      <c r="HH27" s="69">
        <v>7</v>
      </c>
      <c r="HI27" s="69">
        <v>8</v>
      </c>
      <c r="HJ27" s="69">
        <v>1</v>
      </c>
      <c r="HK27" s="69">
        <v>8</v>
      </c>
      <c r="HL27" s="70">
        <v>35</v>
      </c>
      <c r="HM27" s="71">
        <v>44</v>
      </c>
      <c r="HN27" s="68">
        <v>26</v>
      </c>
      <c r="HO27" s="69">
        <v>14</v>
      </c>
      <c r="HP27" s="70">
        <v>40</v>
      </c>
      <c r="HQ27" s="159"/>
      <c r="HR27" s="69">
        <v>18</v>
      </c>
      <c r="HS27" s="69">
        <v>15</v>
      </c>
      <c r="HT27" s="69">
        <v>11</v>
      </c>
      <c r="HU27" s="69">
        <v>12</v>
      </c>
      <c r="HV27" s="69">
        <v>6</v>
      </c>
      <c r="HW27" s="70">
        <v>62</v>
      </c>
      <c r="HX27" s="71">
        <v>102</v>
      </c>
      <c r="HY27" s="68">
        <v>38</v>
      </c>
      <c r="HZ27" s="69">
        <v>27</v>
      </c>
      <c r="IA27" s="70">
        <v>65</v>
      </c>
      <c r="IB27" s="159"/>
      <c r="IC27" s="69">
        <v>57</v>
      </c>
      <c r="ID27" s="69">
        <v>26</v>
      </c>
      <c r="IE27" s="69">
        <v>18</v>
      </c>
      <c r="IF27" s="69">
        <v>18</v>
      </c>
      <c r="IG27" s="69">
        <v>12</v>
      </c>
      <c r="IH27" s="70">
        <v>131</v>
      </c>
      <c r="II27" s="71">
        <v>196</v>
      </c>
      <c r="IJ27" s="68">
        <v>81</v>
      </c>
      <c r="IK27" s="69">
        <v>43</v>
      </c>
      <c r="IL27" s="70">
        <v>124</v>
      </c>
      <c r="IM27" s="159"/>
      <c r="IN27" s="69">
        <v>105</v>
      </c>
      <c r="IO27" s="69">
        <v>52</v>
      </c>
      <c r="IP27" s="69">
        <v>34</v>
      </c>
      <c r="IQ27" s="69">
        <v>26</v>
      </c>
      <c r="IR27" s="69">
        <v>38</v>
      </c>
      <c r="IS27" s="70">
        <v>255</v>
      </c>
      <c r="IT27" s="71">
        <v>379</v>
      </c>
      <c r="IU27" s="68">
        <v>101</v>
      </c>
      <c r="IV27" s="69">
        <v>72</v>
      </c>
      <c r="IW27" s="70">
        <v>173</v>
      </c>
      <c r="IX27" s="159"/>
      <c r="IY27" s="69">
        <v>137</v>
      </c>
      <c r="IZ27" s="69">
        <v>81</v>
      </c>
      <c r="JA27" s="69">
        <v>64</v>
      </c>
      <c r="JB27" s="69">
        <v>56</v>
      </c>
      <c r="JC27" s="69">
        <v>39</v>
      </c>
      <c r="JD27" s="70">
        <v>377</v>
      </c>
      <c r="JE27" s="71">
        <v>550</v>
      </c>
      <c r="JF27" s="68">
        <v>69</v>
      </c>
      <c r="JG27" s="69">
        <v>49</v>
      </c>
      <c r="JH27" s="70">
        <v>118</v>
      </c>
      <c r="JI27" s="159"/>
      <c r="JJ27" s="69">
        <v>124</v>
      </c>
      <c r="JK27" s="69">
        <v>85</v>
      </c>
      <c r="JL27" s="69">
        <v>94</v>
      </c>
      <c r="JM27" s="69">
        <v>100</v>
      </c>
      <c r="JN27" s="69">
        <v>71</v>
      </c>
      <c r="JO27" s="70">
        <v>474</v>
      </c>
      <c r="JP27" s="71">
        <v>592</v>
      </c>
      <c r="JQ27" s="68">
        <v>10</v>
      </c>
      <c r="JR27" s="69">
        <v>7</v>
      </c>
      <c r="JS27" s="70">
        <v>17</v>
      </c>
      <c r="JT27" s="159"/>
      <c r="JU27" s="69">
        <v>4</v>
      </c>
      <c r="JV27" s="69">
        <v>10</v>
      </c>
      <c r="JW27" s="69">
        <v>0</v>
      </c>
      <c r="JX27" s="69">
        <v>2</v>
      </c>
      <c r="JY27" s="69">
        <v>3</v>
      </c>
      <c r="JZ27" s="70">
        <v>19</v>
      </c>
      <c r="KA27" s="71">
        <v>36</v>
      </c>
      <c r="KB27" s="68">
        <v>331</v>
      </c>
      <c r="KC27" s="69">
        <v>215</v>
      </c>
      <c r="KD27" s="70">
        <v>546</v>
      </c>
      <c r="KE27" s="159"/>
      <c r="KF27" s="69">
        <v>456</v>
      </c>
      <c r="KG27" s="69">
        <v>276</v>
      </c>
      <c r="KH27" s="69">
        <v>229</v>
      </c>
      <c r="KI27" s="69">
        <v>215</v>
      </c>
      <c r="KJ27" s="69">
        <v>177</v>
      </c>
      <c r="KK27" s="70">
        <v>1353</v>
      </c>
      <c r="KL27" s="71">
        <v>1899</v>
      </c>
    </row>
    <row r="28" spans="1:298" ht="19.5" customHeight="1" x14ac:dyDescent="0.2">
      <c r="A28" s="111" t="s">
        <v>25</v>
      </c>
      <c r="B28" s="215">
        <v>78</v>
      </c>
      <c r="C28" s="80">
        <v>99</v>
      </c>
      <c r="D28" s="81">
        <v>177</v>
      </c>
      <c r="E28" s="159"/>
      <c r="F28" s="80">
        <v>201</v>
      </c>
      <c r="G28" s="80">
        <v>111</v>
      </c>
      <c r="H28" s="80">
        <v>110</v>
      </c>
      <c r="I28" s="80">
        <v>115</v>
      </c>
      <c r="J28" s="80">
        <v>49</v>
      </c>
      <c r="K28" s="82">
        <v>586</v>
      </c>
      <c r="L28" s="83">
        <v>763</v>
      </c>
      <c r="M28" s="68">
        <v>1</v>
      </c>
      <c r="N28" s="69">
        <v>5</v>
      </c>
      <c r="O28" s="70">
        <v>6</v>
      </c>
      <c r="P28" s="159"/>
      <c r="Q28" s="69">
        <v>8</v>
      </c>
      <c r="R28" s="69">
        <v>8</v>
      </c>
      <c r="S28" s="69">
        <v>2</v>
      </c>
      <c r="T28" s="69">
        <v>6</v>
      </c>
      <c r="U28" s="69">
        <v>3</v>
      </c>
      <c r="V28" s="70">
        <v>27</v>
      </c>
      <c r="W28" s="71">
        <v>33</v>
      </c>
      <c r="X28" s="68">
        <v>8</v>
      </c>
      <c r="Y28" s="69">
        <v>11</v>
      </c>
      <c r="Z28" s="70">
        <v>19</v>
      </c>
      <c r="AA28" s="159"/>
      <c r="AB28" s="69">
        <v>17</v>
      </c>
      <c r="AC28" s="69">
        <v>16</v>
      </c>
      <c r="AD28" s="69">
        <v>14</v>
      </c>
      <c r="AE28" s="69">
        <v>12</v>
      </c>
      <c r="AF28" s="69">
        <v>6</v>
      </c>
      <c r="AG28" s="70">
        <v>65</v>
      </c>
      <c r="AH28" s="71">
        <v>84</v>
      </c>
      <c r="AI28" s="68">
        <v>15</v>
      </c>
      <c r="AJ28" s="69">
        <v>24</v>
      </c>
      <c r="AK28" s="70">
        <v>39</v>
      </c>
      <c r="AL28" s="159"/>
      <c r="AM28" s="69">
        <v>35</v>
      </c>
      <c r="AN28" s="69">
        <v>14</v>
      </c>
      <c r="AO28" s="69">
        <v>16</v>
      </c>
      <c r="AP28" s="69">
        <v>24</v>
      </c>
      <c r="AQ28" s="69">
        <v>13</v>
      </c>
      <c r="AR28" s="70">
        <v>102</v>
      </c>
      <c r="AS28" s="71">
        <v>141</v>
      </c>
      <c r="AT28" s="68">
        <v>22</v>
      </c>
      <c r="AU28" s="69">
        <v>28</v>
      </c>
      <c r="AV28" s="70">
        <v>50</v>
      </c>
      <c r="AW28" s="159"/>
      <c r="AX28" s="69">
        <v>64</v>
      </c>
      <c r="AY28" s="69">
        <v>38</v>
      </c>
      <c r="AZ28" s="69">
        <v>29</v>
      </c>
      <c r="BA28" s="69">
        <v>32</v>
      </c>
      <c r="BB28" s="69">
        <v>13</v>
      </c>
      <c r="BC28" s="70">
        <v>176</v>
      </c>
      <c r="BD28" s="71">
        <v>226</v>
      </c>
      <c r="BE28" s="68">
        <v>24</v>
      </c>
      <c r="BF28" s="69">
        <v>16</v>
      </c>
      <c r="BG28" s="70">
        <v>40</v>
      </c>
      <c r="BH28" s="159"/>
      <c r="BI28" s="69">
        <v>50</v>
      </c>
      <c r="BJ28" s="69">
        <v>27</v>
      </c>
      <c r="BK28" s="69">
        <v>32</v>
      </c>
      <c r="BL28" s="69">
        <v>22</v>
      </c>
      <c r="BM28" s="69">
        <v>8</v>
      </c>
      <c r="BN28" s="70">
        <v>139</v>
      </c>
      <c r="BO28" s="71">
        <v>179</v>
      </c>
      <c r="BP28" s="68">
        <v>8</v>
      </c>
      <c r="BQ28" s="69">
        <v>15</v>
      </c>
      <c r="BR28" s="70">
        <v>23</v>
      </c>
      <c r="BS28" s="159"/>
      <c r="BT28" s="69">
        <v>27</v>
      </c>
      <c r="BU28" s="69">
        <v>8</v>
      </c>
      <c r="BV28" s="69">
        <v>17</v>
      </c>
      <c r="BW28" s="69">
        <v>19</v>
      </c>
      <c r="BX28" s="69">
        <v>6</v>
      </c>
      <c r="BY28" s="70">
        <v>77</v>
      </c>
      <c r="BZ28" s="71">
        <v>100</v>
      </c>
      <c r="CA28" s="68">
        <v>3</v>
      </c>
      <c r="CB28" s="69">
        <v>3</v>
      </c>
      <c r="CC28" s="70">
        <v>6</v>
      </c>
      <c r="CD28" s="159"/>
      <c r="CE28" s="69">
        <v>3</v>
      </c>
      <c r="CF28" s="69">
        <v>9</v>
      </c>
      <c r="CG28" s="69">
        <v>1</v>
      </c>
      <c r="CH28" s="69">
        <v>4</v>
      </c>
      <c r="CI28" s="69">
        <v>2</v>
      </c>
      <c r="CJ28" s="70">
        <v>19</v>
      </c>
      <c r="CK28" s="71">
        <v>25</v>
      </c>
      <c r="CL28" s="68">
        <v>81</v>
      </c>
      <c r="CM28" s="69">
        <v>102</v>
      </c>
      <c r="CN28" s="70">
        <v>183</v>
      </c>
      <c r="CO28" s="159"/>
      <c r="CP28" s="69">
        <v>204</v>
      </c>
      <c r="CQ28" s="69">
        <v>120</v>
      </c>
      <c r="CR28" s="69">
        <v>111</v>
      </c>
      <c r="CS28" s="69">
        <v>119</v>
      </c>
      <c r="CT28" s="69">
        <v>51</v>
      </c>
      <c r="CU28" s="70">
        <v>605</v>
      </c>
      <c r="CV28" s="71">
        <v>788</v>
      </c>
      <c r="CW28" s="108">
        <v>178</v>
      </c>
      <c r="CX28" s="80">
        <v>172</v>
      </c>
      <c r="CY28" s="81">
        <v>350</v>
      </c>
      <c r="CZ28" s="159"/>
      <c r="DA28" s="80">
        <v>318</v>
      </c>
      <c r="DB28" s="80">
        <v>202</v>
      </c>
      <c r="DC28" s="80">
        <v>143</v>
      </c>
      <c r="DD28" s="80">
        <v>188</v>
      </c>
      <c r="DE28" s="80">
        <v>118</v>
      </c>
      <c r="DF28" s="82">
        <v>969</v>
      </c>
      <c r="DG28" s="83">
        <v>1319</v>
      </c>
      <c r="DH28" s="68">
        <v>4</v>
      </c>
      <c r="DI28" s="69">
        <v>8</v>
      </c>
      <c r="DJ28" s="70">
        <v>12</v>
      </c>
      <c r="DK28" s="159"/>
      <c r="DL28" s="69">
        <v>7</v>
      </c>
      <c r="DM28" s="69">
        <v>7</v>
      </c>
      <c r="DN28" s="69">
        <v>3</v>
      </c>
      <c r="DO28" s="69">
        <v>4</v>
      </c>
      <c r="DP28" s="69">
        <v>5</v>
      </c>
      <c r="DQ28" s="70">
        <v>26</v>
      </c>
      <c r="DR28" s="71">
        <v>38</v>
      </c>
      <c r="DS28" s="68">
        <v>18</v>
      </c>
      <c r="DT28" s="69">
        <v>16</v>
      </c>
      <c r="DU28" s="70">
        <v>34</v>
      </c>
      <c r="DV28" s="159"/>
      <c r="DW28" s="69">
        <v>21</v>
      </c>
      <c r="DX28" s="69">
        <v>13</v>
      </c>
      <c r="DY28" s="69">
        <v>20</v>
      </c>
      <c r="DZ28" s="69">
        <v>12</v>
      </c>
      <c r="EA28" s="69">
        <v>7</v>
      </c>
      <c r="EB28" s="70">
        <v>73</v>
      </c>
      <c r="EC28" s="71">
        <v>107</v>
      </c>
      <c r="ED28" s="68">
        <v>39</v>
      </c>
      <c r="EE28" s="69">
        <v>26</v>
      </c>
      <c r="EF28" s="70">
        <v>65</v>
      </c>
      <c r="EG28" s="159"/>
      <c r="EH28" s="69">
        <v>41</v>
      </c>
      <c r="EI28" s="69">
        <v>27</v>
      </c>
      <c r="EJ28" s="69">
        <v>18</v>
      </c>
      <c r="EK28" s="69">
        <v>27</v>
      </c>
      <c r="EL28" s="69">
        <v>19</v>
      </c>
      <c r="EM28" s="70">
        <v>132</v>
      </c>
      <c r="EN28" s="71">
        <v>197</v>
      </c>
      <c r="EO28" s="68">
        <v>49</v>
      </c>
      <c r="EP28" s="69">
        <v>43</v>
      </c>
      <c r="EQ28" s="70">
        <v>92</v>
      </c>
      <c r="ER28" s="159"/>
      <c r="ES28" s="69">
        <v>76</v>
      </c>
      <c r="ET28" s="69">
        <v>51</v>
      </c>
      <c r="EU28" s="69">
        <v>26</v>
      </c>
      <c r="EV28" s="69">
        <v>39</v>
      </c>
      <c r="EW28" s="69">
        <v>15</v>
      </c>
      <c r="EX28" s="70">
        <v>207</v>
      </c>
      <c r="EY28" s="71">
        <v>299</v>
      </c>
      <c r="EZ28" s="68">
        <v>45</v>
      </c>
      <c r="FA28" s="69">
        <v>47</v>
      </c>
      <c r="FB28" s="70">
        <v>92</v>
      </c>
      <c r="FC28" s="159"/>
      <c r="FD28" s="69">
        <v>95</v>
      </c>
      <c r="FE28" s="69">
        <v>47</v>
      </c>
      <c r="FF28" s="69">
        <v>40</v>
      </c>
      <c r="FG28" s="69">
        <v>50</v>
      </c>
      <c r="FH28" s="69">
        <v>38</v>
      </c>
      <c r="FI28" s="70">
        <v>270</v>
      </c>
      <c r="FJ28" s="71">
        <v>362</v>
      </c>
      <c r="FK28" s="68">
        <v>23</v>
      </c>
      <c r="FL28" s="69">
        <v>32</v>
      </c>
      <c r="FM28" s="70">
        <v>55</v>
      </c>
      <c r="FN28" s="159"/>
      <c r="FO28" s="69">
        <v>78</v>
      </c>
      <c r="FP28" s="69">
        <v>57</v>
      </c>
      <c r="FQ28" s="69">
        <v>36</v>
      </c>
      <c r="FR28" s="69">
        <v>56</v>
      </c>
      <c r="FS28" s="69">
        <v>34</v>
      </c>
      <c r="FT28" s="70">
        <v>261</v>
      </c>
      <c r="FU28" s="71">
        <v>316</v>
      </c>
      <c r="FV28" s="68">
        <v>0</v>
      </c>
      <c r="FW28" s="69">
        <v>4</v>
      </c>
      <c r="FX28" s="70">
        <v>4</v>
      </c>
      <c r="FY28" s="159"/>
      <c r="FZ28" s="69">
        <v>5</v>
      </c>
      <c r="GA28" s="69">
        <v>5</v>
      </c>
      <c r="GB28" s="69">
        <v>3</v>
      </c>
      <c r="GC28" s="69">
        <v>2</v>
      </c>
      <c r="GD28" s="69">
        <v>6</v>
      </c>
      <c r="GE28" s="70">
        <v>21</v>
      </c>
      <c r="GF28" s="71">
        <v>25</v>
      </c>
      <c r="GG28" s="68">
        <v>178</v>
      </c>
      <c r="GH28" s="69">
        <v>176</v>
      </c>
      <c r="GI28" s="70">
        <v>354</v>
      </c>
      <c r="GJ28" s="159"/>
      <c r="GK28" s="69">
        <v>323</v>
      </c>
      <c r="GL28" s="69">
        <v>207</v>
      </c>
      <c r="GM28" s="69">
        <v>146</v>
      </c>
      <c r="GN28" s="69">
        <v>190</v>
      </c>
      <c r="GO28" s="69">
        <v>124</v>
      </c>
      <c r="GP28" s="70">
        <v>990</v>
      </c>
      <c r="GQ28" s="71">
        <v>1344</v>
      </c>
      <c r="GR28" s="108">
        <v>256</v>
      </c>
      <c r="GS28" s="80">
        <v>271</v>
      </c>
      <c r="GT28" s="81">
        <v>527</v>
      </c>
      <c r="GU28" s="159"/>
      <c r="GV28" s="80">
        <v>519</v>
      </c>
      <c r="GW28" s="80">
        <v>313</v>
      </c>
      <c r="GX28" s="80">
        <v>253</v>
      </c>
      <c r="GY28" s="80">
        <v>303</v>
      </c>
      <c r="GZ28" s="80">
        <v>167</v>
      </c>
      <c r="HA28" s="82">
        <v>1555</v>
      </c>
      <c r="HB28" s="83">
        <v>2082</v>
      </c>
      <c r="HC28" s="68">
        <v>5</v>
      </c>
      <c r="HD28" s="69">
        <v>13</v>
      </c>
      <c r="HE28" s="70">
        <v>18</v>
      </c>
      <c r="HF28" s="159"/>
      <c r="HG28" s="69">
        <v>15</v>
      </c>
      <c r="HH28" s="69">
        <v>15</v>
      </c>
      <c r="HI28" s="69">
        <v>5</v>
      </c>
      <c r="HJ28" s="69">
        <v>10</v>
      </c>
      <c r="HK28" s="69">
        <v>8</v>
      </c>
      <c r="HL28" s="70">
        <v>53</v>
      </c>
      <c r="HM28" s="71">
        <v>71</v>
      </c>
      <c r="HN28" s="68">
        <v>26</v>
      </c>
      <c r="HO28" s="69">
        <v>27</v>
      </c>
      <c r="HP28" s="70">
        <v>53</v>
      </c>
      <c r="HQ28" s="159"/>
      <c r="HR28" s="69">
        <v>38</v>
      </c>
      <c r="HS28" s="69">
        <v>29</v>
      </c>
      <c r="HT28" s="69">
        <v>34</v>
      </c>
      <c r="HU28" s="69">
        <v>24</v>
      </c>
      <c r="HV28" s="69">
        <v>13</v>
      </c>
      <c r="HW28" s="70">
        <v>138</v>
      </c>
      <c r="HX28" s="71">
        <v>191</v>
      </c>
      <c r="HY28" s="68">
        <v>54</v>
      </c>
      <c r="HZ28" s="69">
        <v>50</v>
      </c>
      <c r="IA28" s="70">
        <v>104</v>
      </c>
      <c r="IB28" s="159"/>
      <c r="IC28" s="69">
        <v>76</v>
      </c>
      <c r="ID28" s="69">
        <v>41</v>
      </c>
      <c r="IE28" s="69">
        <v>34</v>
      </c>
      <c r="IF28" s="69">
        <v>51</v>
      </c>
      <c r="IG28" s="69">
        <v>32</v>
      </c>
      <c r="IH28" s="70">
        <v>234</v>
      </c>
      <c r="II28" s="71">
        <v>338</v>
      </c>
      <c r="IJ28" s="68">
        <v>71</v>
      </c>
      <c r="IK28" s="69">
        <v>71</v>
      </c>
      <c r="IL28" s="70">
        <v>142</v>
      </c>
      <c r="IM28" s="159"/>
      <c r="IN28" s="69">
        <v>140</v>
      </c>
      <c r="IO28" s="69">
        <v>89</v>
      </c>
      <c r="IP28" s="69">
        <v>55</v>
      </c>
      <c r="IQ28" s="69">
        <v>71</v>
      </c>
      <c r="IR28" s="69">
        <v>28</v>
      </c>
      <c r="IS28" s="70">
        <v>383</v>
      </c>
      <c r="IT28" s="71">
        <v>525</v>
      </c>
      <c r="IU28" s="68">
        <v>69</v>
      </c>
      <c r="IV28" s="69">
        <v>63</v>
      </c>
      <c r="IW28" s="70">
        <v>132</v>
      </c>
      <c r="IX28" s="159"/>
      <c r="IY28" s="69">
        <v>145</v>
      </c>
      <c r="IZ28" s="69">
        <v>74</v>
      </c>
      <c r="JA28" s="69">
        <v>72</v>
      </c>
      <c r="JB28" s="69">
        <v>72</v>
      </c>
      <c r="JC28" s="69">
        <v>46</v>
      </c>
      <c r="JD28" s="70">
        <v>409</v>
      </c>
      <c r="JE28" s="71">
        <v>541</v>
      </c>
      <c r="JF28" s="68">
        <v>31</v>
      </c>
      <c r="JG28" s="69">
        <v>47</v>
      </c>
      <c r="JH28" s="70">
        <v>78</v>
      </c>
      <c r="JI28" s="159"/>
      <c r="JJ28" s="69">
        <v>105</v>
      </c>
      <c r="JK28" s="69">
        <v>65</v>
      </c>
      <c r="JL28" s="69">
        <v>53</v>
      </c>
      <c r="JM28" s="69">
        <v>75</v>
      </c>
      <c r="JN28" s="69">
        <v>40</v>
      </c>
      <c r="JO28" s="70">
        <v>338</v>
      </c>
      <c r="JP28" s="71">
        <v>416</v>
      </c>
      <c r="JQ28" s="68">
        <v>3</v>
      </c>
      <c r="JR28" s="69">
        <v>7</v>
      </c>
      <c r="JS28" s="70">
        <v>10</v>
      </c>
      <c r="JT28" s="159"/>
      <c r="JU28" s="69">
        <v>8</v>
      </c>
      <c r="JV28" s="69">
        <v>14</v>
      </c>
      <c r="JW28" s="69">
        <v>4</v>
      </c>
      <c r="JX28" s="69">
        <v>6</v>
      </c>
      <c r="JY28" s="69">
        <v>8</v>
      </c>
      <c r="JZ28" s="70">
        <v>40</v>
      </c>
      <c r="KA28" s="71">
        <v>50</v>
      </c>
      <c r="KB28" s="68">
        <v>259</v>
      </c>
      <c r="KC28" s="69">
        <v>278</v>
      </c>
      <c r="KD28" s="70">
        <v>537</v>
      </c>
      <c r="KE28" s="159"/>
      <c r="KF28" s="69">
        <v>527</v>
      </c>
      <c r="KG28" s="69">
        <v>327</v>
      </c>
      <c r="KH28" s="69">
        <v>257</v>
      </c>
      <c r="KI28" s="69">
        <v>309</v>
      </c>
      <c r="KJ28" s="69">
        <v>175</v>
      </c>
      <c r="KK28" s="70">
        <v>1595</v>
      </c>
      <c r="KL28" s="71">
        <v>2132</v>
      </c>
    </row>
    <row r="29" spans="1:298" ht="19.5" customHeight="1" x14ac:dyDescent="0.2">
      <c r="A29" s="111" t="s">
        <v>26</v>
      </c>
      <c r="B29" s="215">
        <v>94</v>
      </c>
      <c r="C29" s="80">
        <v>57</v>
      </c>
      <c r="D29" s="81">
        <v>151</v>
      </c>
      <c r="E29" s="159"/>
      <c r="F29" s="80">
        <v>143</v>
      </c>
      <c r="G29" s="80">
        <v>109</v>
      </c>
      <c r="H29" s="80">
        <v>91</v>
      </c>
      <c r="I29" s="80">
        <v>63</v>
      </c>
      <c r="J29" s="80">
        <v>36</v>
      </c>
      <c r="K29" s="82">
        <v>442</v>
      </c>
      <c r="L29" s="83">
        <v>593</v>
      </c>
      <c r="M29" s="68">
        <v>4</v>
      </c>
      <c r="N29" s="69">
        <v>2</v>
      </c>
      <c r="O29" s="70">
        <v>6</v>
      </c>
      <c r="P29" s="159"/>
      <c r="Q29" s="69">
        <v>8</v>
      </c>
      <c r="R29" s="69">
        <v>5</v>
      </c>
      <c r="S29" s="69">
        <v>6</v>
      </c>
      <c r="T29" s="69">
        <v>0</v>
      </c>
      <c r="U29" s="69">
        <v>3</v>
      </c>
      <c r="V29" s="70">
        <v>22</v>
      </c>
      <c r="W29" s="71">
        <v>28</v>
      </c>
      <c r="X29" s="68">
        <v>10</v>
      </c>
      <c r="Y29" s="69">
        <v>4</v>
      </c>
      <c r="Z29" s="70">
        <v>14</v>
      </c>
      <c r="AA29" s="159"/>
      <c r="AB29" s="69">
        <v>13</v>
      </c>
      <c r="AC29" s="69">
        <v>10</v>
      </c>
      <c r="AD29" s="69">
        <v>7</v>
      </c>
      <c r="AE29" s="69">
        <v>7</v>
      </c>
      <c r="AF29" s="69">
        <v>6</v>
      </c>
      <c r="AG29" s="70">
        <v>43</v>
      </c>
      <c r="AH29" s="71">
        <v>57</v>
      </c>
      <c r="AI29" s="68">
        <v>20</v>
      </c>
      <c r="AJ29" s="69">
        <v>10</v>
      </c>
      <c r="AK29" s="70">
        <v>30</v>
      </c>
      <c r="AL29" s="159"/>
      <c r="AM29" s="69">
        <v>23</v>
      </c>
      <c r="AN29" s="69">
        <v>16</v>
      </c>
      <c r="AO29" s="69">
        <v>15</v>
      </c>
      <c r="AP29" s="69">
        <v>11</v>
      </c>
      <c r="AQ29" s="69">
        <v>5</v>
      </c>
      <c r="AR29" s="70">
        <v>70</v>
      </c>
      <c r="AS29" s="71">
        <v>100</v>
      </c>
      <c r="AT29" s="68">
        <v>22</v>
      </c>
      <c r="AU29" s="69">
        <v>11</v>
      </c>
      <c r="AV29" s="70">
        <v>33</v>
      </c>
      <c r="AW29" s="159"/>
      <c r="AX29" s="69">
        <v>30</v>
      </c>
      <c r="AY29" s="69">
        <v>28</v>
      </c>
      <c r="AZ29" s="69">
        <v>24</v>
      </c>
      <c r="BA29" s="69">
        <v>9</v>
      </c>
      <c r="BB29" s="69">
        <v>11</v>
      </c>
      <c r="BC29" s="70">
        <v>102</v>
      </c>
      <c r="BD29" s="71">
        <v>135</v>
      </c>
      <c r="BE29" s="68">
        <v>24</v>
      </c>
      <c r="BF29" s="69">
        <v>18</v>
      </c>
      <c r="BG29" s="70">
        <v>42</v>
      </c>
      <c r="BH29" s="159"/>
      <c r="BI29" s="69">
        <v>35</v>
      </c>
      <c r="BJ29" s="69">
        <v>26</v>
      </c>
      <c r="BK29" s="69">
        <v>18</v>
      </c>
      <c r="BL29" s="69">
        <v>19</v>
      </c>
      <c r="BM29" s="69">
        <v>5</v>
      </c>
      <c r="BN29" s="70">
        <v>103</v>
      </c>
      <c r="BO29" s="71">
        <v>145</v>
      </c>
      <c r="BP29" s="68">
        <v>14</v>
      </c>
      <c r="BQ29" s="69">
        <v>12</v>
      </c>
      <c r="BR29" s="70">
        <v>26</v>
      </c>
      <c r="BS29" s="159"/>
      <c r="BT29" s="69">
        <v>34</v>
      </c>
      <c r="BU29" s="69">
        <v>24</v>
      </c>
      <c r="BV29" s="69">
        <v>21</v>
      </c>
      <c r="BW29" s="69">
        <v>17</v>
      </c>
      <c r="BX29" s="69">
        <v>6</v>
      </c>
      <c r="BY29" s="70">
        <v>102</v>
      </c>
      <c r="BZ29" s="71">
        <v>128</v>
      </c>
      <c r="CA29" s="68">
        <v>2</v>
      </c>
      <c r="CB29" s="69">
        <v>1</v>
      </c>
      <c r="CC29" s="70">
        <v>3</v>
      </c>
      <c r="CD29" s="159"/>
      <c r="CE29" s="69">
        <v>4</v>
      </c>
      <c r="CF29" s="69">
        <v>2</v>
      </c>
      <c r="CG29" s="69">
        <v>1</v>
      </c>
      <c r="CH29" s="69">
        <v>4</v>
      </c>
      <c r="CI29" s="69">
        <v>2</v>
      </c>
      <c r="CJ29" s="70">
        <v>13</v>
      </c>
      <c r="CK29" s="71">
        <v>16</v>
      </c>
      <c r="CL29" s="68">
        <v>96</v>
      </c>
      <c r="CM29" s="69">
        <v>58</v>
      </c>
      <c r="CN29" s="70">
        <v>154</v>
      </c>
      <c r="CO29" s="159"/>
      <c r="CP29" s="69">
        <v>147</v>
      </c>
      <c r="CQ29" s="69">
        <v>111</v>
      </c>
      <c r="CR29" s="69">
        <v>92</v>
      </c>
      <c r="CS29" s="69">
        <v>67</v>
      </c>
      <c r="CT29" s="69">
        <v>38</v>
      </c>
      <c r="CU29" s="70">
        <v>455</v>
      </c>
      <c r="CV29" s="71">
        <v>609</v>
      </c>
      <c r="CW29" s="108">
        <v>177</v>
      </c>
      <c r="CX29" s="80">
        <v>173</v>
      </c>
      <c r="CY29" s="81">
        <v>350</v>
      </c>
      <c r="CZ29" s="159"/>
      <c r="DA29" s="80">
        <v>263</v>
      </c>
      <c r="DB29" s="80">
        <v>186</v>
      </c>
      <c r="DC29" s="80">
        <v>143</v>
      </c>
      <c r="DD29" s="80">
        <v>153</v>
      </c>
      <c r="DE29" s="80">
        <v>134</v>
      </c>
      <c r="DF29" s="82">
        <v>879</v>
      </c>
      <c r="DG29" s="83">
        <v>1229</v>
      </c>
      <c r="DH29" s="68">
        <v>5</v>
      </c>
      <c r="DI29" s="69">
        <v>4</v>
      </c>
      <c r="DJ29" s="70">
        <v>9</v>
      </c>
      <c r="DK29" s="159"/>
      <c r="DL29" s="69">
        <v>6</v>
      </c>
      <c r="DM29" s="69">
        <v>5</v>
      </c>
      <c r="DN29" s="69">
        <v>3</v>
      </c>
      <c r="DO29" s="69">
        <v>1</v>
      </c>
      <c r="DP29" s="69">
        <v>3</v>
      </c>
      <c r="DQ29" s="70">
        <v>18</v>
      </c>
      <c r="DR29" s="71">
        <v>27</v>
      </c>
      <c r="DS29" s="68">
        <v>10</v>
      </c>
      <c r="DT29" s="69">
        <v>9</v>
      </c>
      <c r="DU29" s="70">
        <v>19</v>
      </c>
      <c r="DV29" s="159"/>
      <c r="DW29" s="69">
        <v>14</v>
      </c>
      <c r="DX29" s="69">
        <v>12</v>
      </c>
      <c r="DY29" s="69">
        <v>7</v>
      </c>
      <c r="DZ29" s="69">
        <v>5</v>
      </c>
      <c r="EA29" s="69">
        <v>6</v>
      </c>
      <c r="EB29" s="70">
        <v>44</v>
      </c>
      <c r="EC29" s="71">
        <v>63</v>
      </c>
      <c r="ED29" s="68">
        <v>35</v>
      </c>
      <c r="EE29" s="69">
        <v>17</v>
      </c>
      <c r="EF29" s="70">
        <v>52</v>
      </c>
      <c r="EG29" s="159"/>
      <c r="EH29" s="69">
        <v>38</v>
      </c>
      <c r="EI29" s="69">
        <v>18</v>
      </c>
      <c r="EJ29" s="69">
        <v>14</v>
      </c>
      <c r="EK29" s="69">
        <v>7</v>
      </c>
      <c r="EL29" s="69">
        <v>12</v>
      </c>
      <c r="EM29" s="70">
        <v>89</v>
      </c>
      <c r="EN29" s="71">
        <v>141</v>
      </c>
      <c r="EO29" s="68">
        <v>46</v>
      </c>
      <c r="EP29" s="69">
        <v>47</v>
      </c>
      <c r="EQ29" s="70">
        <v>93</v>
      </c>
      <c r="ER29" s="159"/>
      <c r="ES29" s="69">
        <v>56</v>
      </c>
      <c r="ET29" s="69">
        <v>34</v>
      </c>
      <c r="EU29" s="69">
        <v>26</v>
      </c>
      <c r="EV29" s="69">
        <v>19</v>
      </c>
      <c r="EW29" s="69">
        <v>25</v>
      </c>
      <c r="EX29" s="70">
        <v>160</v>
      </c>
      <c r="EY29" s="71">
        <v>253</v>
      </c>
      <c r="EZ29" s="68">
        <v>50</v>
      </c>
      <c r="FA29" s="69">
        <v>57</v>
      </c>
      <c r="FB29" s="70">
        <v>107</v>
      </c>
      <c r="FC29" s="159"/>
      <c r="FD29" s="69">
        <v>77</v>
      </c>
      <c r="FE29" s="69">
        <v>37</v>
      </c>
      <c r="FF29" s="69">
        <v>34</v>
      </c>
      <c r="FG29" s="69">
        <v>46</v>
      </c>
      <c r="FH29" s="69">
        <v>24</v>
      </c>
      <c r="FI29" s="70">
        <v>218</v>
      </c>
      <c r="FJ29" s="71">
        <v>325</v>
      </c>
      <c r="FK29" s="68">
        <v>31</v>
      </c>
      <c r="FL29" s="69">
        <v>39</v>
      </c>
      <c r="FM29" s="70">
        <v>70</v>
      </c>
      <c r="FN29" s="159"/>
      <c r="FO29" s="69">
        <v>72</v>
      </c>
      <c r="FP29" s="69">
        <v>80</v>
      </c>
      <c r="FQ29" s="69">
        <v>59</v>
      </c>
      <c r="FR29" s="69">
        <v>75</v>
      </c>
      <c r="FS29" s="69">
        <v>64</v>
      </c>
      <c r="FT29" s="70">
        <v>350</v>
      </c>
      <c r="FU29" s="71">
        <v>420</v>
      </c>
      <c r="FV29" s="68">
        <v>3</v>
      </c>
      <c r="FW29" s="69">
        <v>2</v>
      </c>
      <c r="FX29" s="70">
        <v>5</v>
      </c>
      <c r="FY29" s="159"/>
      <c r="FZ29" s="69">
        <v>4</v>
      </c>
      <c r="GA29" s="69">
        <v>6</v>
      </c>
      <c r="GB29" s="69">
        <v>0</v>
      </c>
      <c r="GC29" s="69">
        <v>3</v>
      </c>
      <c r="GD29" s="69">
        <v>2</v>
      </c>
      <c r="GE29" s="70">
        <v>15</v>
      </c>
      <c r="GF29" s="71">
        <v>20</v>
      </c>
      <c r="GG29" s="68">
        <v>180</v>
      </c>
      <c r="GH29" s="69">
        <v>175</v>
      </c>
      <c r="GI29" s="70">
        <v>355</v>
      </c>
      <c r="GJ29" s="159"/>
      <c r="GK29" s="69">
        <v>267</v>
      </c>
      <c r="GL29" s="69">
        <v>192</v>
      </c>
      <c r="GM29" s="69">
        <v>143</v>
      </c>
      <c r="GN29" s="69">
        <v>156</v>
      </c>
      <c r="GO29" s="69">
        <v>136</v>
      </c>
      <c r="GP29" s="70">
        <v>894</v>
      </c>
      <c r="GQ29" s="71">
        <v>1249</v>
      </c>
      <c r="GR29" s="108">
        <v>271</v>
      </c>
      <c r="GS29" s="80">
        <v>230</v>
      </c>
      <c r="GT29" s="81">
        <v>501</v>
      </c>
      <c r="GU29" s="159"/>
      <c r="GV29" s="80">
        <v>406</v>
      </c>
      <c r="GW29" s="80">
        <v>295</v>
      </c>
      <c r="GX29" s="80">
        <v>234</v>
      </c>
      <c r="GY29" s="80">
        <v>216</v>
      </c>
      <c r="GZ29" s="80">
        <v>170</v>
      </c>
      <c r="HA29" s="82">
        <v>1321</v>
      </c>
      <c r="HB29" s="83">
        <v>1822</v>
      </c>
      <c r="HC29" s="68">
        <v>9</v>
      </c>
      <c r="HD29" s="69">
        <v>6</v>
      </c>
      <c r="HE29" s="70">
        <v>15</v>
      </c>
      <c r="HF29" s="159"/>
      <c r="HG29" s="69">
        <v>14</v>
      </c>
      <c r="HH29" s="69">
        <v>10</v>
      </c>
      <c r="HI29" s="69">
        <v>9</v>
      </c>
      <c r="HJ29" s="69">
        <v>1</v>
      </c>
      <c r="HK29" s="69">
        <v>6</v>
      </c>
      <c r="HL29" s="70">
        <v>40</v>
      </c>
      <c r="HM29" s="71">
        <v>55</v>
      </c>
      <c r="HN29" s="68">
        <v>20</v>
      </c>
      <c r="HO29" s="69">
        <v>13</v>
      </c>
      <c r="HP29" s="70">
        <v>33</v>
      </c>
      <c r="HQ29" s="159"/>
      <c r="HR29" s="69">
        <v>27</v>
      </c>
      <c r="HS29" s="69">
        <v>22</v>
      </c>
      <c r="HT29" s="69">
        <v>14</v>
      </c>
      <c r="HU29" s="69">
        <v>12</v>
      </c>
      <c r="HV29" s="69">
        <v>12</v>
      </c>
      <c r="HW29" s="70">
        <v>87</v>
      </c>
      <c r="HX29" s="71">
        <v>120</v>
      </c>
      <c r="HY29" s="68">
        <v>55</v>
      </c>
      <c r="HZ29" s="69">
        <v>27</v>
      </c>
      <c r="IA29" s="70">
        <v>82</v>
      </c>
      <c r="IB29" s="159"/>
      <c r="IC29" s="69">
        <v>61</v>
      </c>
      <c r="ID29" s="69">
        <v>34</v>
      </c>
      <c r="IE29" s="69">
        <v>29</v>
      </c>
      <c r="IF29" s="69">
        <v>18</v>
      </c>
      <c r="IG29" s="69">
        <v>17</v>
      </c>
      <c r="IH29" s="70">
        <v>159</v>
      </c>
      <c r="II29" s="71">
        <v>241</v>
      </c>
      <c r="IJ29" s="68">
        <v>68</v>
      </c>
      <c r="IK29" s="69">
        <v>58</v>
      </c>
      <c r="IL29" s="70">
        <v>126</v>
      </c>
      <c r="IM29" s="159"/>
      <c r="IN29" s="69">
        <v>86</v>
      </c>
      <c r="IO29" s="69">
        <v>62</v>
      </c>
      <c r="IP29" s="69">
        <v>50</v>
      </c>
      <c r="IQ29" s="69">
        <v>28</v>
      </c>
      <c r="IR29" s="69">
        <v>36</v>
      </c>
      <c r="IS29" s="70">
        <v>262</v>
      </c>
      <c r="IT29" s="71">
        <v>388</v>
      </c>
      <c r="IU29" s="68">
        <v>74</v>
      </c>
      <c r="IV29" s="69">
        <v>75</v>
      </c>
      <c r="IW29" s="70">
        <v>149</v>
      </c>
      <c r="IX29" s="159"/>
      <c r="IY29" s="69">
        <v>112</v>
      </c>
      <c r="IZ29" s="69">
        <v>63</v>
      </c>
      <c r="JA29" s="69">
        <v>52</v>
      </c>
      <c r="JB29" s="69">
        <v>65</v>
      </c>
      <c r="JC29" s="69">
        <v>29</v>
      </c>
      <c r="JD29" s="70">
        <v>321</v>
      </c>
      <c r="JE29" s="71">
        <v>470</v>
      </c>
      <c r="JF29" s="68">
        <v>45</v>
      </c>
      <c r="JG29" s="69">
        <v>51</v>
      </c>
      <c r="JH29" s="70">
        <v>96</v>
      </c>
      <c r="JI29" s="159"/>
      <c r="JJ29" s="69">
        <v>106</v>
      </c>
      <c r="JK29" s="69">
        <v>104</v>
      </c>
      <c r="JL29" s="69">
        <v>80</v>
      </c>
      <c r="JM29" s="69">
        <v>92</v>
      </c>
      <c r="JN29" s="69">
        <v>70</v>
      </c>
      <c r="JO29" s="70">
        <v>452</v>
      </c>
      <c r="JP29" s="71">
        <v>548</v>
      </c>
      <c r="JQ29" s="68">
        <v>5</v>
      </c>
      <c r="JR29" s="69">
        <v>3</v>
      </c>
      <c r="JS29" s="70">
        <v>8</v>
      </c>
      <c r="JT29" s="159"/>
      <c r="JU29" s="69">
        <v>8</v>
      </c>
      <c r="JV29" s="69">
        <v>8</v>
      </c>
      <c r="JW29" s="69">
        <v>1</v>
      </c>
      <c r="JX29" s="69">
        <v>7</v>
      </c>
      <c r="JY29" s="69">
        <v>4</v>
      </c>
      <c r="JZ29" s="70">
        <v>28</v>
      </c>
      <c r="KA29" s="71">
        <v>36</v>
      </c>
      <c r="KB29" s="68">
        <v>276</v>
      </c>
      <c r="KC29" s="69">
        <v>233</v>
      </c>
      <c r="KD29" s="70">
        <v>509</v>
      </c>
      <c r="KE29" s="159"/>
      <c r="KF29" s="69">
        <v>414</v>
      </c>
      <c r="KG29" s="69">
        <v>303</v>
      </c>
      <c r="KH29" s="69">
        <v>235</v>
      </c>
      <c r="KI29" s="69">
        <v>223</v>
      </c>
      <c r="KJ29" s="69">
        <v>174</v>
      </c>
      <c r="KK29" s="70">
        <v>1349</v>
      </c>
      <c r="KL29" s="71">
        <v>1858</v>
      </c>
    </row>
    <row r="30" spans="1:298" ht="19.5" customHeight="1" x14ac:dyDescent="0.2">
      <c r="A30" s="111" t="s">
        <v>27</v>
      </c>
      <c r="B30" s="215">
        <v>81</v>
      </c>
      <c r="C30" s="80">
        <v>102</v>
      </c>
      <c r="D30" s="81">
        <v>183</v>
      </c>
      <c r="E30" s="159"/>
      <c r="F30" s="80">
        <v>103</v>
      </c>
      <c r="G30" s="80">
        <v>84</v>
      </c>
      <c r="H30" s="80">
        <v>78</v>
      </c>
      <c r="I30" s="80">
        <v>63</v>
      </c>
      <c r="J30" s="80">
        <v>28</v>
      </c>
      <c r="K30" s="82">
        <v>356</v>
      </c>
      <c r="L30" s="83">
        <v>539</v>
      </c>
      <c r="M30" s="68">
        <v>4</v>
      </c>
      <c r="N30" s="69">
        <v>2</v>
      </c>
      <c r="O30" s="70">
        <v>6</v>
      </c>
      <c r="P30" s="159"/>
      <c r="Q30" s="69">
        <v>1</v>
      </c>
      <c r="R30" s="69">
        <v>8</v>
      </c>
      <c r="S30" s="69">
        <v>2</v>
      </c>
      <c r="T30" s="69">
        <v>0</v>
      </c>
      <c r="U30" s="69">
        <v>2</v>
      </c>
      <c r="V30" s="70">
        <v>13</v>
      </c>
      <c r="W30" s="71">
        <v>19</v>
      </c>
      <c r="X30" s="68">
        <v>11</v>
      </c>
      <c r="Y30" s="69">
        <v>10</v>
      </c>
      <c r="Z30" s="70">
        <v>21</v>
      </c>
      <c r="AA30" s="159"/>
      <c r="AB30" s="69">
        <v>11</v>
      </c>
      <c r="AC30" s="69">
        <v>12</v>
      </c>
      <c r="AD30" s="69">
        <v>13</v>
      </c>
      <c r="AE30" s="69">
        <v>8</v>
      </c>
      <c r="AF30" s="69">
        <v>2</v>
      </c>
      <c r="AG30" s="70">
        <v>46</v>
      </c>
      <c r="AH30" s="71">
        <v>67</v>
      </c>
      <c r="AI30" s="68">
        <v>12</v>
      </c>
      <c r="AJ30" s="69">
        <v>18</v>
      </c>
      <c r="AK30" s="70">
        <v>30</v>
      </c>
      <c r="AL30" s="159"/>
      <c r="AM30" s="69">
        <v>15</v>
      </c>
      <c r="AN30" s="69">
        <v>14</v>
      </c>
      <c r="AO30" s="69">
        <v>13</v>
      </c>
      <c r="AP30" s="69">
        <v>5</v>
      </c>
      <c r="AQ30" s="69">
        <v>6</v>
      </c>
      <c r="AR30" s="70">
        <v>53</v>
      </c>
      <c r="AS30" s="71">
        <v>83</v>
      </c>
      <c r="AT30" s="68">
        <v>22</v>
      </c>
      <c r="AU30" s="69">
        <v>29</v>
      </c>
      <c r="AV30" s="70">
        <v>51</v>
      </c>
      <c r="AW30" s="159"/>
      <c r="AX30" s="69">
        <v>30</v>
      </c>
      <c r="AY30" s="69">
        <v>11</v>
      </c>
      <c r="AZ30" s="69">
        <v>16</v>
      </c>
      <c r="BA30" s="69">
        <v>10</v>
      </c>
      <c r="BB30" s="69">
        <v>9</v>
      </c>
      <c r="BC30" s="70">
        <v>76</v>
      </c>
      <c r="BD30" s="71">
        <v>127</v>
      </c>
      <c r="BE30" s="68">
        <v>19</v>
      </c>
      <c r="BF30" s="69">
        <v>22</v>
      </c>
      <c r="BG30" s="70">
        <v>41</v>
      </c>
      <c r="BH30" s="159"/>
      <c r="BI30" s="69">
        <v>26</v>
      </c>
      <c r="BJ30" s="69">
        <v>27</v>
      </c>
      <c r="BK30" s="69">
        <v>18</v>
      </c>
      <c r="BL30" s="69">
        <v>19</v>
      </c>
      <c r="BM30" s="69">
        <v>5</v>
      </c>
      <c r="BN30" s="70">
        <v>95</v>
      </c>
      <c r="BO30" s="71">
        <v>136</v>
      </c>
      <c r="BP30" s="68">
        <v>13</v>
      </c>
      <c r="BQ30" s="69">
        <v>21</v>
      </c>
      <c r="BR30" s="70">
        <v>34</v>
      </c>
      <c r="BS30" s="159"/>
      <c r="BT30" s="69">
        <v>20</v>
      </c>
      <c r="BU30" s="69">
        <v>12</v>
      </c>
      <c r="BV30" s="69">
        <v>16</v>
      </c>
      <c r="BW30" s="69">
        <v>21</v>
      </c>
      <c r="BX30" s="69">
        <v>4</v>
      </c>
      <c r="BY30" s="70">
        <v>73</v>
      </c>
      <c r="BZ30" s="71">
        <v>107</v>
      </c>
      <c r="CA30" s="68">
        <v>1</v>
      </c>
      <c r="CB30" s="69">
        <v>2</v>
      </c>
      <c r="CC30" s="70">
        <v>3</v>
      </c>
      <c r="CD30" s="159"/>
      <c r="CE30" s="69">
        <v>4</v>
      </c>
      <c r="CF30" s="69">
        <v>2</v>
      </c>
      <c r="CG30" s="69">
        <v>5</v>
      </c>
      <c r="CH30" s="69">
        <v>2</v>
      </c>
      <c r="CI30" s="69">
        <v>2</v>
      </c>
      <c r="CJ30" s="70">
        <v>15</v>
      </c>
      <c r="CK30" s="71">
        <v>18</v>
      </c>
      <c r="CL30" s="68">
        <v>82</v>
      </c>
      <c r="CM30" s="69">
        <v>104</v>
      </c>
      <c r="CN30" s="70">
        <v>186</v>
      </c>
      <c r="CO30" s="159"/>
      <c r="CP30" s="69">
        <v>107</v>
      </c>
      <c r="CQ30" s="69">
        <v>86</v>
      </c>
      <c r="CR30" s="69">
        <v>83</v>
      </c>
      <c r="CS30" s="69">
        <v>65</v>
      </c>
      <c r="CT30" s="69">
        <v>30</v>
      </c>
      <c r="CU30" s="70">
        <v>371</v>
      </c>
      <c r="CV30" s="71">
        <v>557</v>
      </c>
      <c r="CW30" s="108">
        <v>233</v>
      </c>
      <c r="CX30" s="80">
        <v>157</v>
      </c>
      <c r="CY30" s="81">
        <v>390</v>
      </c>
      <c r="CZ30" s="159"/>
      <c r="DA30" s="80">
        <v>190</v>
      </c>
      <c r="DB30" s="80">
        <v>154</v>
      </c>
      <c r="DC30" s="80">
        <v>170</v>
      </c>
      <c r="DD30" s="80">
        <v>132</v>
      </c>
      <c r="DE30" s="80">
        <v>101</v>
      </c>
      <c r="DF30" s="82">
        <v>747</v>
      </c>
      <c r="DG30" s="83">
        <v>1137</v>
      </c>
      <c r="DH30" s="68">
        <v>3</v>
      </c>
      <c r="DI30" s="69">
        <v>4</v>
      </c>
      <c r="DJ30" s="70">
        <v>7</v>
      </c>
      <c r="DK30" s="159"/>
      <c r="DL30" s="69">
        <v>0</v>
      </c>
      <c r="DM30" s="69">
        <v>2</v>
      </c>
      <c r="DN30" s="69">
        <v>1</v>
      </c>
      <c r="DO30" s="69">
        <v>3</v>
      </c>
      <c r="DP30" s="69">
        <v>1</v>
      </c>
      <c r="DQ30" s="70">
        <v>7</v>
      </c>
      <c r="DR30" s="71">
        <v>14</v>
      </c>
      <c r="DS30" s="68">
        <v>14</v>
      </c>
      <c r="DT30" s="69">
        <v>11</v>
      </c>
      <c r="DU30" s="70">
        <v>25</v>
      </c>
      <c r="DV30" s="159"/>
      <c r="DW30" s="69">
        <v>9</v>
      </c>
      <c r="DX30" s="69">
        <v>9</v>
      </c>
      <c r="DY30" s="69">
        <v>12</v>
      </c>
      <c r="DZ30" s="69">
        <v>8</v>
      </c>
      <c r="EA30" s="69">
        <v>3</v>
      </c>
      <c r="EB30" s="70">
        <v>41</v>
      </c>
      <c r="EC30" s="71">
        <v>66</v>
      </c>
      <c r="ED30" s="68">
        <v>32</v>
      </c>
      <c r="EE30" s="69">
        <v>15</v>
      </c>
      <c r="EF30" s="70">
        <v>47</v>
      </c>
      <c r="EG30" s="159"/>
      <c r="EH30" s="69">
        <v>19</v>
      </c>
      <c r="EI30" s="69">
        <v>24</v>
      </c>
      <c r="EJ30" s="69">
        <v>9</v>
      </c>
      <c r="EK30" s="69">
        <v>12</v>
      </c>
      <c r="EL30" s="69">
        <v>11</v>
      </c>
      <c r="EM30" s="70">
        <v>75</v>
      </c>
      <c r="EN30" s="71">
        <v>122</v>
      </c>
      <c r="EO30" s="68">
        <v>60</v>
      </c>
      <c r="EP30" s="69">
        <v>43</v>
      </c>
      <c r="EQ30" s="70">
        <v>103</v>
      </c>
      <c r="ER30" s="159"/>
      <c r="ES30" s="69">
        <v>34</v>
      </c>
      <c r="ET30" s="69">
        <v>23</v>
      </c>
      <c r="EU30" s="69">
        <v>28</v>
      </c>
      <c r="EV30" s="69">
        <v>24</v>
      </c>
      <c r="EW30" s="69">
        <v>26</v>
      </c>
      <c r="EX30" s="70">
        <v>135</v>
      </c>
      <c r="EY30" s="71">
        <v>238</v>
      </c>
      <c r="EZ30" s="68">
        <v>77</v>
      </c>
      <c r="FA30" s="69">
        <v>47</v>
      </c>
      <c r="FB30" s="70">
        <v>124</v>
      </c>
      <c r="FC30" s="159"/>
      <c r="FD30" s="69">
        <v>65</v>
      </c>
      <c r="FE30" s="69">
        <v>45</v>
      </c>
      <c r="FF30" s="69">
        <v>42</v>
      </c>
      <c r="FG30" s="69">
        <v>25</v>
      </c>
      <c r="FH30" s="69">
        <v>27</v>
      </c>
      <c r="FI30" s="70">
        <v>204</v>
      </c>
      <c r="FJ30" s="71">
        <v>328</v>
      </c>
      <c r="FK30" s="68">
        <v>47</v>
      </c>
      <c r="FL30" s="69">
        <v>37</v>
      </c>
      <c r="FM30" s="70">
        <v>84</v>
      </c>
      <c r="FN30" s="159"/>
      <c r="FO30" s="69">
        <v>63</v>
      </c>
      <c r="FP30" s="69">
        <v>51</v>
      </c>
      <c r="FQ30" s="69">
        <v>78</v>
      </c>
      <c r="FR30" s="69">
        <v>60</v>
      </c>
      <c r="FS30" s="69">
        <v>33</v>
      </c>
      <c r="FT30" s="70">
        <v>285</v>
      </c>
      <c r="FU30" s="71">
        <v>369</v>
      </c>
      <c r="FV30" s="68">
        <v>0</v>
      </c>
      <c r="FW30" s="69">
        <v>3</v>
      </c>
      <c r="FX30" s="70">
        <v>3</v>
      </c>
      <c r="FY30" s="159"/>
      <c r="FZ30" s="69">
        <v>3</v>
      </c>
      <c r="GA30" s="69">
        <v>2</v>
      </c>
      <c r="GB30" s="69">
        <v>1</v>
      </c>
      <c r="GC30" s="69">
        <v>1</v>
      </c>
      <c r="GD30" s="69">
        <v>3</v>
      </c>
      <c r="GE30" s="70">
        <v>10</v>
      </c>
      <c r="GF30" s="71">
        <v>13</v>
      </c>
      <c r="GG30" s="68">
        <v>233</v>
      </c>
      <c r="GH30" s="69">
        <v>160</v>
      </c>
      <c r="GI30" s="70">
        <v>393</v>
      </c>
      <c r="GJ30" s="159"/>
      <c r="GK30" s="69">
        <v>193</v>
      </c>
      <c r="GL30" s="69">
        <v>156</v>
      </c>
      <c r="GM30" s="69">
        <v>171</v>
      </c>
      <c r="GN30" s="69">
        <v>133</v>
      </c>
      <c r="GO30" s="69">
        <v>104</v>
      </c>
      <c r="GP30" s="70">
        <v>757</v>
      </c>
      <c r="GQ30" s="71">
        <v>1150</v>
      </c>
      <c r="GR30" s="108">
        <v>314</v>
      </c>
      <c r="GS30" s="80">
        <v>259</v>
      </c>
      <c r="GT30" s="81">
        <v>573</v>
      </c>
      <c r="GU30" s="159"/>
      <c r="GV30" s="80">
        <v>293</v>
      </c>
      <c r="GW30" s="80">
        <v>238</v>
      </c>
      <c r="GX30" s="80">
        <v>248</v>
      </c>
      <c r="GY30" s="80">
        <v>195</v>
      </c>
      <c r="GZ30" s="80">
        <v>129</v>
      </c>
      <c r="HA30" s="82">
        <v>1103</v>
      </c>
      <c r="HB30" s="83">
        <v>1676</v>
      </c>
      <c r="HC30" s="68">
        <v>7</v>
      </c>
      <c r="HD30" s="69">
        <v>6</v>
      </c>
      <c r="HE30" s="70">
        <v>13</v>
      </c>
      <c r="HF30" s="159"/>
      <c r="HG30" s="69">
        <v>1</v>
      </c>
      <c r="HH30" s="69">
        <v>10</v>
      </c>
      <c r="HI30" s="69">
        <v>3</v>
      </c>
      <c r="HJ30" s="69">
        <v>3</v>
      </c>
      <c r="HK30" s="69">
        <v>3</v>
      </c>
      <c r="HL30" s="70">
        <v>20</v>
      </c>
      <c r="HM30" s="71">
        <v>33</v>
      </c>
      <c r="HN30" s="68">
        <v>25</v>
      </c>
      <c r="HO30" s="69">
        <v>21</v>
      </c>
      <c r="HP30" s="70">
        <v>46</v>
      </c>
      <c r="HQ30" s="159"/>
      <c r="HR30" s="69">
        <v>20</v>
      </c>
      <c r="HS30" s="69">
        <v>21</v>
      </c>
      <c r="HT30" s="69">
        <v>25</v>
      </c>
      <c r="HU30" s="69">
        <v>16</v>
      </c>
      <c r="HV30" s="69">
        <v>5</v>
      </c>
      <c r="HW30" s="70">
        <v>87</v>
      </c>
      <c r="HX30" s="71">
        <v>133</v>
      </c>
      <c r="HY30" s="68">
        <v>44</v>
      </c>
      <c r="HZ30" s="69">
        <v>33</v>
      </c>
      <c r="IA30" s="70">
        <v>77</v>
      </c>
      <c r="IB30" s="159"/>
      <c r="IC30" s="69">
        <v>34</v>
      </c>
      <c r="ID30" s="69">
        <v>38</v>
      </c>
      <c r="IE30" s="69">
        <v>22</v>
      </c>
      <c r="IF30" s="69">
        <v>17</v>
      </c>
      <c r="IG30" s="69">
        <v>17</v>
      </c>
      <c r="IH30" s="70">
        <v>128</v>
      </c>
      <c r="II30" s="71">
        <v>205</v>
      </c>
      <c r="IJ30" s="68">
        <v>82</v>
      </c>
      <c r="IK30" s="69">
        <v>72</v>
      </c>
      <c r="IL30" s="70">
        <v>154</v>
      </c>
      <c r="IM30" s="159"/>
      <c r="IN30" s="69">
        <v>64</v>
      </c>
      <c r="IO30" s="69">
        <v>34</v>
      </c>
      <c r="IP30" s="69">
        <v>44</v>
      </c>
      <c r="IQ30" s="69">
        <v>34</v>
      </c>
      <c r="IR30" s="69">
        <v>35</v>
      </c>
      <c r="IS30" s="70">
        <v>211</v>
      </c>
      <c r="IT30" s="71">
        <v>365</v>
      </c>
      <c r="IU30" s="68">
        <v>96</v>
      </c>
      <c r="IV30" s="69">
        <v>69</v>
      </c>
      <c r="IW30" s="70">
        <v>165</v>
      </c>
      <c r="IX30" s="159"/>
      <c r="IY30" s="69">
        <v>91</v>
      </c>
      <c r="IZ30" s="69">
        <v>72</v>
      </c>
      <c r="JA30" s="69">
        <v>60</v>
      </c>
      <c r="JB30" s="69">
        <v>44</v>
      </c>
      <c r="JC30" s="69">
        <v>32</v>
      </c>
      <c r="JD30" s="70">
        <v>299</v>
      </c>
      <c r="JE30" s="71">
        <v>464</v>
      </c>
      <c r="JF30" s="68">
        <v>60</v>
      </c>
      <c r="JG30" s="69">
        <v>58</v>
      </c>
      <c r="JH30" s="70">
        <v>118</v>
      </c>
      <c r="JI30" s="159"/>
      <c r="JJ30" s="69">
        <v>83</v>
      </c>
      <c r="JK30" s="69">
        <v>63</v>
      </c>
      <c r="JL30" s="69">
        <v>94</v>
      </c>
      <c r="JM30" s="69">
        <v>81</v>
      </c>
      <c r="JN30" s="69">
        <v>37</v>
      </c>
      <c r="JO30" s="70">
        <v>358</v>
      </c>
      <c r="JP30" s="71">
        <v>476</v>
      </c>
      <c r="JQ30" s="68">
        <v>1</v>
      </c>
      <c r="JR30" s="69">
        <v>5</v>
      </c>
      <c r="JS30" s="70">
        <v>6</v>
      </c>
      <c r="JT30" s="159"/>
      <c r="JU30" s="69">
        <v>7</v>
      </c>
      <c r="JV30" s="69">
        <v>4</v>
      </c>
      <c r="JW30" s="69">
        <v>6</v>
      </c>
      <c r="JX30" s="69">
        <v>3</v>
      </c>
      <c r="JY30" s="69">
        <v>5</v>
      </c>
      <c r="JZ30" s="70">
        <v>25</v>
      </c>
      <c r="KA30" s="71">
        <v>31</v>
      </c>
      <c r="KB30" s="68">
        <v>315</v>
      </c>
      <c r="KC30" s="69">
        <v>264</v>
      </c>
      <c r="KD30" s="70">
        <v>579</v>
      </c>
      <c r="KE30" s="159"/>
      <c r="KF30" s="69">
        <v>300</v>
      </c>
      <c r="KG30" s="69">
        <v>242</v>
      </c>
      <c r="KH30" s="69">
        <v>254</v>
      </c>
      <c r="KI30" s="69">
        <v>198</v>
      </c>
      <c r="KJ30" s="69">
        <v>134</v>
      </c>
      <c r="KK30" s="70">
        <v>1128</v>
      </c>
      <c r="KL30" s="71">
        <v>1707</v>
      </c>
    </row>
    <row r="31" spans="1:298" ht="19.5" customHeight="1" x14ac:dyDescent="0.2">
      <c r="A31" s="111" t="s">
        <v>28</v>
      </c>
      <c r="B31" s="215">
        <v>16</v>
      </c>
      <c r="C31" s="80">
        <v>19</v>
      </c>
      <c r="D31" s="81">
        <v>35</v>
      </c>
      <c r="E31" s="159"/>
      <c r="F31" s="80">
        <v>31</v>
      </c>
      <c r="G31" s="80">
        <v>43</v>
      </c>
      <c r="H31" s="80">
        <v>23</v>
      </c>
      <c r="I31" s="80">
        <v>16</v>
      </c>
      <c r="J31" s="80">
        <v>8</v>
      </c>
      <c r="K31" s="82">
        <v>121</v>
      </c>
      <c r="L31" s="83">
        <v>156</v>
      </c>
      <c r="M31" s="68">
        <v>0</v>
      </c>
      <c r="N31" s="69">
        <v>2</v>
      </c>
      <c r="O31" s="70">
        <v>2</v>
      </c>
      <c r="P31" s="159"/>
      <c r="Q31" s="69">
        <v>1</v>
      </c>
      <c r="R31" s="69">
        <v>2</v>
      </c>
      <c r="S31" s="69">
        <v>2</v>
      </c>
      <c r="T31" s="69">
        <v>0</v>
      </c>
      <c r="U31" s="69">
        <v>2</v>
      </c>
      <c r="V31" s="70">
        <v>7</v>
      </c>
      <c r="W31" s="71">
        <v>9</v>
      </c>
      <c r="X31" s="68">
        <v>2</v>
      </c>
      <c r="Y31" s="69">
        <v>3</v>
      </c>
      <c r="Z31" s="70">
        <v>5</v>
      </c>
      <c r="AA31" s="159"/>
      <c r="AB31" s="69">
        <v>2</v>
      </c>
      <c r="AC31" s="69">
        <v>7</v>
      </c>
      <c r="AD31" s="69">
        <v>3</v>
      </c>
      <c r="AE31" s="69">
        <v>2</v>
      </c>
      <c r="AF31" s="69">
        <v>0</v>
      </c>
      <c r="AG31" s="70">
        <v>14</v>
      </c>
      <c r="AH31" s="71">
        <v>19</v>
      </c>
      <c r="AI31" s="68">
        <v>4</v>
      </c>
      <c r="AJ31" s="69">
        <v>4</v>
      </c>
      <c r="AK31" s="70">
        <v>8</v>
      </c>
      <c r="AL31" s="159"/>
      <c r="AM31" s="69">
        <v>6</v>
      </c>
      <c r="AN31" s="69">
        <v>9</v>
      </c>
      <c r="AO31" s="69">
        <v>2</v>
      </c>
      <c r="AP31" s="69">
        <v>3</v>
      </c>
      <c r="AQ31" s="69">
        <v>1</v>
      </c>
      <c r="AR31" s="70">
        <v>21</v>
      </c>
      <c r="AS31" s="71">
        <v>29</v>
      </c>
      <c r="AT31" s="68">
        <v>6</v>
      </c>
      <c r="AU31" s="69">
        <v>5</v>
      </c>
      <c r="AV31" s="70">
        <v>11</v>
      </c>
      <c r="AW31" s="159"/>
      <c r="AX31" s="69">
        <v>6</v>
      </c>
      <c r="AY31" s="69">
        <v>7</v>
      </c>
      <c r="AZ31" s="69">
        <v>2</v>
      </c>
      <c r="BA31" s="69">
        <v>3</v>
      </c>
      <c r="BB31" s="69">
        <v>2</v>
      </c>
      <c r="BC31" s="70">
        <v>20</v>
      </c>
      <c r="BD31" s="71">
        <v>31</v>
      </c>
      <c r="BE31" s="68">
        <v>3</v>
      </c>
      <c r="BF31" s="69">
        <v>3</v>
      </c>
      <c r="BG31" s="70">
        <v>6</v>
      </c>
      <c r="BH31" s="159"/>
      <c r="BI31" s="69">
        <v>14</v>
      </c>
      <c r="BJ31" s="69">
        <v>4</v>
      </c>
      <c r="BK31" s="69">
        <v>7</v>
      </c>
      <c r="BL31" s="69">
        <v>5</v>
      </c>
      <c r="BM31" s="69">
        <v>2</v>
      </c>
      <c r="BN31" s="70">
        <v>32</v>
      </c>
      <c r="BO31" s="71">
        <v>38</v>
      </c>
      <c r="BP31" s="68">
        <v>1</v>
      </c>
      <c r="BQ31" s="69">
        <v>2</v>
      </c>
      <c r="BR31" s="70">
        <v>3</v>
      </c>
      <c r="BS31" s="159"/>
      <c r="BT31" s="69">
        <v>2</v>
      </c>
      <c r="BU31" s="69">
        <v>14</v>
      </c>
      <c r="BV31" s="69">
        <v>7</v>
      </c>
      <c r="BW31" s="69">
        <v>3</v>
      </c>
      <c r="BX31" s="69">
        <v>1</v>
      </c>
      <c r="BY31" s="70">
        <v>27</v>
      </c>
      <c r="BZ31" s="71">
        <v>30</v>
      </c>
      <c r="CA31" s="68">
        <v>0</v>
      </c>
      <c r="CB31" s="69">
        <v>1</v>
      </c>
      <c r="CC31" s="70">
        <v>1</v>
      </c>
      <c r="CD31" s="159"/>
      <c r="CE31" s="69">
        <v>0</v>
      </c>
      <c r="CF31" s="69">
        <v>1</v>
      </c>
      <c r="CG31" s="69">
        <v>0</v>
      </c>
      <c r="CH31" s="69">
        <v>1</v>
      </c>
      <c r="CI31" s="69">
        <v>3</v>
      </c>
      <c r="CJ31" s="70">
        <v>5</v>
      </c>
      <c r="CK31" s="71">
        <v>6</v>
      </c>
      <c r="CL31" s="68">
        <v>16</v>
      </c>
      <c r="CM31" s="69">
        <v>20</v>
      </c>
      <c r="CN31" s="70">
        <v>36</v>
      </c>
      <c r="CO31" s="159"/>
      <c r="CP31" s="69">
        <v>31</v>
      </c>
      <c r="CQ31" s="69">
        <v>44</v>
      </c>
      <c r="CR31" s="69">
        <v>23</v>
      </c>
      <c r="CS31" s="69">
        <v>17</v>
      </c>
      <c r="CT31" s="69">
        <v>11</v>
      </c>
      <c r="CU31" s="70">
        <v>126</v>
      </c>
      <c r="CV31" s="71">
        <v>162</v>
      </c>
      <c r="CW31" s="108">
        <v>27</v>
      </c>
      <c r="CX31" s="80">
        <v>30</v>
      </c>
      <c r="CY31" s="81">
        <v>57</v>
      </c>
      <c r="CZ31" s="159"/>
      <c r="DA31" s="80">
        <v>53</v>
      </c>
      <c r="DB31" s="80">
        <v>70</v>
      </c>
      <c r="DC31" s="80">
        <v>42</v>
      </c>
      <c r="DD31" s="80">
        <v>49</v>
      </c>
      <c r="DE31" s="80">
        <v>37</v>
      </c>
      <c r="DF31" s="82">
        <v>251</v>
      </c>
      <c r="DG31" s="83">
        <v>308</v>
      </c>
      <c r="DH31" s="68">
        <v>3</v>
      </c>
      <c r="DI31" s="69">
        <v>2</v>
      </c>
      <c r="DJ31" s="70">
        <v>5</v>
      </c>
      <c r="DK31" s="159"/>
      <c r="DL31" s="69">
        <v>2</v>
      </c>
      <c r="DM31" s="69">
        <v>2</v>
      </c>
      <c r="DN31" s="69">
        <v>1</v>
      </c>
      <c r="DO31" s="69">
        <v>0</v>
      </c>
      <c r="DP31" s="69">
        <v>0</v>
      </c>
      <c r="DQ31" s="70">
        <v>5</v>
      </c>
      <c r="DR31" s="71">
        <v>10</v>
      </c>
      <c r="DS31" s="68">
        <v>2</v>
      </c>
      <c r="DT31" s="69">
        <v>3</v>
      </c>
      <c r="DU31" s="70">
        <v>5</v>
      </c>
      <c r="DV31" s="159"/>
      <c r="DW31" s="69">
        <v>2</v>
      </c>
      <c r="DX31" s="69">
        <v>4</v>
      </c>
      <c r="DY31" s="69">
        <v>0</v>
      </c>
      <c r="DZ31" s="69">
        <v>3</v>
      </c>
      <c r="EA31" s="69">
        <v>0</v>
      </c>
      <c r="EB31" s="70">
        <v>9</v>
      </c>
      <c r="EC31" s="71">
        <v>14</v>
      </c>
      <c r="ED31" s="68">
        <v>8</v>
      </c>
      <c r="EE31" s="69">
        <v>4</v>
      </c>
      <c r="EF31" s="70">
        <v>12</v>
      </c>
      <c r="EG31" s="159"/>
      <c r="EH31" s="69">
        <v>9</v>
      </c>
      <c r="EI31" s="69">
        <v>6</v>
      </c>
      <c r="EJ31" s="69">
        <v>7</v>
      </c>
      <c r="EK31" s="69">
        <v>6</v>
      </c>
      <c r="EL31" s="69">
        <v>4</v>
      </c>
      <c r="EM31" s="70">
        <v>32</v>
      </c>
      <c r="EN31" s="71">
        <v>44</v>
      </c>
      <c r="EO31" s="68">
        <v>9</v>
      </c>
      <c r="EP31" s="69">
        <v>7</v>
      </c>
      <c r="EQ31" s="70">
        <v>16</v>
      </c>
      <c r="ER31" s="159"/>
      <c r="ES31" s="69">
        <v>13</v>
      </c>
      <c r="ET31" s="69">
        <v>21</v>
      </c>
      <c r="EU31" s="69">
        <v>3</v>
      </c>
      <c r="EV31" s="69">
        <v>7</v>
      </c>
      <c r="EW31" s="69">
        <v>9</v>
      </c>
      <c r="EX31" s="70">
        <v>53</v>
      </c>
      <c r="EY31" s="71">
        <v>69</v>
      </c>
      <c r="EZ31" s="68">
        <v>4</v>
      </c>
      <c r="FA31" s="69">
        <v>10</v>
      </c>
      <c r="FB31" s="70">
        <v>14</v>
      </c>
      <c r="FC31" s="159"/>
      <c r="FD31" s="69">
        <v>15</v>
      </c>
      <c r="FE31" s="69">
        <v>12</v>
      </c>
      <c r="FF31" s="69">
        <v>12</v>
      </c>
      <c r="FG31" s="69">
        <v>18</v>
      </c>
      <c r="FH31" s="69">
        <v>8</v>
      </c>
      <c r="FI31" s="70">
        <v>65</v>
      </c>
      <c r="FJ31" s="71">
        <v>79</v>
      </c>
      <c r="FK31" s="68">
        <v>1</v>
      </c>
      <c r="FL31" s="69">
        <v>4</v>
      </c>
      <c r="FM31" s="70">
        <v>5</v>
      </c>
      <c r="FN31" s="159"/>
      <c r="FO31" s="69">
        <v>12</v>
      </c>
      <c r="FP31" s="69">
        <v>25</v>
      </c>
      <c r="FQ31" s="69">
        <v>19</v>
      </c>
      <c r="FR31" s="69">
        <v>15</v>
      </c>
      <c r="FS31" s="69">
        <v>16</v>
      </c>
      <c r="FT31" s="70">
        <v>87</v>
      </c>
      <c r="FU31" s="71">
        <v>92</v>
      </c>
      <c r="FV31" s="68">
        <v>0</v>
      </c>
      <c r="FW31" s="69">
        <v>0</v>
      </c>
      <c r="FX31" s="70">
        <v>0</v>
      </c>
      <c r="FY31" s="159"/>
      <c r="FZ31" s="69">
        <v>0</v>
      </c>
      <c r="GA31" s="69">
        <v>1</v>
      </c>
      <c r="GB31" s="69">
        <v>0</v>
      </c>
      <c r="GC31" s="69">
        <v>1</v>
      </c>
      <c r="GD31" s="69">
        <v>1</v>
      </c>
      <c r="GE31" s="70">
        <v>3</v>
      </c>
      <c r="GF31" s="71">
        <v>3</v>
      </c>
      <c r="GG31" s="68">
        <v>27</v>
      </c>
      <c r="GH31" s="69">
        <v>30</v>
      </c>
      <c r="GI31" s="70">
        <v>57</v>
      </c>
      <c r="GJ31" s="159"/>
      <c r="GK31" s="69">
        <v>53</v>
      </c>
      <c r="GL31" s="69">
        <v>71</v>
      </c>
      <c r="GM31" s="69">
        <v>42</v>
      </c>
      <c r="GN31" s="69">
        <v>50</v>
      </c>
      <c r="GO31" s="69">
        <v>38</v>
      </c>
      <c r="GP31" s="70">
        <v>254</v>
      </c>
      <c r="GQ31" s="71">
        <v>311</v>
      </c>
      <c r="GR31" s="108">
        <v>43</v>
      </c>
      <c r="GS31" s="80">
        <v>49</v>
      </c>
      <c r="GT31" s="81">
        <v>92</v>
      </c>
      <c r="GU31" s="159"/>
      <c r="GV31" s="80">
        <v>84</v>
      </c>
      <c r="GW31" s="80">
        <v>113</v>
      </c>
      <c r="GX31" s="80">
        <v>65</v>
      </c>
      <c r="GY31" s="80">
        <v>65</v>
      </c>
      <c r="GZ31" s="80">
        <v>45</v>
      </c>
      <c r="HA31" s="82">
        <v>372</v>
      </c>
      <c r="HB31" s="83">
        <v>464</v>
      </c>
      <c r="HC31" s="68">
        <v>3</v>
      </c>
      <c r="HD31" s="69">
        <v>4</v>
      </c>
      <c r="HE31" s="70">
        <v>7</v>
      </c>
      <c r="HF31" s="159"/>
      <c r="HG31" s="69">
        <v>3</v>
      </c>
      <c r="HH31" s="69">
        <v>4</v>
      </c>
      <c r="HI31" s="69">
        <v>3</v>
      </c>
      <c r="HJ31" s="69">
        <v>0</v>
      </c>
      <c r="HK31" s="69">
        <v>2</v>
      </c>
      <c r="HL31" s="70">
        <v>12</v>
      </c>
      <c r="HM31" s="71">
        <v>19</v>
      </c>
      <c r="HN31" s="68">
        <v>4</v>
      </c>
      <c r="HO31" s="69">
        <v>6</v>
      </c>
      <c r="HP31" s="70">
        <v>10</v>
      </c>
      <c r="HQ31" s="159"/>
      <c r="HR31" s="69">
        <v>4</v>
      </c>
      <c r="HS31" s="69">
        <v>11</v>
      </c>
      <c r="HT31" s="69">
        <v>3</v>
      </c>
      <c r="HU31" s="69">
        <v>5</v>
      </c>
      <c r="HV31" s="69">
        <v>0</v>
      </c>
      <c r="HW31" s="70">
        <v>23</v>
      </c>
      <c r="HX31" s="71">
        <v>33</v>
      </c>
      <c r="HY31" s="68">
        <v>12</v>
      </c>
      <c r="HZ31" s="69">
        <v>8</v>
      </c>
      <c r="IA31" s="70">
        <v>20</v>
      </c>
      <c r="IB31" s="159"/>
      <c r="IC31" s="69">
        <v>15</v>
      </c>
      <c r="ID31" s="69">
        <v>15</v>
      </c>
      <c r="IE31" s="69">
        <v>9</v>
      </c>
      <c r="IF31" s="69">
        <v>9</v>
      </c>
      <c r="IG31" s="69">
        <v>5</v>
      </c>
      <c r="IH31" s="70">
        <v>53</v>
      </c>
      <c r="II31" s="71">
        <v>73</v>
      </c>
      <c r="IJ31" s="68">
        <v>15</v>
      </c>
      <c r="IK31" s="69">
        <v>12</v>
      </c>
      <c r="IL31" s="70">
        <v>27</v>
      </c>
      <c r="IM31" s="159"/>
      <c r="IN31" s="69">
        <v>19</v>
      </c>
      <c r="IO31" s="69">
        <v>28</v>
      </c>
      <c r="IP31" s="69">
        <v>5</v>
      </c>
      <c r="IQ31" s="69">
        <v>10</v>
      </c>
      <c r="IR31" s="69">
        <v>11</v>
      </c>
      <c r="IS31" s="70">
        <v>73</v>
      </c>
      <c r="IT31" s="71">
        <v>100</v>
      </c>
      <c r="IU31" s="68">
        <v>7</v>
      </c>
      <c r="IV31" s="69">
        <v>13</v>
      </c>
      <c r="IW31" s="70">
        <v>20</v>
      </c>
      <c r="IX31" s="159"/>
      <c r="IY31" s="69">
        <v>29</v>
      </c>
      <c r="IZ31" s="69">
        <v>16</v>
      </c>
      <c r="JA31" s="69">
        <v>19</v>
      </c>
      <c r="JB31" s="69">
        <v>23</v>
      </c>
      <c r="JC31" s="69">
        <v>10</v>
      </c>
      <c r="JD31" s="70">
        <v>97</v>
      </c>
      <c r="JE31" s="71">
        <v>117</v>
      </c>
      <c r="JF31" s="68">
        <v>2</v>
      </c>
      <c r="JG31" s="69">
        <v>6</v>
      </c>
      <c r="JH31" s="70">
        <v>8</v>
      </c>
      <c r="JI31" s="159"/>
      <c r="JJ31" s="69">
        <v>14</v>
      </c>
      <c r="JK31" s="69">
        <v>39</v>
      </c>
      <c r="JL31" s="69">
        <v>26</v>
      </c>
      <c r="JM31" s="69">
        <v>18</v>
      </c>
      <c r="JN31" s="69">
        <v>17</v>
      </c>
      <c r="JO31" s="70">
        <v>114</v>
      </c>
      <c r="JP31" s="71">
        <v>122</v>
      </c>
      <c r="JQ31" s="68">
        <v>0</v>
      </c>
      <c r="JR31" s="69">
        <v>1</v>
      </c>
      <c r="JS31" s="70">
        <v>1</v>
      </c>
      <c r="JT31" s="159"/>
      <c r="JU31" s="69">
        <v>0</v>
      </c>
      <c r="JV31" s="69">
        <v>2</v>
      </c>
      <c r="JW31" s="69">
        <v>0</v>
      </c>
      <c r="JX31" s="69">
        <v>2</v>
      </c>
      <c r="JY31" s="69">
        <v>4</v>
      </c>
      <c r="JZ31" s="70">
        <v>8</v>
      </c>
      <c r="KA31" s="71">
        <v>9</v>
      </c>
      <c r="KB31" s="68">
        <v>43</v>
      </c>
      <c r="KC31" s="69">
        <v>50</v>
      </c>
      <c r="KD31" s="70">
        <v>93</v>
      </c>
      <c r="KE31" s="159"/>
      <c r="KF31" s="69">
        <v>84</v>
      </c>
      <c r="KG31" s="69">
        <v>115</v>
      </c>
      <c r="KH31" s="69">
        <v>65</v>
      </c>
      <c r="KI31" s="69">
        <v>67</v>
      </c>
      <c r="KJ31" s="69">
        <v>49</v>
      </c>
      <c r="KK31" s="70">
        <v>380</v>
      </c>
      <c r="KL31" s="71">
        <v>473</v>
      </c>
    </row>
    <row r="32" spans="1:298" ht="19.5" customHeight="1" x14ac:dyDescent="0.2">
      <c r="A32" s="111" t="s">
        <v>29</v>
      </c>
      <c r="B32" s="215">
        <v>19</v>
      </c>
      <c r="C32" s="80">
        <v>24</v>
      </c>
      <c r="D32" s="81">
        <v>43</v>
      </c>
      <c r="E32" s="159"/>
      <c r="F32" s="80">
        <v>41</v>
      </c>
      <c r="G32" s="80">
        <v>61</v>
      </c>
      <c r="H32" s="80">
        <v>37</v>
      </c>
      <c r="I32" s="80">
        <v>36</v>
      </c>
      <c r="J32" s="80">
        <v>16</v>
      </c>
      <c r="K32" s="82">
        <v>191</v>
      </c>
      <c r="L32" s="83">
        <v>234</v>
      </c>
      <c r="M32" s="68">
        <v>1</v>
      </c>
      <c r="N32" s="69">
        <v>2</v>
      </c>
      <c r="O32" s="70">
        <v>3</v>
      </c>
      <c r="P32" s="159"/>
      <c r="Q32" s="69">
        <v>2</v>
      </c>
      <c r="R32" s="69">
        <v>1</v>
      </c>
      <c r="S32" s="69">
        <v>4</v>
      </c>
      <c r="T32" s="69">
        <v>0</v>
      </c>
      <c r="U32" s="69">
        <v>1</v>
      </c>
      <c r="V32" s="70">
        <v>8</v>
      </c>
      <c r="W32" s="71">
        <v>11</v>
      </c>
      <c r="X32" s="68">
        <v>3</v>
      </c>
      <c r="Y32" s="69">
        <v>3</v>
      </c>
      <c r="Z32" s="70">
        <v>6</v>
      </c>
      <c r="AA32" s="159"/>
      <c r="AB32" s="69">
        <v>6</v>
      </c>
      <c r="AC32" s="69">
        <v>9</v>
      </c>
      <c r="AD32" s="69">
        <v>3</v>
      </c>
      <c r="AE32" s="69">
        <v>3</v>
      </c>
      <c r="AF32" s="69">
        <v>3</v>
      </c>
      <c r="AG32" s="70">
        <v>24</v>
      </c>
      <c r="AH32" s="71">
        <v>30</v>
      </c>
      <c r="AI32" s="68">
        <v>7</v>
      </c>
      <c r="AJ32" s="69">
        <v>7</v>
      </c>
      <c r="AK32" s="70">
        <v>14</v>
      </c>
      <c r="AL32" s="159"/>
      <c r="AM32" s="69">
        <v>5</v>
      </c>
      <c r="AN32" s="69">
        <v>7</v>
      </c>
      <c r="AO32" s="69">
        <v>6</v>
      </c>
      <c r="AP32" s="69">
        <v>10</v>
      </c>
      <c r="AQ32" s="69">
        <v>2</v>
      </c>
      <c r="AR32" s="70">
        <v>30</v>
      </c>
      <c r="AS32" s="71">
        <v>44</v>
      </c>
      <c r="AT32" s="68">
        <v>4</v>
      </c>
      <c r="AU32" s="69">
        <v>4</v>
      </c>
      <c r="AV32" s="70">
        <v>8</v>
      </c>
      <c r="AW32" s="159"/>
      <c r="AX32" s="69">
        <v>8</v>
      </c>
      <c r="AY32" s="69">
        <v>17</v>
      </c>
      <c r="AZ32" s="69">
        <v>7</v>
      </c>
      <c r="BA32" s="69">
        <v>11</v>
      </c>
      <c r="BB32" s="69">
        <v>5</v>
      </c>
      <c r="BC32" s="70">
        <v>48</v>
      </c>
      <c r="BD32" s="71">
        <v>56</v>
      </c>
      <c r="BE32" s="68">
        <v>2</v>
      </c>
      <c r="BF32" s="69">
        <v>5</v>
      </c>
      <c r="BG32" s="70">
        <v>7</v>
      </c>
      <c r="BH32" s="159"/>
      <c r="BI32" s="69">
        <v>14</v>
      </c>
      <c r="BJ32" s="69">
        <v>14</v>
      </c>
      <c r="BK32" s="69">
        <v>11</v>
      </c>
      <c r="BL32" s="69">
        <v>8</v>
      </c>
      <c r="BM32" s="69">
        <v>3</v>
      </c>
      <c r="BN32" s="70">
        <v>50</v>
      </c>
      <c r="BO32" s="71">
        <v>57</v>
      </c>
      <c r="BP32" s="68">
        <v>2</v>
      </c>
      <c r="BQ32" s="69">
        <v>3</v>
      </c>
      <c r="BR32" s="70">
        <v>5</v>
      </c>
      <c r="BS32" s="159"/>
      <c r="BT32" s="69">
        <v>6</v>
      </c>
      <c r="BU32" s="69">
        <v>13</v>
      </c>
      <c r="BV32" s="69">
        <v>6</v>
      </c>
      <c r="BW32" s="69">
        <v>4</v>
      </c>
      <c r="BX32" s="69">
        <v>2</v>
      </c>
      <c r="BY32" s="70">
        <v>31</v>
      </c>
      <c r="BZ32" s="71">
        <v>36</v>
      </c>
      <c r="CA32" s="68">
        <v>1</v>
      </c>
      <c r="CB32" s="69">
        <v>2</v>
      </c>
      <c r="CC32" s="70">
        <v>3</v>
      </c>
      <c r="CD32" s="159"/>
      <c r="CE32" s="69">
        <v>2</v>
      </c>
      <c r="CF32" s="69">
        <v>3</v>
      </c>
      <c r="CG32" s="69">
        <v>3</v>
      </c>
      <c r="CH32" s="69">
        <v>1</v>
      </c>
      <c r="CI32" s="69">
        <v>1</v>
      </c>
      <c r="CJ32" s="70">
        <v>10</v>
      </c>
      <c r="CK32" s="71">
        <v>13</v>
      </c>
      <c r="CL32" s="68">
        <v>20</v>
      </c>
      <c r="CM32" s="69">
        <v>26</v>
      </c>
      <c r="CN32" s="70">
        <v>46</v>
      </c>
      <c r="CO32" s="159"/>
      <c r="CP32" s="69">
        <v>43</v>
      </c>
      <c r="CQ32" s="69">
        <v>64</v>
      </c>
      <c r="CR32" s="69">
        <v>40</v>
      </c>
      <c r="CS32" s="69">
        <v>37</v>
      </c>
      <c r="CT32" s="69">
        <v>17</v>
      </c>
      <c r="CU32" s="70">
        <v>201</v>
      </c>
      <c r="CV32" s="71">
        <v>247</v>
      </c>
      <c r="CW32" s="108">
        <v>34</v>
      </c>
      <c r="CX32" s="80">
        <v>53</v>
      </c>
      <c r="CY32" s="81">
        <v>87</v>
      </c>
      <c r="CZ32" s="159"/>
      <c r="DA32" s="80">
        <v>84</v>
      </c>
      <c r="DB32" s="80">
        <v>67</v>
      </c>
      <c r="DC32" s="80">
        <v>55</v>
      </c>
      <c r="DD32" s="80">
        <v>75</v>
      </c>
      <c r="DE32" s="80">
        <v>52</v>
      </c>
      <c r="DF32" s="82">
        <v>333</v>
      </c>
      <c r="DG32" s="83">
        <v>420</v>
      </c>
      <c r="DH32" s="68">
        <v>1</v>
      </c>
      <c r="DI32" s="69">
        <v>3</v>
      </c>
      <c r="DJ32" s="70">
        <v>4</v>
      </c>
      <c r="DK32" s="159"/>
      <c r="DL32" s="69">
        <v>1</v>
      </c>
      <c r="DM32" s="69">
        <v>2</v>
      </c>
      <c r="DN32" s="69">
        <v>1</v>
      </c>
      <c r="DO32" s="69">
        <v>3</v>
      </c>
      <c r="DP32" s="69">
        <v>2</v>
      </c>
      <c r="DQ32" s="70">
        <v>9</v>
      </c>
      <c r="DR32" s="71">
        <v>13</v>
      </c>
      <c r="DS32" s="68">
        <v>6</v>
      </c>
      <c r="DT32" s="69">
        <v>2</v>
      </c>
      <c r="DU32" s="70">
        <v>8</v>
      </c>
      <c r="DV32" s="159"/>
      <c r="DW32" s="69">
        <v>5</v>
      </c>
      <c r="DX32" s="69">
        <v>3</v>
      </c>
      <c r="DY32" s="69">
        <v>5</v>
      </c>
      <c r="DZ32" s="69">
        <v>3</v>
      </c>
      <c r="EA32" s="69">
        <v>3</v>
      </c>
      <c r="EB32" s="70">
        <v>19</v>
      </c>
      <c r="EC32" s="71">
        <v>27</v>
      </c>
      <c r="ED32" s="68">
        <v>6</v>
      </c>
      <c r="EE32" s="69">
        <v>11</v>
      </c>
      <c r="EF32" s="70">
        <v>17</v>
      </c>
      <c r="EG32" s="159"/>
      <c r="EH32" s="69">
        <v>9</v>
      </c>
      <c r="EI32" s="69">
        <v>8</v>
      </c>
      <c r="EJ32" s="69">
        <v>3</v>
      </c>
      <c r="EK32" s="69">
        <v>9</v>
      </c>
      <c r="EL32" s="69">
        <v>5</v>
      </c>
      <c r="EM32" s="70">
        <v>34</v>
      </c>
      <c r="EN32" s="71">
        <v>51</v>
      </c>
      <c r="EO32" s="68">
        <v>5</v>
      </c>
      <c r="EP32" s="69">
        <v>13</v>
      </c>
      <c r="EQ32" s="70">
        <v>18</v>
      </c>
      <c r="ER32" s="159"/>
      <c r="ES32" s="69">
        <v>23</v>
      </c>
      <c r="ET32" s="69">
        <v>13</v>
      </c>
      <c r="EU32" s="69">
        <v>11</v>
      </c>
      <c r="EV32" s="69">
        <v>14</v>
      </c>
      <c r="EW32" s="69">
        <v>10</v>
      </c>
      <c r="EX32" s="70">
        <v>71</v>
      </c>
      <c r="EY32" s="71">
        <v>89</v>
      </c>
      <c r="EZ32" s="68">
        <v>11</v>
      </c>
      <c r="FA32" s="69">
        <v>18</v>
      </c>
      <c r="FB32" s="70">
        <v>29</v>
      </c>
      <c r="FC32" s="159"/>
      <c r="FD32" s="69">
        <v>30</v>
      </c>
      <c r="FE32" s="69">
        <v>16</v>
      </c>
      <c r="FF32" s="69">
        <v>14</v>
      </c>
      <c r="FG32" s="69">
        <v>22</v>
      </c>
      <c r="FH32" s="69">
        <v>10</v>
      </c>
      <c r="FI32" s="70">
        <v>92</v>
      </c>
      <c r="FJ32" s="71">
        <v>121</v>
      </c>
      <c r="FK32" s="68">
        <v>5</v>
      </c>
      <c r="FL32" s="69">
        <v>6</v>
      </c>
      <c r="FM32" s="70">
        <v>11</v>
      </c>
      <c r="FN32" s="159"/>
      <c r="FO32" s="69">
        <v>16</v>
      </c>
      <c r="FP32" s="69">
        <v>25</v>
      </c>
      <c r="FQ32" s="69">
        <v>21</v>
      </c>
      <c r="FR32" s="69">
        <v>24</v>
      </c>
      <c r="FS32" s="69">
        <v>22</v>
      </c>
      <c r="FT32" s="70">
        <v>108</v>
      </c>
      <c r="FU32" s="71">
        <v>119</v>
      </c>
      <c r="FV32" s="68">
        <v>1</v>
      </c>
      <c r="FW32" s="69">
        <v>1</v>
      </c>
      <c r="FX32" s="70">
        <v>2</v>
      </c>
      <c r="FY32" s="159"/>
      <c r="FZ32" s="69">
        <v>1</v>
      </c>
      <c r="GA32" s="69">
        <v>1</v>
      </c>
      <c r="GB32" s="69">
        <v>0</v>
      </c>
      <c r="GC32" s="69">
        <v>0</v>
      </c>
      <c r="GD32" s="69">
        <v>0</v>
      </c>
      <c r="GE32" s="70">
        <v>2</v>
      </c>
      <c r="GF32" s="71">
        <v>4</v>
      </c>
      <c r="GG32" s="68">
        <v>35</v>
      </c>
      <c r="GH32" s="69">
        <v>54</v>
      </c>
      <c r="GI32" s="70">
        <v>89</v>
      </c>
      <c r="GJ32" s="159"/>
      <c r="GK32" s="69">
        <v>85</v>
      </c>
      <c r="GL32" s="69">
        <v>68</v>
      </c>
      <c r="GM32" s="69">
        <v>55</v>
      </c>
      <c r="GN32" s="69">
        <v>75</v>
      </c>
      <c r="GO32" s="69">
        <v>52</v>
      </c>
      <c r="GP32" s="70">
        <v>335</v>
      </c>
      <c r="GQ32" s="71">
        <v>424</v>
      </c>
      <c r="GR32" s="108">
        <v>53</v>
      </c>
      <c r="GS32" s="80">
        <v>77</v>
      </c>
      <c r="GT32" s="81">
        <v>130</v>
      </c>
      <c r="GU32" s="159"/>
      <c r="GV32" s="80">
        <v>125</v>
      </c>
      <c r="GW32" s="80">
        <v>128</v>
      </c>
      <c r="GX32" s="80">
        <v>92</v>
      </c>
      <c r="GY32" s="80">
        <v>111</v>
      </c>
      <c r="GZ32" s="80">
        <v>68</v>
      </c>
      <c r="HA32" s="82">
        <v>524</v>
      </c>
      <c r="HB32" s="83">
        <v>654</v>
      </c>
      <c r="HC32" s="68">
        <v>2</v>
      </c>
      <c r="HD32" s="69">
        <v>5</v>
      </c>
      <c r="HE32" s="70">
        <v>7</v>
      </c>
      <c r="HF32" s="159"/>
      <c r="HG32" s="69">
        <v>3</v>
      </c>
      <c r="HH32" s="69">
        <v>3</v>
      </c>
      <c r="HI32" s="69">
        <v>5</v>
      </c>
      <c r="HJ32" s="69">
        <v>3</v>
      </c>
      <c r="HK32" s="69">
        <v>3</v>
      </c>
      <c r="HL32" s="70">
        <v>17</v>
      </c>
      <c r="HM32" s="71">
        <v>24</v>
      </c>
      <c r="HN32" s="68">
        <v>9</v>
      </c>
      <c r="HO32" s="69">
        <v>5</v>
      </c>
      <c r="HP32" s="70">
        <v>14</v>
      </c>
      <c r="HQ32" s="159"/>
      <c r="HR32" s="69">
        <v>11</v>
      </c>
      <c r="HS32" s="69">
        <v>12</v>
      </c>
      <c r="HT32" s="69">
        <v>8</v>
      </c>
      <c r="HU32" s="69">
        <v>6</v>
      </c>
      <c r="HV32" s="69">
        <v>6</v>
      </c>
      <c r="HW32" s="70">
        <v>43</v>
      </c>
      <c r="HX32" s="71">
        <v>57</v>
      </c>
      <c r="HY32" s="68">
        <v>13</v>
      </c>
      <c r="HZ32" s="69">
        <v>18</v>
      </c>
      <c r="IA32" s="70">
        <v>31</v>
      </c>
      <c r="IB32" s="159"/>
      <c r="IC32" s="69">
        <v>14</v>
      </c>
      <c r="ID32" s="69">
        <v>15</v>
      </c>
      <c r="IE32" s="69">
        <v>9</v>
      </c>
      <c r="IF32" s="69">
        <v>19</v>
      </c>
      <c r="IG32" s="69">
        <v>7</v>
      </c>
      <c r="IH32" s="70">
        <v>64</v>
      </c>
      <c r="II32" s="71">
        <v>95</v>
      </c>
      <c r="IJ32" s="68">
        <v>9</v>
      </c>
      <c r="IK32" s="69">
        <v>17</v>
      </c>
      <c r="IL32" s="70">
        <v>26</v>
      </c>
      <c r="IM32" s="159"/>
      <c r="IN32" s="69">
        <v>31</v>
      </c>
      <c r="IO32" s="69">
        <v>30</v>
      </c>
      <c r="IP32" s="69">
        <v>18</v>
      </c>
      <c r="IQ32" s="69">
        <v>25</v>
      </c>
      <c r="IR32" s="69">
        <v>15</v>
      </c>
      <c r="IS32" s="70">
        <v>119</v>
      </c>
      <c r="IT32" s="71">
        <v>145</v>
      </c>
      <c r="IU32" s="68">
        <v>13</v>
      </c>
      <c r="IV32" s="69">
        <v>23</v>
      </c>
      <c r="IW32" s="70">
        <v>36</v>
      </c>
      <c r="IX32" s="159"/>
      <c r="IY32" s="69">
        <v>44</v>
      </c>
      <c r="IZ32" s="69">
        <v>30</v>
      </c>
      <c r="JA32" s="69">
        <v>25</v>
      </c>
      <c r="JB32" s="69">
        <v>30</v>
      </c>
      <c r="JC32" s="69">
        <v>13</v>
      </c>
      <c r="JD32" s="70">
        <v>142</v>
      </c>
      <c r="JE32" s="71">
        <v>178</v>
      </c>
      <c r="JF32" s="68">
        <v>7</v>
      </c>
      <c r="JG32" s="69">
        <v>9</v>
      </c>
      <c r="JH32" s="70">
        <v>16</v>
      </c>
      <c r="JI32" s="159"/>
      <c r="JJ32" s="69">
        <v>22</v>
      </c>
      <c r="JK32" s="69">
        <v>38</v>
      </c>
      <c r="JL32" s="69">
        <v>27</v>
      </c>
      <c r="JM32" s="69">
        <v>28</v>
      </c>
      <c r="JN32" s="69">
        <v>24</v>
      </c>
      <c r="JO32" s="70">
        <v>139</v>
      </c>
      <c r="JP32" s="71">
        <v>155</v>
      </c>
      <c r="JQ32" s="68">
        <v>2</v>
      </c>
      <c r="JR32" s="69">
        <v>3</v>
      </c>
      <c r="JS32" s="70">
        <v>5</v>
      </c>
      <c r="JT32" s="159"/>
      <c r="JU32" s="69">
        <v>3</v>
      </c>
      <c r="JV32" s="69">
        <v>4</v>
      </c>
      <c r="JW32" s="69">
        <v>3</v>
      </c>
      <c r="JX32" s="69">
        <v>1</v>
      </c>
      <c r="JY32" s="69">
        <v>1</v>
      </c>
      <c r="JZ32" s="70">
        <v>12</v>
      </c>
      <c r="KA32" s="71">
        <v>17</v>
      </c>
      <c r="KB32" s="68">
        <v>55</v>
      </c>
      <c r="KC32" s="69">
        <v>80</v>
      </c>
      <c r="KD32" s="70">
        <v>135</v>
      </c>
      <c r="KE32" s="159"/>
      <c r="KF32" s="69">
        <v>128</v>
      </c>
      <c r="KG32" s="69">
        <v>132</v>
      </c>
      <c r="KH32" s="69">
        <v>95</v>
      </c>
      <c r="KI32" s="69">
        <v>112</v>
      </c>
      <c r="KJ32" s="69">
        <v>69</v>
      </c>
      <c r="KK32" s="70">
        <v>536</v>
      </c>
      <c r="KL32" s="71">
        <v>671</v>
      </c>
    </row>
    <row r="33" spans="1:298" ht="19.5" customHeight="1" x14ac:dyDescent="0.2">
      <c r="A33" s="111" t="s">
        <v>30</v>
      </c>
      <c r="B33" s="215">
        <v>11</v>
      </c>
      <c r="C33" s="80">
        <v>10</v>
      </c>
      <c r="D33" s="81">
        <v>21</v>
      </c>
      <c r="E33" s="159"/>
      <c r="F33" s="80">
        <v>43</v>
      </c>
      <c r="G33" s="80">
        <v>46</v>
      </c>
      <c r="H33" s="80">
        <v>31</v>
      </c>
      <c r="I33" s="80">
        <v>31</v>
      </c>
      <c r="J33" s="80">
        <v>8</v>
      </c>
      <c r="K33" s="82">
        <v>159</v>
      </c>
      <c r="L33" s="83">
        <v>180</v>
      </c>
      <c r="M33" s="68">
        <v>2</v>
      </c>
      <c r="N33" s="69">
        <v>0</v>
      </c>
      <c r="O33" s="70">
        <v>2</v>
      </c>
      <c r="P33" s="159"/>
      <c r="Q33" s="69">
        <v>4</v>
      </c>
      <c r="R33" s="69">
        <v>3</v>
      </c>
      <c r="S33" s="69">
        <v>2</v>
      </c>
      <c r="T33" s="69">
        <v>1</v>
      </c>
      <c r="U33" s="69">
        <v>0</v>
      </c>
      <c r="V33" s="70">
        <v>10</v>
      </c>
      <c r="W33" s="71">
        <v>12</v>
      </c>
      <c r="X33" s="68">
        <v>3</v>
      </c>
      <c r="Y33" s="69">
        <v>1</v>
      </c>
      <c r="Z33" s="70">
        <v>4</v>
      </c>
      <c r="AA33" s="159"/>
      <c r="AB33" s="69">
        <v>7</v>
      </c>
      <c r="AC33" s="69">
        <v>4</v>
      </c>
      <c r="AD33" s="69">
        <v>2</v>
      </c>
      <c r="AE33" s="69">
        <v>4</v>
      </c>
      <c r="AF33" s="69">
        <v>2</v>
      </c>
      <c r="AG33" s="70">
        <v>19</v>
      </c>
      <c r="AH33" s="71">
        <v>23</v>
      </c>
      <c r="AI33" s="68">
        <v>0</v>
      </c>
      <c r="AJ33" s="69">
        <v>4</v>
      </c>
      <c r="AK33" s="70">
        <v>4</v>
      </c>
      <c r="AL33" s="159"/>
      <c r="AM33" s="69">
        <v>4</v>
      </c>
      <c r="AN33" s="69">
        <v>3</v>
      </c>
      <c r="AO33" s="69">
        <v>5</v>
      </c>
      <c r="AP33" s="69">
        <v>4</v>
      </c>
      <c r="AQ33" s="69">
        <v>0</v>
      </c>
      <c r="AR33" s="70">
        <v>16</v>
      </c>
      <c r="AS33" s="71">
        <v>20</v>
      </c>
      <c r="AT33" s="68">
        <v>2</v>
      </c>
      <c r="AU33" s="69">
        <v>2</v>
      </c>
      <c r="AV33" s="70">
        <v>4</v>
      </c>
      <c r="AW33" s="159"/>
      <c r="AX33" s="69">
        <v>10</v>
      </c>
      <c r="AY33" s="69">
        <v>13</v>
      </c>
      <c r="AZ33" s="69">
        <v>10</v>
      </c>
      <c r="BA33" s="69">
        <v>8</v>
      </c>
      <c r="BB33" s="69">
        <v>3</v>
      </c>
      <c r="BC33" s="70">
        <v>44</v>
      </c>
      <c r="BD33" s="71">
        <v>48</v>
      </c>
      <c r="BE33" s="68">
        <v>4</v>
      </c>
      <c r="BF33" s="69">
        <v>2</v>
      </c>
      <c r="BG33" s="70">
        <v>6</v>
      </c>
      <c r="BH33" s="159"/>
      <c r="BI33" s="69">
        <v>9</v>
      </c>
      <c r="BJ33" s="69">
        <v>13</v>
      </c>
      <c r="BK33" s="69">
        <v>6</v>
      </c>
      <c r="BL33" s="69">
        <v>5</v>
      </c>
      <c r="BM33" s="69">
        <v>2</v>
      </c>
      <c r="BN33" s="70">
        <v>35</v>
      </c>
      <c r="BO33" s="71">
        <v>41</v>
      </c>
      <c r="BP33" s="68">
        <v>0</v>
      </c>
      <c r="BQ33" s="69">
        <v>1</v>
      </c>
      <c r="BR33" s="70">
        <v>1</v>
      </c>
      <c r="BS33" s="159"/>
      <c r="BT33" s="69">
        <v>9</v>
      </c>
      <c r="BU33" s="69">
        <v>10</v>
      </c>
      <c r="BV33" s="69">
        <v>6</v>
      </c>
      <c r="BW33" s="69">
        <v>9</v>
      </c>
      <c r="BX33" s="69">
        <v>1</v>
      </c>
      <c r="BY33" s="70">
        <v>35</v>
      </c>
      <c r="BZ33" s="71">
        <v>36</v>
      </c>
      <c r="CA33" s="68">
        <v>0</v>
      </c>
      <c r="CB33" s="69">
        <v>0</v>
      </c>
      <c r="CC33" s="70">
        <v>0</v>
      </c>
      <c r="CD33" s="159"/>
      <c r="CE33" s="69">
        <v>1</v>
      </c>
      <c r="CF33" s="69">
        <v>0</v>
      </c>
      <c r="CG33" s="69">
        <v>2</v>
      </c>
      <c r="CH33" s="69">
        <v>2</v>
      </c>
      <c r="CI33" s="69">
        <v>1</v>
      </c>
      <c r="CJ33" s="70">
        <v>6</v>
      </c>
      <c r="CK33" s="71">
        <v>6</v>
      </c>
      <c r="CL33" s="68">
        <v>11</v>
      </c>
      <c r="CM33" s="69">
        <v>10</v>
      </c>
      <c r="CN33" s="70">
        <v>21</v>
      </c>
      <c r="CO33" s="159"/>
      <c r="CP33" s="69">
        <v>44</v>
      </c>
      <c r="CQ33" s="69">
        <v>46</v>
      </c>
      <c r="CR33" s="69">
        <v>33</v>
      </c>
      <c r="CS33" s="69">
        <v>33</v>
      </c>
      <c r="CT33" s="69">
        <v>9</v>
      </c>
      <c r="CU33" s="70">
        <v>165</v>
      </c>
      <c r="CV33" s="71">
        <v>186</v>
      </c>
      <c r="CW33" s="108">
        <v>37</v>
      </c>
      <c r="CX33" s="80">
        <v>40</v>
      </c>
      <c r="CY33" s="81">
        <v>77</v>
      </c>
      <c r="CZ33" s="159"/>
      <c r="DA33" s="80">
        <v>89</v>
      </c>
      <c r="DB33" s="80">
        <v>72</v>
      </c>
      <c r="DC33" s="80">
        <v>79</v>
      </c>
      <c r="DD33" s="80">
        <v>63</v>
      </c>
      <c r="DE33" s="80">
        <v>41</v>
      </c>
      <c r="DF33" s="82">
        <v>344</v>
      </c>
      <c r="DG33" s="83">
        <v>421</v>
      </c>
      <c r="DH33" s="68">
        <v>0</v>
      </c>
      <c r="DI33" s="69">
        <v>0</v>
      </c>
      <c r="DJ33" s="70">
        <v>0</v>
      </c>
      <c r="DK33" s="159"/>
      <c r="DL33" s="69">
        <v>2</v>
      </c>
      <c r="DM33" s="69">
        <v>0</v>
      </c>
      <c r="DN33" s="69">
        <v>1</v>
      </c>
      <c r="DO33" s="69">
        <v>1</v>
      </c>
      <c r="DP33" s="69">
        <v>2</v>
      </c>
      <c r="DQ33" s="70">
        <v>6</v>
      </c>
      <c r="DR33" s="71">
        <v>6</v>
      </c>
      <c r="DS33" s="68">
        <v>4</v>
      </c>
      <c r="DT33" s="69">
        <v>4</v>
      </c>
      <c r="DU33" s="70">
        <v>8</v>
      </c>
      <c r="DV33" s="159"/>
      <c r="DW33" s="69">
        <v>3</v>
      </c>
      <c r="DX33" s="69">
        <v>5</v>
      </c>
      <c r="DY33" s="69">
        <v>4</v>
      </c>
      <c r="DZ33" s="69">
        <v>1</v>
      </c>
      <c r="EA33" s="69">
        <v>4</v>
      </c>
      <c r="EB33" s="70">
        <v>17</v>
      </c>
      <c r="EC33" s="71">
        <v>25</v>
      </c>
      <c r="ED33" s="68">
        <v>8</v>
      </c>
      <c r="EE33" s="69">
        <v>4</v>
      </c>
      <c r="EF33" s="70">
        <v>12</v>
      </c>
      <c r="EG33" s="159"/>
      <c r="EH33" s="69">
        <v>11</v>
      </c>
      <c r="EI33" s="69">
        <v>5</v>
      </c>
      <c r="EJ33" s="69">
        <v>11</v>
      </c>
      <c r="EK33" s="69">
        <v>5</v>
      </c>
      <c r="EL33" s="69">
        <v>3</v>
      </c>
      <c r="EM33" s="70">
        <v>35</v>
      </c>
      <c r="EN33" s="71">
        <v>47</v>
      </c>
      <c r="EO33" s="68">
        <v>8</v>
      </c>
      <c r="EP33" s="69">
        <v>13</v>
      </c>
      <c r="EQ33" s="70">
        <v>21</v>
      </c>
      <c r="ER33" s="159"/>
      <c r="ES33" s="69">
        <v>32</v>
      </c>
      <c r="ET33" s="69">
        <v>15</v>
      </c>
      <c r="EU33" s="69">
        <v>12</v>
      </c>
      <c r="EV33" s="69">
        <v>7</v>
      </c>
      <c r="EW33" s="69">
        <v>14</v>
      </c>
      <c r="EX33" s="70">
        <v>80</v>
      </c>
      <c r="EY33" s="71">
        <v>101</v>
      </c>
      <c r="EZ33" s="68">
        <v>12</v>
      </c>
      <c r="FA33" s="69">
        <v>9</v>
      </c>
      <c r="FB33" s="70">
        <v>21</v>
      </c>
      <c r="FC33" s="159"/>
      <c r="FD33" s="69">
        <v>17</v>
      </c>
      <c r="FE33" s="69">
        <v>21</v>
      </c>
      <c r="FF33" s="69">
        <v>18</v>
      </c>
      <c r="FG33" s="69">
        <v>23</v>
      </c>
      <c r="FH33" s="69">
        <v>6</v>
      </c>
      <c r="FI33" s="70">
        <v>85</v>
      </c>
      <c r="FJ33" s="71">
        <v>106</v>
      </c>
      <c r="FK33" s="68">
        <v>5</v>
      </c>
      <c r="FL33" s="69">
        <v>10</v>
      </c>
      <c r="FM33" s="70">
        <v>15</v>
      </c>
      <c r="FN33" s="159"/>
      <c r="FO33" s="69">
        <v>24</v>
      </c>
      <c r="FP33" s="69">
        <v>26</v>
      </c>
      <c r="FQ33" s="69">
        <v>33</v>
      </c>
      <c r="FR33" s="69">
        <v>26</v>
      </c>
      <c r="FS33" s="69">
        <v>12</v>
      </c>
      <c r="FT33" s="70">
        <v>121</v>
      </c>
      <c r="FU33" s="71">
        <v>136</v>
      </c>
      <c r="FV33" s="68">
        <v>0</v>
      </c>
      <c r="FW33" s="69">
        <v>0</v>
      </c>
      <c r="FX33" s="70">
        <v>0</v>
      </c>
      <c r="FY33" s="159"/>
      <c r="FZ33" s="69">
        <v>0</v>
      </c>
      <c r="GA33" s="69">
        <v>0</v>
      </c>
      <c r="GB33" s="69">
        <v>1</v>
      </c>
      <c r="GC33" s="69">
        <v>1</v>
      </c>
      <c r="GD33" s="69">
        <v>1</v>
      </c>
      <c r="GE33" s="70">
        <v>3</v>
      </c>
      <c r="GF33" s="71">
        <v>3</v>
      </c>
      <c r="GG33" s="68">
        <v>37</v>
      </c>
      <c r="GH33" s="69">
        <v>40</v>
      </c>
      <c r="GI33" s="70">
        <v>77</v>
      </c>
      <c r="GJ33" s="159"/>
      <c r="GK33" s="69">
        <v>89</v>
      </c>
      <c r="GL33" s="69">
        <v>72</v>
      </c>
      <c r="GM33" s="69">
        <v>80</v>
      </c>
      <c r="GN33" s="69">
        <v>64</v>
      </c>
      <c r="GO33" s="69">
        <v>42</v>
      </c>
      <c r="GP33" s="70">
        <v>347</v>
      </c>
      <c r="GQ33" s="71">
        <v>424</v>
      </c>
      <c r="GR33" s="108">
        <v>48</v>
      </c>
      <c r="GS33" s="80">
        <v>50</v>
      </c>
      <c r="GT33" s="81">
        <v>98</v>
      </c>
      <c r="GU33" s="159"/>
      <c r="GV33" s="80">
        <v>132</v>
      </c>
      <c r="GW33" s="80">
        <v>118</v>
      </c>
      <c r="GX33" s="80">
        <v>110</v>
      </c>
      <c r="GY33" s="80">
        <v>94</v>
      </c>
      <c r="GZ33" s="80">
        <v>49</v>
      </c>
      <c r="HA33" s="82">
        <v>503</v>
      </c>
      <c r="HB33" s="83">
        <v>601</v>
      </c>
      <c r="HC33" s="68">
        <v>2</v>
      </c>
      <c r="HD33" s="69">
        <v>0</v>
      </c>
      <c r="HE33" s="70">
        <v>2</v>
      </c>
      <c r="HF33" s="159"/>
      <c r="HG33" s="69">
        <v>6</v>
      </c>
      <c r="HH33" s="69">
        <v>3</v>
      </c>
      <c r="HI33" s="69">
        <v>3</v>
      </c>
      <c r="HJ33" s="69">
        <v>2</v>
      </c>
      <c r="HK33" s="69">
        <v>2</v>
      </c>
      <c r="HL33" s="70">
        <v>16</v>
      </c>
      <c r="HM33" s="71">
        <v>18</v>
      </c>
      <c r="HN33" s="68">
        <v>7</v>
      </c>
      <c r="HO33" s="69">
        <v>5</v>
      </c>
      <c r="HP33" s="70">
        <v>12</v>
      </c>
      <c r="HQ33" s="159"/>
      <c r="HR33" s="69">
        <v>10</v>
      </c>
      <c r="HS33" s="69">
        <v>9</v>
      </c>
      <c r="HT33" s="69">
        <v>6</v>
      </c>
      <c r="HU33" s="69">
        <v>5</v>
      </c>
      <c r="HV33" s="69">
        <v>6</v>
      </c>
      <c r="HW33" s="70">
        <v>36</v>
      </c>
      <c r="HX33" s="71">
        <v>48</v>
      </c>
      <c r="HY33" s="68">
        <v>8</v>
      </c>
      <c r="HZ33" s="69">
        <v>8</v>
      </c>
      <c r="IA33" s="70">
        <v>16</v>
      </c>
      <c r="IB33" s="159"/>
      <c r="IC33" s="69">
        <v>15</v>
      </c>
      <c r="ID33" s="69">
        <v>8</v>
      </c>
      <c r="IE33" s="69">
        <v>16</v>
      </c>
      <c r="IF33" s="69">
        <v>9</v>
      </c>
      <c r="IG33" s="69">
        <v>3</v>
      </c>
      <c r="IH33" s="70">
        <v>51</v>
      </c>
      <c r="II33" s="71">
        <v>67</v>
      </c>
      <c r="IJ33" s="68">
        <v>10</v>
      </c>
      <c r="IK33" s="69">
        <v>15</v>
      </c>
      <c r="IL33" s="70">
        <v>25</v>
      </c>
      <c r="IM33" s="159"/>
      <c r="IN33" s="69">
        <v>42</v>
      </c>
      <c r="IO33" s="69">
        <v>28</v>
      </c>
      <c r="IP33" s="69">
        <v>22</v>
      </c>
      <c r="IQ33" s="69">
        <v>15</v>
      </c>
      <c r="IR33" s="69">
        <v>17</v>
      </c>
      <c r="IS33" s="70">
        <v>124</v>
      </c>
      <c r="IT33" s="71">
        <v>149</v>
      </c>
      <c r="IU33" s="68">
        <v>16</v>
      </c>
      <c r="IV33" s="69">
        <v>11</v>
      </c>
      <c r="IW33" s="70">
        <v>27</v>
      </c>
      <c r="IX33" s="159"/>
      <c r="IY33" s="69">
        <v>26</v>
      </c>
      <c r="IZ33" s="69">
        <v>34</v>
      </c>
      <c r="JA33" s="69">
        <v>24</v>
      </c>
      <c r="JB33" s="69">
        <v>28</v>
      </c>
      <c r="JC33" s="69">
        <v>8</v>
      </c>
      <c r="JD33" s="70">
        <v>120</v>
      </c>
      <c r="JE33" s="71">
        <v>147</v>
      </c>
      <c r="JF33" s="68">
        <v>5</v>
      </c>
      <c r="JG33" s="69">
        <v>11</v>
      </c>
      <c r="JH33" s="70">
        <v>16</v>
      </c>
      <c r="JI33" s="159"/>
      <c r="JJ33" s="69">
        <v>33</v>
      </c>
      <c r="JK33" s="69">
        <v>36</v>
      </c>
      <c r="JL33" s="69">
        <v>39</v>
      </c>
      <c r="JM33" s="69">
        <v>35</v>
      </c>
      <c r="JN33" s="69">
        <v>13</v>
      </c>
      <c r="JO33" s="70">
        <v>156</v>
      </c>
      <c r="JP33" s="71">
        <v>172</v>
      </c>
      <c r="JQ33" s="68">
        <v>0</v>
      </c>
      <c r="JR33" s="69">
        <v>0</v>
      </c>
      <c r="JS33" s="70">
        <v>0</v>
      </c>
      <c r="JT33" s="159"/>
      <c r="JU33" s="69">
        <v>1</v>
      </c>
      <c r="JV33" s="69">
        <v>0</v>
      </c>
      <c r="JW33" s="69">
        <v>3</v>
      </c>
      <c r="JX33" s="69">
        <v>3</v>
      </c>
      <c r="JY33" s="69">
        <v>2</v>
      </c>
      <c r="JZ33" s="70">
        <v>9</v>
      </c>
      <c r="KA33" s="71">
        <v>9</v>
      </c>
      <c r="KB33" s="68">
        <v>48</v>
      </c>
      <c r="KC33" s="69">
        <v>50</v>
      </c>
      <c r="KD33" s="70">
        <v>98</v>
      </c>
      <c r="KE33" s="159"/>
      <c r="KF33" s="69">
        <v>133</v>
      </c>
      <c r="KG33" s="69">
        <v>118</v>
      </c>
      <c r="KH33" s="69">
        <v>113</v>
      </c>
      <c r="KI33" s="69">
        <v>97</v>
      </c>
      <c r="KJ33" s="69">
        <v>51</v>
      </c>
      <c r="KK33" s="70">
        <v>512</v>
      </c>
      <c r="KL33" s="71">
        <v>610</v>
      </c>
    </row>
    <row r="34" spans="1:298" ht="19.5" customHeight="1" x14ac:dyDescent="0.2">
      <c r="A34" s="111" t="s">
        <v>31</v>
      </c>
      <c r="B34" s="215">
        <v>20</v>
      </c>
      <c r="C34" s="80">
        <v>38</v>
      </c>
      <c r="D34" s="81">
        <v>58</v>
      </c>
      <c r="E34" s="159"/>
      <c r="F34" s="80">
        <v>56</v>
      </c>
      <c r="G34" s="80">
        <v>59</v>
      </c>
      <c r="H34" s="80">
        <v>35</v>
      </c>
      <c r="I34" s="80">
        <v>20</v>
      </c>
      <c r="J34" s="80">
        <v>13</v>
      </c>
      <c r="K34" s="82">
        <v>183</v>
      </c>
      <c r="L34" s="83">
        <v>241</v>
      </c>
      <c r="M34" s="68">
        <v>2</v>
      </c>
      <c r="N34" s="69">
        <v>0</v>
      </c>
      <c r="O34" s="70">
        <v>2</v>
      </c>
      <c r="P34" s="159"/>
      <c r="Q34" s="69">
        <v>4</v>
      </c>
      <c r="R34" s="69">
        <v>2</v>
      </c>
      <c r="S34" s="69">
        <v>4</v>
      </c>
      <c r="T34" s="69">
        <v>1</v>
      </c>
      <c r="U34" s="69">
        <v>1</v>
      </c>
      <c r="V34" s="70">
        <v>12</v>
      </c>
      <c r="W34" s="71">
        <v>14</v>
      </c>
      <c r="X34" s="68">
        <v>2</v>
      </c>
      <c r="Y34" s="69">
        <v>5</v>
      </c>
      <c r="Z34" s="70">
        <v>7</v>
      </c>
      <c r="AA34" s="159"/>
      <c r="AB34" s="69">
        <v>8</v>
      </c>
      <c r="AC34" s="69">
        <v>6</v>
      </c>
      <c r="AD34" s="69">
        <v>5</v>
      </c>
      <c r="AE34" s="69">
        <v>4</v>
      </c>
      <c r="AF34" s="69">
        <v>3</v>
      </c>
      <c r="AG34" s="70">
        <v>26</v>
      </c>
      <c r="AH34" s="71">
        <v>33</v>
      </c>
      <c r="AI34" s="68">
        <v>2</v>
      </c>
      <c r="AJ34" s="69">
        <v>3</v>
      </c>
      <c r="AK34" s="70">
        <v>5</v>
      </c>
      <c r="AL34" s="159"/>
      <c r="AM34" s="69">
        <v>7</v>
      </c>
      <c r="AN34" s="69">
        <v>9</v>
      </c>
      <c r="AO34" s="69">
        <v>3</v>
      </c>
      <c r="AP34" s="69">
        <v>2</v>
      </c>
      <c r="AQ34" s="69">
        <v>3</v>
      </c>
      <c r="AR34" s="70">
        <v>24</v>
      </c>
      <c r="AS34" s="71">
        <v>29</v>
      </c>
      <c r="AT34" s="68">
        <v>3</v>
      </c>
      <c r="AU34" s="69">
        <v>9</v>
      </c>
      <c r="AV34" s="70">
        <v>12</v>
      </c>
      <c r="AW34" s="159"/>
      <c r="AX34" s="69">
        <v>15</v>
      </c>
      <c r="AY34" s="69">
        <v>15</v>
      </c>
      <c r="AZ34" s="69">
        <v>4</v>
      </c>
      <c r="BA34" s="69">
        <v>2</v>
      </c>
      <c r="BB34" s="69">
        <v>3</v>
      </c>
      <c r="BC34" s="70">
        <v>39</v>
      </c>
      <c r="BD34" s="71">
        <v>51</v>
      </c>
      <c r="BE34" s="68">
        <v>6</v>
      </c>
      <c r="BF34" s="69">
        <v>13</v>
      </c>
      <c r="BG34" s="70">
        <v>19</v>
      </c>
      <c r="BH34" s="159"/>
      <c r="BI34" s="69">
        <v>12</v>
      </c>
      <c r="BJ34" s="69">
        <v>12</v>
      </c>
      <c r="BK34" s="69">
        <v>9</v>
      </c>
      <c r="BL34" s="69">
        <v>6</v>
      </c>
      <c r="BM34" s="69">
        <v>2</v>
      </c>
      <c r="BN34" s="70">
        <v>41</v>
      </c>
      <c r="BO34" s="71">
        <v>60</v>
      </c>
      <c r="BP34" s="68">
        <v>5</v>
      </c>
      <c r="BQ34" s="69">
        <v>8</v>
      </c>
      <c r="BR34" s="70">
        <v>13</v>
      </c>
      <c r="BS34" s="159"/>
      <c r="BT34" s="69">
        <v>10</v>
      </c>
      <c r="BU34" s="69">
        <v>15</v>
      </c>
      <c r="BV34" s="69">
        <v>10</v>
      </c>
      <c r="BW34" s="69">
        <v>5</v>
      </c>
      <c r="BX34" s="69">
        <v>1</v>
      </c>
      <c r="BY34" s="70">
        <v>41</v>
      </c>
      <c r="BZ34" s="71">
        <v>54</v>
      </c>
      <c r="CA34" s="68">
        <v>0</v>
      </c>
      <c r="CB34" s="69">
        <v>1</v>
      </c>
      <c r="CC34" s="70">
        <v>1</v>
      </c>
      <c r="CD34" s="159"/>
      <c r="CE34" s="69">
        <v>2</v>
      </c>
      <c r="CF34" s="69">
        <v>2</v>
      </c>
      <c r="CG34" s="69">
        <v>0</v>
      </c>
      <c r="CH34" s="69">
        <v>2</v>
      </c>
      <c r="CI34" s="69">
        <v>0</v>
      </c>
      <c r="CJ34" s="70">
        <v>6</v>
      </c>
      <c r="CK34" s="71">
        <v>7</v>
      </c>
      <c r="CL34" s="68">
        <v>20</v>
      </c>
      <c r="CM34" s="69">
        <v>39</v>
      </c>
      <c r="CN34" s="70">
        <v>59</v>
      </c>
      <c r="CO34" s="159"/>
      <c r="CP34" s="69">
        <v>58</v>
      </c>
      <c r="CQ34" s="69">
        <v>61</v>
      </c>
      <c r="CR34" s="69">
        <v>35</v>
      </c>
      <c r="CS34" s="69">
        <v>22</v>
      </c>
      <c r="CT34" s="69">
        <v>13</v>
      </c>
      <c r="CU34" s="70">
        <v>189</v>
      </c>
      <c r="CV34" s="71">
        <v>248</v>
      </c>
      <c r="CW34" s="108">
        <v>59</v>
      </c>
      <c r="CX34" s="80">
        <v>79</v>
      </c>
      <c r="CY34" s="81">
        <v>138</v>
      </c>
      <c r="CZ34" s="159"/>
      <c r="DA34" s="80">
        <v>94</v>
      </c>
      <c r="DB34" s="80">
        <v>95</v>
      </c>
      <c r="DC34" s="80">
        <v>81</v>
      </c>
      <c r="DD34" s="80">
        <v>51</v>
      </c>
      <c r="DE34" s="80">
        <v>42</v>
      </c>
      <c r="DF34" s="82">
        <v>363</v>
      </c>
      <c r="DG34" s="83">
        <v>501</v>
      </c>
      <c r="DH34" s="68">
        <v>0</v>
      </c>
      <c r="DI34" s="69">
        <v>3</v>
      </c>
      <c r="DJ34" s="70">
        <v>3</v>
      </c>
      <c r="DK34" s="159"/>
      <c r="DL34" s="69">
        <v>0</v>
      </c>
      <c r="DM34" s="69">
        <v>1</v>
      </c>
      <c r="DN34" s="69">
        <v>3</v>
      </c>
      <c r="DO34" s="69">
        <v>2</v>
      </c>
      <c r="DP34" s="69">
        <v>1</v>
      </c>
      <c r="DQ34" s="70">
        <v>7</v>
      </c>
      <c r="DR34" s="71">
        <v>10</v>
      </c>
      <c r="DS34" s="68">
        <v>0</v>
      </c>
      <c r="DT34" s="69">
        <v>4</v>
      </c>
      <c r="DU34" s="70">
        <v>4</v>
      </c>
      <c r="DV34" s="159"/>
      <c r="DW34" s="69">
        <v>9</v>
      </c>
      <c r="DX34" s="69">
        <v>6</v>
      </c>
      <c r="DY34" s="69">
        <v>5</v>
      </c>
      <c r="DZ34" s="69">
        <v>2</v>
      </c>
      <c r="EA34" s="69">
        <v>2</v>
      </c>
      <c r="EB34" s="70">
        <v>24</v>
      </c>
      <c r="EC34" s="71">
        <v>28</v>
      </c>
      <c r="ED34" s="68">
        <v>9</v>
      </c>
      <c r="EE34" s="69">
        <v>8</v>
      </c>
      <c r="EF34" s="70">
        <v>17</v>
      </c>
      <c r="EG34" s="159"/>
      <c r="EH34" s="69">
        <v>7</v>
      </c>
      <c r="EI34" s="69">
        <v>5</v>
      </c>
      <c r="EJ34" s="69">
        <v>3</v>
      </c>
      <c r="EK34" s="69">
        <v>4</v>
      </c>
      <c r="EL34" s="69">
        <v>2</v>
      </c>
      <c r="EM34" s="70">
        <v>21</v>
      </c>
      <c r="EN34" s="71">
        <v>38</v>
      </c>
      <c r="EO34" s="68">
        <v>18</v>
      </c>
      <c r="EP34" s="69">
        <v>18</v>
      </c>
      <c r="EQ34" s="70">
        <v>36</v>
      </c>
      <c r="ER34" s="159"/>
      <c r="ES34" s="69">
        <v>21</v>
      </c>
      <c r="ET34" s="69">
        <v>17</v>
      </c>
      <c r="EU34" s="69">
        <v>12</v>
      </c>
      <c r="EV34" s="69">
        <v>7</v>
      </c>
      <c r="EW34" s="69">
        <v>4</v>
      </c>
      <c r="EX34" s="70">
        <v>61</v>
      </c>
      <c r="EY34" s="71">
        <v>97</v>
      </c>
      <c r="EZ34" s="68">
        <v>24</v>
      </c>
      <c r="FA34" s="69">
        <v>21</v>
      </c>
      <c r="FB34" s="70">
        <v>45</v>
      </c>
      <c r="FC34" s="159"/>
      <c r="FD34" s="69">
        <v>26</v>
      </c>
      <c r="FE34" s="69">
        <v>30</v>
      </c>
      <c r="FF34" s="69">
        <v>25</v>
      </c>
      <c r="FG34" s="69">
        <v>9</v>
      </c>
      <c r="FH34" s="69">
        <v>11</v>
      </c>
      <c r="FI34" s="70">
        <v>101</v>
      </c>
      <c r="FJ34" s="71">
        <v>146</v>
      </c>
      <c r="FK34" s="68">
        <v>8</v>
      </c>
      <c r="FL34" s="69">
        <v>25</v>
      </c>
      <c r="FM34" s="70">
        <v>33</v>
      </c>
      <c r="FN34" s="159"/>
      <c r="FO34" s="69">
        <v>31</v>
      </c>
      <c r="FP34" s="69">
        <v>36</v>
      </c>
      <c r="FQ34" s="69">
        <v>33</v>
      </c>
      <c r="FR34" s="69">
        <v>27</v>
      </c>
      <c r="FS34" s="69">
        <v>22</v>
      </c>
      <c r="FT34" s="70">
        <v>149</v>
      </c>
      <c r="FU34" s="71">
        <v>182</v>
      </c>
      <c r="FV34" s="68">
        <v>0</v>
      </c>
      <c r="FW34" s="69">
        <v>0</v>
      </c>
      <c r="FX34" s="70">
        <v>0</v>
      </c>
      <c r="FY34" s="159"/>
      <c r="FZ34" s="69">
        <v>2</v>
      </c>
      <c r="GA34" s="69">
        <v>0</v>
      </c>
      <c r="GB34" s="69">
        <v>2</v>
      </c>
      <c r="GC34" s="69">
        <v>0</v>
      </c>
      <c r="GD34" s="69">
        <v>0</v>
      </c>
      <c r="GE34" s="70">
        <v>4</v>
      </c>
      <c r="GF34" s="71">
        <v>4</v>
      </c>
      <c r="GG34" s="68">
        <v>59</v>
      </c>
      <c r="GH34" s="69">
        <v>79</v>
      </c>
      <c r="GI34" s="70">
        <v>138</v>
      </c>
      <c r="GJ34" s="159"/>
      <c r="GK34" s="69">
        <v>96</v>
      </c>
      <c r="GL34" s="69">
        <v>95</v>
      </c>
      <c r="GM34" s="69">
        <v>83</v>
      </c>
      <c r="GN34" s="69">
        <v>51</v>
      </c>
      <c r="GO34" s="69">
        <v>42</v>
      </c>
      <c r="GP34" s="70">
        <v>367</v>
      </c>
      <c r="GQ34" s="71">
        <v>505</v>
      </c>
      <c r="GR34" s="108">
        <v>79</v>
      </c>
      <c r="GS34" s="80">
        <v>117</v>
      </c>
      <c r="GT34" s="81">
        <v>196</v>
      </c>
      <c r="GU34" s="159"/>
      <c r="GV34" s="80">
        <v>150</v>
      </c>
      <c r="GW34" s="80">
        <v>154</v>
      </c>
      <c r="GX34" s="80">
        <v>116</v>
      </c>
      <c r="GY34" s="80">
        <v>71</v>
      </c>
      <c r="GZ34" s="80">
        <v>55</v>
      </c>
      <c r="HA34" s="82">
        <v>546</v>
      </c>
      <c r="HB34" s="83">
        <v>742</v>
      </c>
      <c r="HC34" s="68">
        <v>2</v>
      </c>
      <c r="HD34" s="69">
        <v>3</v>
      </c>
      <c r="HE34" s="70">
        <v>5</v>
      </c>
      <c r="HF34" s="159"/>
      <c r="HG34" s="69">
        <v>4</v>
      </c>
      <c r="HH34" s="69">
        <v>3</v>
      </c>
      <c r="HI34" s="69">
        <v>7</v>
      </c>
      <c r="HJ34" s="69">
        <v>3</v>
      </c>
      <c r="HK34" s="69">
        <v>2</v>
      </c>
      <c r="HL34" s="70">
        <v>19</v>
      </c>
      <c r="HM34" s="71">
        <v>24</v>
      </c>
      <c r="HN34" s="68">
        <v>2</v>
      </c>
      <c r="HO34" s="69">
        <v>9</v>
      </c>
      <c r="HP34" s="70">
        <v>11</v>
      </c>
      <c r="HQ34" s="159"/>
      <c r="HR34" s="69">
        <v>17</v>
      </c>
      <c r="HS34" s="69">
        <v>12</v>
      </c>
      <c r="HT34" s="69">
        <v>10</v>
      </c>
      <c r="HU34" s="69">
        <v>6</v>
      </c>
      <c r="HV34" s="69">
        <v>5</v>
      </c>
      <c r="HW34" s="70">
        <v>50</v>
      </c>
      <c r="HX34" s="71">
        <v>61</v>
      </c>
      <c r="HY34" s="68">
        <v>11</v>
      </c>
      <c r="HZ34" s="69">
        <v>11</v>
      </c>
      <c r="IA34" s="70">
        <v>22</v>
      </c>
      <c r="IB34" s="159"/>
      <c r="IC34" s="69">
        <v>14</v>
      </c>
      <c r="ID34" s="69">
        <v>14</v>
      </c>
      <c r="IE34" s="69">
        <v>6</v>
      </c>
      <c r="IF34" s="69">
        <v>6</v>
      </c>
      <c r="IG34" s="69">
        <v>5</v>
      </c>
      <c r="IH34" s="70">
        <v>45</v>
      </c>
      <c r="II34" s="71">
        <v>67</v>
      </c>
      <c r="IJ34" s="68">
        <v>21</v>
      </c>
      <c r="IK34" s="69">
        <v>27</v>
      </c>
      <c r="IL34" s="70">
        <v>48</v>
      </c>
      <c r="IM34" s="159"/>
      <c r="IN34" s="69">
        <v>36</v>
      </c>
      <c r="IO34" s="69">
        <v>32</v>
      </c>
      <c r="IP34" s="69">
        <v>16</v>
      </c>
      <c r="IQ34" s="69">
        <v>9</v>
      </c>
      <c r="IR34" s="69">
        <v>7</v>
      </c>
      <c r="IS34" s="70">
        <v>100</v>
      </c>
      <c r="IT34" s="71">
        <v>148</v>
      </c>
      <c r="IU34" s="68">
        <v>30</v>
      </c>
      <c r="IV34" s="69">
        <v>34</v>
      </c>
      <c r="IW34" s="70">
        <v>64</v>
      </c>
      <c r="IX34" s="159"/>
      <c r="IY34" s="69">
        <v>38</v>
      </c>
      <c r="IZ34" s="69">
        <v>42</v>
      </c>
      <c r="JA34" s="69">
        <v>34</v>
      </c>
      <c r="JB34" s="69">
        <v>15</v>
      </c>
      <c r="JC34" s="69">
        <v>13</v>
      </c>
      <c r="JD34" s="70">
        <v>142</v>
      </c>
      <c r="JE34" s="71">
        <v>206</v>
      </c>
      <c r="JF34" s="68">
        <v>13</v>
      </c>
      <c r="JG34" s="69">
        <v>33</v>
      </c>
      <c r="JH34" s="70">
        <v>46</v>
      </c>
      <c r="JI34" s="159"/>
      <c r="JJ34" s="69">
        <v>41</v>
      </c>
      <c r="JK34" s="69">
        <v>51</v>
      </c>
      <c r="JL34" s="69">
        <v>43</v>
      </c>
      <c r="JM34" s="69">
        <v>32</v>
      </c>
      <c r="JN34" s="69">
        <v>23</v>
      </c>
      <c r="JO34" s="70">
        <v>190</v>
      </c>
      <c r="JP34" s="71">
        <v>236</v>
      </c>
      <c r="JQ34" s="68">
        <v>0</v>
      </c>
      <c r="JR34" s="69">
        <v>1</v>
      </c>
      <c r="JS34" s="70">
        <v>1</v>
      </c>
      <c r="JT34" s="159"/>
      <c r="JU34" s="69">
        <v>4</v>
      </c>
      <c r="JV34" s="69">
        <v>2</v>
      </c>
      <c r="JW34" s="69">
        <v>2</v>
      </c>
      <c r="JX34" s="69">
        <v>2</v>
      </c>
      <c r="JY34" s="69">
        <v>0</v>
      </c>
      <c r="JZ34" s="70">
        <v>10</v>
      </c>
      <c r="KA34" s="71">
        <v>11</v>
      </c>
      <c r="KB34" s="68">
        <v>79</v>
      </c>
      <c r="KC34" s="69">
        <v>118</v>
      </c>
      <c r="KD34" s="70">
        <v>197</v>
      </c>
      <c r="KE34" s="159"/>
      <c r="KF34" s="69">
        <v>154</v>
      </c>
      <c r="KG34" s="69">
        <v>156</v>
      </c>
      <c r="KH34" s="69">
        <v>118</v>
      </c>
      <c r="KI34" s="69">
        <v>73</v>
      </c>
      <c r="KJ34" s="69">
        <v>55</v>
      </c>
      <c r="KK34" s="70">
        <v>556</v>
      </c>
      <c r="KL34" s="71">
        <v>753</v>
      </c>
    </row>
    <row r="35" spans="1:298" ht="19.5" customHeight="1" x14ac:dyDescent="0.2">
      <c r="A35" s="111" t="s">
        <v>32</v>
      </c>
      <c r="B35" s="215">
        <v>28</v>
      </c>
      <c r="C35" s="80">
        <v>23</v>
      </c>
      <c r="D35" s="81">
        <v>51</v>
      </c>
      <c r="E35" s="159"/>
      <c r="F35" s="80">
        <v>65</v>
      </c>
      <c r="G35" s="80">
        <v>53</v>
      </c>
      <c r="H35" s="80">
        <v>38</v>
      </c>
      <c r="I35" s="80">
        <v>19</v>
      </c>
      <c r="J35" s="80">
        <v>18</v>
      </c>
      <c r="K35" s="82">
        <v>193</v>
      </c>
      <c r="L35" s="83">
        <v>244</v>
      </c>
      <c r="M35" s="68">
        <v>1</v>
      </c>
      <c r="N35" s="69">
        <v>4</v>
      </c>
      <c r="O35" s="70">
        <v>5</v>
      </c>
      <c r="P35" s="159"/>
      <c r="Q35" s="69">
        <v>4</v>
      </c>
      <c r="R35" s="69">
        <v>0</v>
      </c>
      <c r="S35" s="69">
        <v>2</v>
      </c>
      <c r="T35" s="69">
        <v>3</v>
      </c>
      <c r="U35" s="69">
        <v>2</v>
      </c>
      <c r="V35" s="70">
        <v>11</v>
      </c>
      <c r="W35" s="71">
        <v>16</v>
      </c>
      <c r="X35" s="68">
        <v>7</v>
      </c>
      <c r="Y35" s="69">
        <v>2</v>
      </c>
      <c r="Z35" s="70">
        <v>9</v>
      </c>
      <c r="AA35" s="159"/>
      <c r="AB35" s="69">
        <v>9</v>
      </c>
      <c r="AC35" s="69">
        <v>7</v>
      </c>
      <c r="AD35" s="69">
        <v>4</v>
      </c>
      <c r="AE35" s="69">
        <v>3</v>
      </c>
      <c r="AF35" s="69">
        <v>1</v>
      </c>
      <c r="AG35" s="70">
        <v>24</v>
      </c>
      <c r="AH35" s="71">
        <v>33</v>
      </c>
      <c r="AI35" s="68">
        <v>6</v>
      </c>
      <c r="AJ35" s="69">
        <v>1</v>
      </c>
      <c r="AK35" s="70">
        <v>7</v>
      </c>
      <c r="AL35" s="159"/>
      <c r="AM35" s="69">
        <v>12</v>
      </c>
      <c r="AN35" s="69">
        <v>12</v>
      </c>
      <c r="AO35" s="69">
        <v>3</v>
      </c>
      <c r="AP35" s="69">
        <v>1</v>
      </c>
      <c r="AQ35" s="69">
        <v>5</v>
      </c>
      <c r="AR35" s="70">
        <v>33</v>
      </c>
      <c r="AS35" s="71">
        <v>40</v>
      </c>
      <c r="AT35" s="68">
        <v>6</v>
      </c>
      <c r="AU35" s="69">
        <v>4</v>
      </c>
      <c r="AV35" s="70">
        <v>10</v>
      </c>
      <c r="AW35" s="159"/>
      <c r="AX35" s="69">
        <v>12</v>
      </c>
      <c r="AY35" s="69">
        <v>12</v>
      </c>
      <c r="AZ35" s="69">
        <v>9</v>
      </c>
      <c r="BA35" s="69">
        <v>6</v>
      </c>
      <c r="BB35" s="69">
        <v>6</v>
      </c>
      <c r="BC35" s="70">
        <v>45</v>
      </c>
      <c r="BD35" s="71">
        <v>55</v>
      </c>
      <c r="BE35" s="68">
        <v>6</v>
      </c>
      <c r="BF35" s="69">
        <v>8</v>
      </c>
      <c r="BG35" s="70">
        <v>14</v>
      </c>
      <c r="BH35" s="159"/>
      <c r="BI35" s="69">
        <v>19</v>
      </c>
      <c r="BJ35" s="69">
        <v>15</v>
      </c>
      <c r="BK35" s="69">
        <v>14</v>
      </c>
      <c r="BL35" s="69">
        <v>3</v>
      </c>
      <c r="BM35" s="69">
        <v>3</v>
      </c>
      <c r="BN35" s="70">
        <v>54</v>
      </c>
      <c r="BO35" s="71">
        <v>68</v>
      </c>
      <c r="BP35" s="68">
        <v>2</v>
      </c>
      <c r="BQ35" s="69">
        <v>4</v>
      </c>
      <c r="BR35" s="70">
        <v>6</v>
      </c>
      <c r="BS35" s="159"/>
      <c r="BT35" s="69">
        <v>9</v>
      </c>
      <c r="BU35" s="69">
        <v>7</v>
      </c>
      <c r="BV35" s="69">
        <v>6</v>
      </c>
      <c r="BW35" s="69">
        <v>3</v>
      </c>
      <c r="BX35" s="69">
        <v>1</v>
      </c>
      <c r="BY35" s="70">
        <v>26</v>
      </c>
      <c r="BZ35" s="71">
        <v>32</v>
      </c>
      <c r="CA35" s="68">
        <v>1</v>
      </c>
      <c r="CB35" s="69">
        <v>1</v>
      </c>
      <c r="CC35" s="70">
        <v>2</v>
      </c>
      <c r="CD35" s="159"/>
      <c r="CE35" s="69">
        <v>6</v>
      </c>
      <c r="CF35" s="69">
        <v>4</v>
      </c>
      <c r="CG35" s="69">
        <v>1</v>
      </c>
      <c r="CH35" s="69">
        <v>3</v>
      </c>
      <c r="CI35" s="69">
        <v>4</v>
      </c>
      <c r="CJ35" s="70">
        <v>18</v>
      </c>
      <c r="CK35" s="71">
        <v>20</v>
      </c>
      <c r="CL35" s="68">
        <v>29</v>
      </c>
      <c r="CM35" s="69">
        <v>24</v>
      </c>
      <c r="CN35" s="70">
        <v>53</v>
      </c>
      <c r="CO35" s="159"/>
      <c r="CP35" s="69">
        <v>71</v>
      </c>
      <c r="CQ35" s="69">
        <v>57</v>
      </c>
      <c r="CR35" s="69">
        <v>39</v>
      </c>
      <c r="CS35" s="69">
        <v>22</v>
      </c>
      <c r="CT35" s="69">
        <v>22</v>
      </c>
      <c r="CU35" s="70">
        <v>211</v>
      </c>
      <c r="CV35" s="71">
        <v>264</v>
      </c>
      <c r="CW35" s="108">
        <v>46</v>
      </c>
      <c r="CX35" s="80">
        <v>73</v>
      </c>
      <c r="CY35" s="81">
        <v>119</v>
      </c>
      <c r="CZ35" s="159"/>
      <c r="DA35" s="80">
        <v>119</v>
      </c>
      <c r="DB35" s="80">
        <v>79</v>
      </c>
      <c r="DC35" s="80">
        <v>71</v>
      </c>
      <c r="DD35" s="80">
        <v>73</v>
      </c>
      <c r="DE35" s="80">
        <v>31</v>
      </c>
      <c r="DF35" s="82">
        <v>373</v>
      </c>
      <c r="DG35" s="83">
        <v>492</v>
      </c>
      <c r="DH35" s="68">
        <v>1</v>
      </c>
      <c r="DI35" s="69">
        <v>1</v>
      </c>
      <c r="DJ35" s="70">
        <v>2</v>
      </c>
      <c r="DK35" s="159"/>
      <c r="DL35" s="69">
        <v>6</v>
      </c>
      <c r="DM35" s="69">
        <v>2</v>
      </c>
      <c r="DN35" s="69">
        <v>1</v>
      </c>
      <c r="DO35" s="69">
        <v>3</v>
      </c>
      <c r="DP35" s="69">
        <v>1</v>
      </c>
      <c r="DQ35" s="70">
        <v>13</v>
      </c>
      <c r="DR35" s="71">
        <v>15</v>
      </c>
      <c r="DS35" s="68">
        <v>2</v>
      </c>
      <c r="DT35" s="69">
        <v>4</v>
      </c>
      <c r="DU35" s="70">
        <v>6</v>
      </c>
      <c r="DV35" s="159"/>
      <c r="DW35" s="69">
        <v>8</v>
      </c>
      <c r="DX35" s="69">
        <v>1</v>
      </c>
      <c r="DY35" s="69">
        <v>3</v>
      </c>
      <c r="DZ35" s="69">
        <v>5</v>
      </c>
      <c r="EA35" s="69">
        <v>5</v>
      </c>
      <c r="EB35" s="70">
        <v>22</v>
      </c>
      <c r="EC35" s="71">
        <v>28</v>
      </c>
      <c r="ED35" s="68">
        <v>9</v>
      </c>
      <c r="EE35" s="69">
        <v>10</v>
      </c>
      <c r="EF35" s="70">
        <v>19</v>
      </c>
      <c r="EG35" s="159"/>
      <c r="EH35" s="69">
        <v>15</v>
      </c>
      <c r="EI35" s="69">
        <v>7</v>
      </c>
      <c r="EJ35" s="69">
        <v>8</v>
      </c>
      <c r="EK35" s="69">
        <v>5</v>
      </c>
      <c r="EL35" s="69">
        <v>1</v>
      </c>
      <c r="EM35" s="70">
        <v>36</v>
      </c>
      <c r="EN35" s="71">
        <v>55</v>
      </c>
      <c r="EO35" s="68">
        <v>12</v>
      </c>
      <c r="EP35" s="69">
        <v>20</v>
      </c>
      <c r="EQ35" s="70">
        <v>32</v>
      </c>
      <c r="ER35" s="159"/>
      <c r="ES35" s="69">
        <v>24</v>
      </c>
      <c r="ET35" s="69">
        <v>15</v>
      </c>
      <c r="EU35" s="69">
        <v>7</v>
      </c>
      <c r="EV35" s="69">
        <v>7</v>
      </c>
      <c r="EW35" s="69">
        <v>9</v>
      </c>
      <c r="EX35" s="70">
        <v>62</v>
      </c>
      <c r="EY35" s="71">
        <v>94</v>
      </c>
      <c r="EZ35" s="68">
        <v>16</v>
      </c>
      <c r="FA35" s="69">
        <v>12</v>
      </c>
      <c r="FB35" s="70">
        <v>28</v>
      </c>
      <c r="FC35" s="159"/>
      <c r="FD35" s="69">
        <v>42</v>
      </c>
      <c r="FE35" s="69">
        <v>25</v>
      </c>
      <c r="FF35" s="69">
        <v>27</v>
      </c>
      <c r="FG35" s="69">
        <v>15</v>
      </c>
      <c r="FH35" s="69">
        <v>4</v>
      </c>
      <c r="FI35" s="70">
        <v>113</v>
      </c>
      <c r="FJ35" s="71">
        <v>141</v>
      </c>
      <c r="FK35" s="68">
        <v>6</v>
      </c>
      <c r="FL35" s="69">
        <v>26</v>
      </c>
      <c r="FM35" s="70">
        <v>32</v>
      </c>
      <c r="FN35" s="159"/>
      <c r="FO35" s="69">
        <v>24</v>
      </c>
      <c r="FP35" s="69">
        <v>29</v>
      </c>
      <c r="FQ35" s="69">
        <v>25</v>
      </c>
      <c r="FR35" s="69">
        <v>38</v>
      </c>
      <c r="FS35" s="69">
        <v>11</v>
      </c>
      <c r="FT35" s="70">
        <v>127</v>
      </c>
      <c r="FU35" s="71">
        <v>159</v>
      </c>
      <c r="FV35" s="68">
        <v>2</v>
      </c>
      <c r="FW35" s="69">
        <v>1</v>
      </c>
      <c r="FX35" s="70">
        <v>3</v>
      </c>
      <c r="FY35" s="159"/>
      <c r="FZ35" s="69">
        <v>3</v>
      </c>
      <c r="GA35" s="69">
        <v>4</v>
      </c>
      <c r="GB35" s="69">
        <v>0</v>
      </c>
      <c r="GC35" s="69">
        <v>0</v>
      </c>
      <c r="GD35" s="69">
        <v>2</v>
      </c>
      <c r="GE35" s="70">
        <v>9</v>
      </c>
      <c r="GF35" s="71">
        <v>12</v>
      </c>
      <c r="GG35" s="68">
        <v>48</v>
      </c>
      <c r="GH35" s="69">
        <v>74</v>
      </c>
      <c r="GI35" s="70">
        <v>122</v>
      </c>
      <c r="GJ35" s="159"/>
      <c r="GK35" s="69">
        <v>122</v>
      </c>
      <c r="GL35" s="69">
        <v>83</v>
      </c>
      <c r="GM35" s="69">
        <v>71</v>
      </c>
      <c r="GN35" s="69">
        <v>73</v>
      </c>
      <c r="GO35" s="69">
        <v>33</v>
      </c>
      <c r="GP35" s="70">
        <v>382</v>
      </c>
      <c r="GQ35" s="71">
        <v>504</v>
      </c>
      <c r="GR35" s="108">
        <v>74</v>
      </c>
      <c r="GS35" s="80">
        <v>96</v>
      </c>
      <c r="GT35" s="81">
        <v>170</v>
      </c>
      <c r="GU35" s="159"/>
      <c r="GV35" s="80">
        <v>184</v>
      </c>
      <c r="GW35" s="80">
        <v>132</v>
      </c>
      <c r="GX35" s="80">
        <v>109</v>
      </c>
      <c r="GY35" s="80">
        <v>92</v>
      </c>
      <c r="GZ35" s="80">
        <v>49</v>
      </c>
      <c r="HA35" s="82">
        <v>566</v>
      </c>
      <c r="HB35" s="83">
        <v>736</v>
      </c>
      <c r="HC35" s="68">
        <v>2</v>
      </c>
      <c r="HD35" s="69">
        <v>5</v>
      </c>
      <c r="HE35" s="70">
        <v>7</v>
      </c>
      <c r="HF35" s="159"/>
      <c r="HG35" s="69">
        <v>10</v>
      </c>
      <c r="HH35" s="69">
        <v>2</v>
      </c>
      <c r="HI35" s="69">
        <v>3</v>
      </c>
      <c r="HJ35" s="69">
        <v>6</v>
      </c>
      <c r="HK35" s="69">
        <v>3</v>
      </c>
      <c r="HL35" s="70">
        <v>24</v>
      </c>
      <c r="HM35" s="71">
        <v>31</v>
      </c>
      <c r="HN35" s="68">
        <v>9</v>
      </c>
      <c r="HO35" s="69">
        <v>6</v>
      </c>
      <c r="HP35" s="70">
        <v>15</v>
      </c>
      <c r="HQ35" s="159"/>
      <c r="HR35" s="69">
        <v>17</v>
      </c>
      <c r="HS35" s="69">
        <v>8</v>
      </c>
      <c r="HT35" s="69">
        <v>7</v>
      </c>
      <c r="HU35" s="69">
        <v>8</v>
      </c>
      <c r="HV35" s="69">
        <v>6</v>
      </c>
      <c r="HW35" s="70">
        <v>46</v>
      </c>
      <c r="HX35" s="71">
        <v>61</v>
      </c>
      <c r="HY35" s="68">
        <v>15</v>
      </c>
      <c r="HZ35" s="69">
        <v>11</v>
      </c>
      <c r="IA35" s="70">
        <v>26</v>
      </c>
      <c r="IB35" s="159"/>
      <c r="IC35" s="69">
        <v>27</v>
      </c>
      <c r="ID35" s="69">
        <v>19</v>
      </c>
      <c r="IE35" s="69">
        <v>11</v>
      </c>
      <c r="IF35" s="69">
        <v>6</v>
      </c>
      <c r="IG35" s="69">
        <v>6</v>
      </c>
      <c r="IH35" s="70">
        <v>69</v>
      </c>
      <c r="II35" s="71">
        <v>95</v>
      </c>
      <c r="IJ35" s="68">
        <v>18</v>
      </c>
      <c r="IK35" s="69">
        <v>24</v>
      </c>
      <c r="IL35" s="70">
        <v>42</v>
      </c>
      <c r="IM35" s="159"/>
      <c r="IN35" s="69">
        <v>36</v>
      </c>
      <c r="IO35" s="69">
        <v>27</v>
      </c>
      <c r="IP35" s="69">
        <v>16</v>
      </c>
      <c r="IQ35" s="69">
        <v>13</v>
      </c>
      <c r="IR35" s="69">
        <v>15</v>
      </c>
      <c r="IS35" s="70">
        <v>107</v>
      </c>
      <c r="IT35" s="71">
        <v>149</v>
      </c>
      <c r="IU35" s="68">
        <v>22</v>
      </c>
      <c r="IV35" s="69">
        <v>20</v>
      </c>
      <c r="IW35" s="70">
        <v>42</v>
      </c>
      <c r="IX35" s="159"/>
      <c r="IY35" s="69">
        <v>61</v>
      </c>
      <c r="IZ35" s="69">
        <v>40</v>
      </c>
      <c r="JA35" s="69">
        <v>41</v>
      </c>
      <c r="JB35" s="69">
        <v>18</v>
      </c>
      <c r="JC35" s="69">
        <v>7</v>
      </c>
      <c r="JD35" s="70">
        <v>167</v>
      </c>
      <c r="JE35" s="71">
        <v>209</v>
      </c>
      <c r="JF35" s="68">
        <v>8</v>
      </c>
      <c r="JG35" s="69">
        <v>30</v>
      </c>
      <c r="JH35" s="70">
        <v>38</v>
      </c>
      <c r="JI35" s="159"/>
      <c r="JJ35" s="69">
        <v>33</v>
      </c>
      <c r="JK35" s="69">
        <v>36</v>
      </c>
      <c r="JL35" s="69">
        <v>31</v>
      </c>
      <c r="JM35" s="69">
        <v>41</v>
      </c>
      <c r="JN35" s="69">
        <v>12</v>
      </c>
      <c r="JO35" s="70">
        <v>153</v>
      </c>
      <c r="JP35" s="71">
        <v>191</v>
      </c>
      <c r="JQ35" s="68">
        <v>3</v>
      </c>
      <c r="JR35" s="69">
        <v>2</v>
      </c>
      <c r="JS35" s="70">
        <v>5</v>
      </c>
      <c r="JT35" s="159"/>
      <c r="JU35" s="69">
        <v>9</v>
      </c>
      <c r="JV35" s="69">
        <v>8</v>
      </c>
      <c r="JW35" s="69">
        <v>1</v>
      </c>
      <c r="JX35" s="69">
        <v>3</v>
      </c>
      <c r="JY35" s="69">
        <v>6</v>
      </c>
      <c r="JZ35" s="70">
        <v>27</v>
      </c>
      <c r="KA35" s="71">
        <v>32</v>
      </c>
      <c r="KB35" s="68">
        <v>77</v>
      </c>
      <c r="KC35" s="69">
        <v>98</v>
      </c>
      <c r="KD35" s="70">
        <v>175</v>
      </c>
      <c r="KE35" s="159"/>
      <c r="KF35" s="69">
        <v>193</v>
      </c>
      <c r="KG35" s="69">
        <v>140</v>
      </c>
      <c r="KH35" s="69">
        <v>110</v>
      </c>
      <c r="KI35" s="69">
        <v>95</v>
      </c>
      <c r="KJ35" s="69">
        <v>55</v>
      </c>
      <c r="KK35" s="70">
        <v>593</v>
      </c>
      <c r="KL35" s="71">
        <v>768</v>
      </c>
    </row>
    <row r="36" spans="1:298" ht="19.5" customHeight="1" x14ac:dyDescent="0.2">
      <c r="A36" s="111" t="s">
        <v>33</v>
      </c>
      <c r="B36" s="215">
        <v>32</v>
      </c>
      <c r="C36" s="80">
        <v>20</v>
      </c>
      <c r="D36" s="81">
        <v>52</v>
      </c>
      <c r="E36" s="159"/>
      <c r="F36" s="80">
        <v>56</v>
      </c>
      <c r="G36" s="80">
        <v>42</v>
      </c>
      <c r="H36" s="80">
        <v>30</v>
      </c>
      <c r="I36" s="80">
        <v>18</v>
      </c>
      <c r="J36" s="80">
        <v>15</v>
      </c>
      <c r="K36" s="82">
        <v>161</v>
      </c>
      <c r="L36" s="83">
        <v>213</v>
      </c>
      <c r="M36" s="68">
        <v>2</v>
      </c>
      <c r="N36" s="69">
        <v>2</v>
      </c>
      <c r="O36" s="70">
        <v>4</v>
      </c>
      <c r="P36" s="159"/>
      <c r="Q36" s="69">
        <v>2</v>
      </c>
      <c r="R36" s="69">
        <v>3</v>
      </c>
      <c r="S36" s="69">
        <v>2</v>
      </c>
      <c r="T36" s="69">
        <v>3</v>
      </c>
      <c r="U36" s="69">
        <v>0</v>
      </c>
      <c r="V36" s="70">
        <v>10</v>
      </c>
      <c r="W36" s="71">
        <v>14</v>
      </c>
      <c r="X36" s="68">
        <v>3</v>
      </c>
      <c r="Y36" s="69">
        <v>5</v>
      </c>
      <c r="Z36" s="70">
        <v>8</v>
      </c>
      <c r="AA36" s="159"/>
      <c r="AB36" s="69">
        <v>7</v>
      </c>
      <c r="AC36" s="69">
        <v>8</v>
      </c>
      <c r="AD36" s="69">
        <v>4</v>
      </c>
      <c r="AE36" s="69">
        <v>5</v>
      </c>
      <c r="AF36" s="69">
        <v>4</v>
      </c>
      <c r="AG36" s="70">
        <v>28</v>
      </c>
      <c r="AH36" s="71">
        <v>36</v>
      </c>
      <c r="AI36" s="68">
        <v>6</v>
      </c>
      <c r="AJ36" s="69">
        <v>3</v>
      </c>
      <c r="AK36" s="70">
        <v>9</v>
      </c>
      <c r="AL36" s="159"/>
      <c r="AM36" s="69">
        <v>12</v>
      </c>
      <c r="AN36" s="69">
        <v>6</v>
      </c>
      <c r="AO36" s="69">
        <v>7</v>
      </c>
      <c r="AP36" s="69">
        <v>2</v>
      </c>
      <c r="AQ36" s="69">
        <v>2</v>
      </c>
      <c r="AR36" s="70">
        <v>29</v>
      </c>
      <c r="AS36" s="71">
        <v>38</v>
      </c>
      <c r="AT36" s="68">
        <v>5</v>
      </c>
      <c r="AU36" s="69">
        <v>7</v>
      </c>
      <c r="AV36" s="70">
        <v>12</v>
      </c>
      <c r="AW36" s="159"/>
      <c r="AX36" s="69">
        <v>13</v>
      </c>
      <c r="AY36" s="69">
        <v>9</v>
      </c>
      <c r="AZ36" s="69">
        <v>4</v>
      </c>
      <c r="BA36" s="69">
        <v>2</v>
      </c>
      <c r="BB36" s="69">
        <v>3</v>
      </c>
      <c r="BC36" s="70">
        <v>31</v>
      </c>
      <c r="BD36" s="71">
        <v>43</v>
      </c>
      <c r="BE36" s="68">
        <v>12</v>
      </c>
      <c r="BF36" s="69">
        <v>2</v>
      </c>
      <c r="BG36" s="70">
        <v>14</v>
      </c>
      <c r="BH36" s="159"/>
      <c r="BI36" s="69">
        <v>13</v>
      </c>
      <c r="BJ36" s="69">
        <v>9</v>
      </c>
      <c r="BK36" s="69">
        <v>11</v>
      </c>
      <c r="BL36" s="69">
        <v>3</v>
      </c>
      <c r="BM36" s="69">
        <v>4</v>
      </c>
      <c r="BN36" s="70">
        <v>40</v>
      </c>
      <c r="BO36" s="71">
        <v>54</v>
      </c>
      <c r="BP36" s="68">
        <v>4</v>
      </c>
      <c r="BQ36" s="69">
        <v>1</v>
      </c>
      <c r="BR36" s="70">
        <v>5</v>
      </c>
      <c r="BS36" s="159"/>
      <c r="BT36" s="69">
        <v>9</v>
      </c>
      <c r="BU36" s="69">
        <v>7</v>
      </c>
      <c r="BV36" s="69">
        <v>2</v>
      </c>
      <c r="BW36" s="69">
        <v>3</v>
      </c>
      <c r="BX36" s="69">
        <v>2</v>
      </c>
      <c r="BY36" s="70">
        <v>23</v>
      </c>
      <c r="BZ36" s="71">
        <v>28</v>
      </c>
      <c r="CA36" s="68">
        <v>1</v>
      </c>
      <c r="CB36" s="69">
        <v>0</v>
      </c>
      <c r="CC36" s="70">
        <v>1</v>
      </c>
      <c r="CD36" s="159"/>
      <c r="CE36" s="69">
        <v>1</v>
      </c>
      <c r="CF36" s="69">
        <v>1</v>
      </c>
      <c r="CG36" s="69">
        <v>0</v>
      </c>
      <c r="CH36" s="69">
        <v>0</v>
      </c>
      <c r="CI36" s="69">
        <v>1</v>
      </c>
      <c r="CJ36" s="70">
        <v>3</v>
      </c>
      <c r="CK36" s="71">
        <v>4</v>
      </c>
      <c r="CL36" s="68">
        <v>33</v>
      </c>
      <c r="CM36" s="69">
        <v>20</v>
      </c>
      <c r="CN36" s="70">
        <v>53</v>
      </c>
      <c r="CO36" s="159"/>
      <c r="CP36" s="69">
        <v>57</v>
      </c>
      <c r="CQ36" s="69">
        <v>43</v>
      </c>
      <c r="CR36" s="69">
        <v>30</v>
      </c>
      <c r="CS36" s="69">
        <v>18</v>
      </c>
      <c r="CT36" s="69">
        <v>16</v>
      </c>
      <c r="CU36" s="70">
        <v>164</v>
      </c>
      <c r="CV36" s="71">
        <v>217</v>
      </c>
      <c r="CW36" s="108">
        <v>62</v>
      </c>
      <c r="CX36" s="80">
        <v>74</v>
      </c>
      <c r="CY36" s="81">
        <v>136</v>
      </c>
      <c r="CZ36" s="159"/>
      <c r="DA36" s="80">
        <v>106</v>
      </c>
      <c r="DB36" s="80">
        <v>91</v>
      </c>
      <c r="DC36" s="80">
        <v>74</v>
      </c>
      <c r="DD36" s="80">
        <v>62</v>
      </c>
      <c r="DE36" s="80">
        <v>55</v>
      </c>
      <c r="DF36" s="82">
        <v>388</v>
      </c>
      <c r="DG36" s="83">
        <v>524</v>
      </c>
      <c r="DH36" s="68">
        <v>2</v>
      </c>
      <c r="DI36" s="69">
        <v>3</v>
      </c>
      <c r="DJ36" s="70">
        <v>5</v>
      </c>
      <c r="DK36" s="159"/>
      <c r="DL36" s="69">
        <v>0</v>
      </c>
      <c r="DM36" s="69">
        <v>2</v>
      </c>
      <c r="DN36" s="69">
        <v>1</v>
      </c>
      <c r="DO36" s="69">
        <v>1</v>
      </c>
      <c r="DP36" s="69">
        <v>3</v>
      </c>
      <c r="DQ36" s="70">
        <v>7</v>
      </c>
      <c r="DR36" s="71">
        <v>12</v>
      </c>
      <c r="DS36" s="68">
        <v>8</v>
      </c>
      <c r="DT36" s="69">
        <v>5</v>
      </c>
      <c r="DU36" s="70">
        <v>13</v>
      </c>
      <c r="DV36" s="159"/>
      <c r="DW36" s="69">
        <v>4</v>
      </c>
      <c r="DX36" s="69">
        <v>5</v>
      </c>
      <c r="DY36" s="69">
        <v>4</v>
      </c>
      <c r="DZ36" s="69">
        <v>6</v>
      </c>
      <c r="EA36" s="69">
        <v>2</v>
      </c>
      <c r="EB36" s="70">
        <v>21</v>
      </c>
      <c r="EC36" s="71">
        <v>34</v>
      </c>
      <c r="ED36" s="68">
        <v>1</v>
      </c>
      <c r="EE36" s="69">
        <v>5</v>
      </c>
      <c r="EF36" s="70">
        <v>6</v>
      </c>
      <c r="EG36" s="159"/>
      <c r="EH36" s="69">
        <v>14</v>
      </c>
      <c r="EI36" s="69">
        <v>9</v>
      </c>
      <c r="EJ36" s="69">
        <v>6</v>
      </c>
      <c r="EK36" s="69">
        <v>2</v>
      </c>
      <c r="EL36" s="69">
        <v>6</v>
      </c>
      <c r="EM36" s="70">
        <v>37</v>
      </c>
      <c r="EN36" s="71">
        <v>43</v>
      </c>
      <c r="EO36" s="68">
        <v>13</v>
      </c>
      <c r="EP36" s="69">
        <v>15</v>
      </c>
      <c r="EQ36" s="70">
        <v>28</v>
      </c>
      <c r="ER36" s="159"/>
      <c r="ES36" s="69">
        <v>33</v>
      </c>
      <c r="ET36" s="69">
        <v>21</v>
      </c>
      <c r="EU36" s="69">
        <v>7</v>
      </c>
      <c r="EV36" s="69">
        <v>18</v>
      </c>
      <c r="EW36" s="69">
        <v>10</v>
      </c>
      <c r="EX36" s="70">
        <v>89</v>
      </c>
      <c r="EY36" s="71">
        <v>117</v>
      </c>
      <c r="EZ36" s="68">
        <v>28</v>
      </c>
      <c r="FA36" s="69">
        <v>28</v>
      </c>
      <c r="FB36" s="70">
        <v>56</v>
      </c>
      <c r="FC36" s="159"/>
      <c r="FD36" s="69">
        <v>23</v>
      </c>
      <c r="FE36" s="69">
        <v>20</v>
      </c>
      <c r="FF36" s="69">
        <v>19</v>
      </c>
      <c r="FG36" s="69">
        <v>10</v>
      </c>
      <c r="FH36" s="69">
        <v>15</v>
      </c>
      <c r="FI36" s="70">
        <v>87</v>
      </c>
      <c r="FJ36" s="71">
        <v>143</v>
      </c>
      <c r="FK36" s="68">
        <v>10</v>
      </c>
      <c r="FL36" s="69">
        <v>18</v>
      </c>
      <c r="FM36" s="70">
        <v>28</v>
      </c>
      <c r="FN36" s="159"/>
      <c r="FO36" s="69">
        <v>32</v>
      </c>
      <c r="FP36" s="69">
        <v>34</v>
      </c>
      <c r="FQ36" s="69">
        <v>37</v>
      </c>
      <c r="FR36" s="69">
        <v>25</v>
      </c>
      <c r="FS36" s="69">
        <v>19</v>
      </c>
      <c r="FT36" s="70">
        <v>147</v>
      </c>
      <c r="FU36" s="71">
        <v>175</v>
      </c>
      <c r="FV36" s="68">
        <v>0</v>
      </c>
      <c r="FW36" s="69">
        <v>0</v>
      </c>
      <c r="FX36" s="70">
        <v>0</v>
      </c>
      <c r="FY36" s="159"/>
      <c r="FZ36" s="69">
        <v>1</v>
      </c>
      <c r="GA36" s="69">
        <v>0</v>
      </c>
      <c r="GB36" s="69">
        <v>0</v>
      </c>
      <c r="GC36" s="69">
        <v>1</v>
      </c>
      <c r="GD36" s="69">
        <v>1</v>
      </c>
      <c r="GE36" s="70">
        <v>3</v>
      </c>
      <c r="GF36" s="71">
        <v>3</v>
      </c>
      <c r="GG36" s="68">
        <v>62</v>
      </c>
      <c r="GH36" s="69">
        <v>74</v>
      </c>
      <c r="GI36" s="70">
        <v>136</v>
      </c>
      <c r="GJ36" s="159"/>
      <c r="GK36" s="69">
        <v>107</v>
      </c>
      <c r="GL36" s="69">
        <v>91</v>
      </c>
      <c r="GM36" s="69">
        <v>74</v>
      </c>
      <c r="GN36" s="69">
        <v>63</v>
      </c>
      <c r="GO36" s="69">
        <v>56</v>
      </c>
      <c r="GP36" s="70">
        <v>391</v>
      </c>
      <c r="GQ36" s="71">
        <v>527</v>
      </c>
      <c r="GR36" s="108">
        <v>94</v>
      </c>
      <c r="GS36" s="80">
        <v>94</v>
      </c>
      <c r="GT36" s="81">
        <v>188</v>
      </c>
      <c r="GU36" s="159"/>
      <c r="GV36" s="80">
        <v>162</v>
      </c>
      <c r="GW36" s="80">
        <v>133</v>
      </c>
      <c r="GX36" s="80">
        <v>104</v>
      </c>
      <c r="GY36" s="80">
        <v>80</v>
      </c>
      <c r="GZ36" s="80">
        <v>70</v>
      </c>
      <c r="HA36" s="82">
        <v>549</v>
      </c>
      <c r="HB36" s="83">
        <v>737</v>
      </c>
      <c r="HC36" s="68">
        <v>4</v>
      </c>
      <c r="HD36" s="69">
        <v>5</v>
      </c>
      <c r="HE36" s="70">
        <v>9</v>
      </c>
      <c r="HF36" s="159"/>
      <c r="HG36" s="69">
        <v>2</v>
      </c>
      <c r="HH36" s="69">
        <v>5</v>
      </c>
      <c r="HI36" s="69">
        <v>3</v>
      </c>
      <c r="HJ36" s="69">
        <v>4</v>
      </c>
      <c r="HK36" s="69">
        <v>3</v>
      </c>
      <c r="HL36" s="70">
        <v>17</v>
      </c>
      <c r="HM36" s="71">
        <v>26</v>
      </c>
      <c r="HN36" s="68">
        <v>11</v>
      </c>
      <c r="HO36" s="69">
        <v>10</v>
      </c>
      <c r="HP36" s="70">
        <v>21</v>
      </c>
      <c r="HQ36" s="159"/>
      <c r="HR36" s="69">
        <v>11</v>
      </c>
      <c r="HS36" s="69">
        <v>13</v>
      </c>
      <c r="HT36" s="69">
        <v>8</v>
      </c>
      <c r="HU36" s="69">
        <v>11</v>
      </c>
      <c r="HV36" s="69">
        <v>6</v>
      </c>
      <c r="HW36" s="70">
        <v>49</v>
      </c>
      <c r="HX36" s="71">
        <v>70</v>
      </c>
      <c r="HY36" s="68">
        <v>7</v>
      </c>
      <c r="HZ36" s="69">
        <v>8</v>
      </c>
      <c r="IA36" s="70">
        <v>15</v>
      </c>
      <c r="IB36" s="159"/>
      <c r="IC36" s="69">
        <v>26</v>
      </c>
      <c r="ID36" s="69">
        <v>15</v>
      </c>
      <c r="IE36" s="69">
        <v>13</v>
      </c>
      <c r="IF36" s="69">
        <v>4</v>
      </c>
      <c r="IG36" s="69">
        <v>8</v>
      </c>
      <c r="IH36" s="70">
        <v>66</v>
      </c>
      <c r="II36" s="71">
        <v>81</v>
      </c>
      <c r="IJ36" s="68">
        <v>18</v>
      </c>
      <c r="IK36" s="69">
        <v>22</v>
      </c>
      <c r="IL36" s="70">
        <v>40</v>
      </c>
      <c r="IM36" s="159"/>
      <c r="IN36" s="69">
        <v>46</v>
      </c>
      <c r="IO36" s="69">
        <v>30</v>
      </c>
      <c r="IP36" s="69">
        <v>11</v>
      </c>
      <c r="IQ36" s="69">
        <v>20</v>
      </c>
      <c r="IR36" s="69">
        <v>13</v>
      </c>
      <c r="IS36" s="70">
        <v>120</v>
      </c>
      <c r="IT36" s="71">
        <v>160</v>
      </c>
      <c r="IU36" s="68">
        <v>40</v>
      </c>
      <c r="IV36" s="69">
        <v>30</v>
      </c>
      <c r="IW36" s="70">
        <v>70</v>
      </c>
      <c r="IX36" s="159"/>
      <c r="IY36" s="69">
        <v>36</v>
      </c>
      <c r="IZ36" s="69">
        <v>29</v>
      </c>
      <c r="JA36" s="69">
        <v>30</v>
      </c>
      <c r="JB36" s="69">
        <v>13</v>
      </c>
      <c r="JC36" s="69">
        <v>19</v>
      </c>
      <c r="JD36" s="70">
        <v>127</v>
      </c>
      <c r="JE36" s="71">
        <v>197</v>
      </c>
      <c r="JF36" s="68">
        <v>14</v>
      </c>
      <c r="JG36" s="69">
        <v>19</v>
      </c>
      <c r="JH36" s="70">
        <v>33</v>
      </c>
      <c r="JI36" s="159"/>
      <c r="JJ36" s="69">
        <v>41</v>
      </c>
      <c r="JK36" s="69">
        <v>41</v>
      </c>
      <c r="JL36" s="69">
        <v>39</v>
      </c>
      <c r="JM36" s="69">
        <v>28</v>
      </c>
      <c r="JN36" s="69">
        <v>21</v>
      </c>
      <c r="JO36" s="70">
        <v>170</v>
      </c>
      <c r="JP36" s="71">
        <v>203</v>
      </c>
      <c r="JQ36" s="68">
        <v>1</v>
      </c>
      <c r="JR36" s="69">
        <v>0</v>
      </c>
      <c r="JS36" s="70">
        <v>1</v>
      </c>
      <c r="JT36" s="159"/>
      <c r="JU36" s="69">
        <v>2</v>
      </c>
      <c r="JV36" s="69">
        <v>1</v>
      </c>
      <c r="JW36" s="69">
        <v>0</v>
      </c>
      <c r="JX36" s="69">
        <v>1</v>
      </c>
      <c r="JY36" s="69">
        <v>2</v>
      </c>
      <c r="JZ36" s="70">
        <v>6</v>
      </c>
      <c r="KA36" s="71">
        <v>7</v>
      </c>
      <c r="KB36" s="68">
        <v>95</v>
      </c>
      <c r="KC36" s="69">
        <v>94</v>
      </c>
      <c r="KD36" s="70">
        <v>189</v>
      </c>
      <c r="KE36" s="159"/>
      <c r="KF36" s="69">
        <v>164</v>
      </c>
      <c r="KG36" s="69">
        <v>134</v>
      </c>
      <c r="KH36" s="69">
        <v>104</v>
      </c>
      <c r="KI36" s="69">
        <v>81</v>
      </c>
      <c r="KJ36" s="69">
        <v>72</v>
      </c>
      <c r="KK36" s="70">
        <v>555</v>
      </c>
      <c r="KL36" s="71">
        <v>744</v>
      </c>
    </row>
    <row r="37" spans="1:298" ht="19.5" customHeight="1" x14ac:dyDescent="0.2">
      <c r="A37" s="111" t="s">
        <v>34</v>
      </c>
      <c r="B37" s="215">
        <v>18</v>
      </c>
      <c r="C37" s="80">
        <v>20</v>
      </c>
      <c r="D37" s="81">
        <v>38</v>
      </c>
      <c r="E37" s="159"/>
      <c r="F37" s="80">
        <v>46</v>
      </c>
      <c r="G37" s="80">
        <v>30</v>
      </c>
      <c r="H37" s="80">
        <v>17</v>
      </c>
      <c r="I37" s="80">
        <v>25</v>
      </c>
      <c r="J37" s="80">
        <v>9</v>
      </c>
      <c r="K37" s="82">
        <v>127</v>
      </c>
      <c r="L37" s="83">
        <v>165</v>
      </c>
      <c r="M37" s="68">
        <v>1</v>
      </c>
      <c r="N37" s="69">
        <v>3</v>
      </c>
      <c r="O37" s="70">
        <v>4</v>
      </c>
      <c r="P37" s="159"/>
      <c r="Q37" s="69">
        <v>2</v>
      </c>
      <c r="R37" s="69">
        <v>3</v>
      </c>
      <c r="S37" s="69">
        <v>0</v>
      </c>
      <c r="T37" s="69">
        <v>3</v>
      </c>
      <c r="U37" s="69">
        <v>1</v>
      </c>
      <c r="V37" s="70">
        <v>9</v>
      </c>
      <c r="W37" s="71">
        <v>13</v>
      </c>
      <c r="X37" s="68">
        <v>1</v>
      </c>
      <c r="Y37" s="69">
        <v>3</v>
      </c>
      <c r="Z37" s="70">
        <v>4</v>
      </c>
      <c r="AA37" s="159"/>
      <c r="AB37" s="69">
        <v>5</v>
      </c>
      <c r="AC37" s="69">
        <v>3</v>
      </c>
      <c r="AD37" s="69">
        <v>2</v>
      </c>
      <c r="AE37" s="69">
        <v>5</v>
      </c>
      <c r="AF37" s="69">
        <v>1</v>
      </c>
      <c r="AG37" s="70">
        <v>16</v>
      </c>
      <c r="AH37" s="71">
        <v>20</v>
      </c>
      <c r="AI37" s="68">
        <v>5</v>
      </c>
      <c r="AJ37" s="69">
        <v>2</v>
      </c>
      <c r="AK37" s="70">
        <v>7</v>
      </c>
      <c r="AL37" s="159"/>
      <c r="AM37" s="69">
        <v>4</v>
      </c>
      <c r="AN37" s="69">
        <v>5</v>
      </c>
      <c r="AO37" s="69">
        <v>4</v>
      </c>
      <c r="AP37" s="69">
        <v>6</v>
      </c>
      <c r="AQ37" s="69">
        <v>3</v>
      </c>
      <c r="AR37" s="70">
        <v>22</v>
      </c>
      <c r="AS37" s="71">
        <v>29</v>
      </c>
      <c r="AT37" s="68">
        <v>5</v>
      </c>
      <c r="AU37" s="69">
        <v>7</v>
      </c>
      <c r="AV37" s="70">
        <v>12</v>
      </c>
      <c r="AW37" s="159"/>
      <c r="AX37" s="69">
        <v>14</v>
      </c>
      <c r="AY37" s="69">
        <v>7</v>
      </c>
      <c r="AZ37" s="69">
        <v>6</v>
      </c>
      <c r="BA37" s="69">
        <v>5</v>
      </c>
      <c r="BB37" s="69">
        <v>2</v>
      </c>
      <c r="BC37" s="70">
        <v>34</v>
      </c>
      <c r="BD37" s="71">
        <v>46</v>
      </c>
      <c r="BE37" s="68">
        <v>5</v>
      </c>
      <c r="BF37" s="69">
        <v>3</v>
      </c>
      <c r="BG37" s="70">
        <v>8</v>
      </c>
      <c r="BH37" s="159"/>
      <c r="BI37" s="69">
        <v>12</v>
      </c>
      <c r="BJ37" s="69">
        <v>9</v>
      </c>
      <c r="BK37" s="69">
        <v>3</v>
      </c>
      <c r="BL37" s="69">
        <v>5</v>
      </c>
      <c r="BM37" s="69">
        <v>1</v>
      </c>
      <c r="BN37" s="70">
        <v>30</v>
      </c>
      <c r="BO37" s="71">
        <v>38</v>
      </c>
      <c r="BP37" s="68">
        <v>1</v>
      </c>
      <c r="BQ37" s="69">
        <v>2</v>
      </c>
      <c r="BR37" s="70">
        <v>3</v>
      </c>
      <c r="BS37" s="159"/>
      <c r="BT37" s="69">
        <v>9</v>
      </c>
      <c r="BU37" s="69">
        <v>3</v>
      </c>
      <c r="BV37" s="69">
        <v>2</v>
      </c>
      <c r="BW37" s="69">
        <v>1</v>
      </c>
      <c r="BX37" s="69">
        <v>1</v>
      </c>
      <c r="BY37" s="70">
        <v>16</v>
      </c>
      <c r="BZ37" s="71">
        <v>19</v>
      </c>
      <c r="CA37" s="68">
        <v>0</v>
      </c>
      <c r="CB37" s="69">
        <v>0</v>
      </c>
      <c r="CC37" s="70">
        <v>0</v>
      </c>
      <c r="CD37" s="159"/>
      <c r="CE37" s="69">
        <v>4</v>
      </c>
      <c r="CF37" s="69">
        <v>0</v>
      </c>
      <c r="CG37" s="69">
        <v>1</v>
      </c>
      <c r="CH37" s="69">
        <v>1</v>
      </c>
      <c r="CI37" s="69">
        <v>1</v>
      </c>
      <c r="CJ37" s="70">
        <v>7</v>
      </c>
      <c r="CK37" s="71">
        <v>7</v>
      </c>
      <c r="CL37" s="68">
        <v>18</v>
      </c>
      <c r="CM37" s="69">
        <v>20</v>
      </c>
      <c r="CN37" s="70">
        <v>38</v>
      </c>
      <c r="CO37" s="159"/>
      <c r="CP37" s="69">
        <v>50</v>
      </c>
      <c r="CQ37" s="69">
        <v>30</v>
      </c>
      <c r="CR37" s="69">
        <v>18</v>
      </c>
      <c r="CS37" s="69">
        <v>26</v>
      </c>
      <c r="CT37" s="69">
        <v>10</v>
      </c>
      <c r="CU37" s="70">
        <v>134</v>
      </c>
      <c r="CV37" s="71">
        <v>172</v>
      </c>
      <c r="CW37" s="108">
        <v>41</v>
      </c>
      <c r="CX37" s="80">
        <v>40</v>
      </c>
      <c r="CY37" s="81">
        <v>81</v>
      </c>
      <c r="CZ37" s="159"/>
      <c r="DA37" s="80">
        <v>73</v>
      </c>
      <c r="DB37" s="80">
        <v>70</v>
      </c>
      <c r="DC37" s="80">
        <v>43</v>
      </c>
      <c r="DD37" s="80">
        <v>46</v>
      </c>
      <c r="DE37" s="80">
        <v>30</v>
      </c>
      <c r="DF37" s="82">
        <v>262</v>
      </c>
      <c r="DG37" s="83">
        <v>343</v>
      </c>
      <c r="DH37" s="68">
        <v>1</v>
      </c>
      <c r="DI37" s="69">
        <v>0</v>
      </c>
      <c r="DJ37" s="70">
        <v>1</v>
      </c>
      <c r="DK37" s="159"/>
      <c r="DL37" s="69">
        <v>1</v>
      </c>
      <c r="DM37" s="69">
        <v>2</v>
      </c>
      <c r="DN37" s="69">
        <v>0</v>
      </c>
      <c r="DO37" s="69">
        <v>1</v>
      </c>
      <c r="DP37" s="69">
        <v>2</v>
      </c>
      <c r="DQ37" s="70">
        <v>6</v>
      </c>
      <c r="DR37" s="71">
        <v>7</v>
      </c>
      <c r="DS37" s="68">
        <v>2</v>
      </c>
      <c r="DT37" s="69">
        <v>0</v>
      </c>
      <c r="DU37" s="70">
        <v>2</v>
      </c>
      <c r="DV37" s="159"/>
      <c r="DW37" s="69">
        <v>3</v>
      </c>
      <c r="DX37" s="69">
        <v>4</v>
      </c>
      <c r="DY37" s="69">
        <v>1</v>
      </c>
      <c r="DZ37" s="69">
        <v>0</v>
      </c>
      <c r="EA37" s="69">
        <v>3</v>
      </c>
      <c r="EB37" s="70">
        <v>11</v>
      </c>
      <c r="EC37" s="71">
        <v>13</v>
      </c>
      <c r="ED37" s="68">
        <v>4</v>
      </c>
      <c r="EE37" s="69">
        <v>2</v>
      </c>
      <c r="EF37" s="70">
        <v>6</v>
      </c>
      <c r="EG37" s="159"/>
      <c r="EH37" s="69">
        <v>10</v>
      </c>
      <c r="EI37" s="69">
        <v>5</v>
      </c>
      <c r="EJ37" s="69">
        <v>5</v>
      </c>
      <c r="EK37" s="69">
        <v>4</v>
      </c>
      <c r="EL37" s="69">
        <v>3</v>
      </c>
      <c r="EM37" s="70">
        <v>27</v>
      </c>
      <c r="EN37" s="71">
        <v>33</v>
      </c>
      <c r="EO37" s="68">
        <v>13</v>
      </c>
      <c r="EP37" s="69">
        <v>11</v>
      </c>
      <c r="EQ37" s="70">
        <v>24</v>
      </c>
      <c r="ER37" s="159"/>
      <c r="ES37" s="69">
        <v>13</v>
      </c>
      <c r="ET37" s="69">
        <v>15</v>
      </c>
      <c r="EU37" s="69">
        <v>3</v>
      </c>
      <c r="EV37" s="69">
        <v>9</v>
      </c>
      <c r="EW37" s="69">
        <v>1</v>
      </c>
      <c r="EX37" s="70">
        <v>41</v>
      </c>
      <c r="EY37" s="71">
        <v>65</v>
      </c>
      <c r="EZ37" s="68">
        <v>11</v>
      </c>
      <c r="FA37" s="69">
        <v>13</v>
      </c>
      <c r="FB37" s="70">
        <v>24</v>
      </c>
      <c r="FC37" s="159"/>
      <c r="FD37" s="69">
        <v>27</v>
      </c>
      <c r="FE37" s="69">
        <v>21</v>
      </c>
      <c r="FF37" s="69">
        <v>16</v>
      </c>
      <c r="FG37" s="69">
        <v>15</v>
      </c>
      <c r="FH37" s="69">
        <v>9</v>
      </c>
      <c r="FI37" s="70">
        <v>88</v>
      </c>
      <c r="FJ37" s="71">
        <v>112</v>
      </c>
      <c r="FK37" s="68">
        <v>10</v>
      </c>
      <c r="FL37" s="69">
        <v>14</v>
      </c>
      <c r="FM37" s="70">
        <v>24</v>
      </c>
      <c r="FN37" s="159"/>
      <c r="FO37" s="69">
        <v>19</v>
      </c>
      <c r="FP37" s="69">
        <v>23</v>
      </c>
      <c r="FQ37" s="69">
        <v>18</v>
      </c>
      <c r="FR37" s="69">
        <v>17</v>
      </c>
      <c r="FS37" s="69">
        <v>12</v>
      </c>
      <c r="FT37" s="70">
        <v>89</v>
      </c>
      <c r="FU37" s="71">
        <v>113</v>
      </c>
      <c r="FV37" s="68">
        <v>0</v>
      </c>
      <c r="FW37" s="69">
        <v>0</v>
      </c>
      <c r="FX37" s="70">
        <v>0</v>
      </c>
      <c r="FY37" s="159"/>
      <c r="FZ37" s="69">
        <v>1</v>
      </c>
      <c r="GA37" s="69">
        <v>2</v>
      </c>
      <c r="GB37" s="69">
        <v>0</v>
      </c>
      <c r="GC37" s="69">
        <v>0</v>
      </c>
      <c r="GD37" s="69">
        <v>1</v>
      </c>
      <c r="GE37" s="70">
        <v>4</v>
      </c>
      <c r="GF37" s="71">
        <v>4</v>
      </c>
      <c r="GG37" s="68">
        <v>41</v>
      </c>
      <c r="GH37" s="69">
        <v>40</v>
      </c>
      <c r="GI37" s="70">
        <v>81</v>
      </c>
      <c r="GJ37" s="159"/>
      <c r="GK37" s="69">
        <v>74</v>
      </c>
      <c r="GL37" s="69">
        <v>72</v>
      </c>
      <c r="GM37" s="69">
        <v>43</v>
      </c>
      <c r="GN37" s="69">
        <v>46</v>
      </c>
      <c r="GO37" s="69">
        <v>31</v>
      </c>
      <c r="GP37" s="70">
        <v>266</v>
      </c>
      <c r="GQ37" s="71">
        <v>347</v>
      </c>
      <c r="GR37" s="108">
        <v>59</v>
      </c>
      <c r="GS37" s="80">
        <v>60</v>
      </c>
      <c r="GT37" s="81">
        <v>119</v>
      </c>
      <c r="GU37" s="159"/>
      <c r="GV37" s="80">
        <v>119</v>
      </c>
      <c r="GW37" s="80">
        <v>100</v>
      </c>
      <c r="GX37" s="80">
        <v>60</v>
      </c>
      <c r="GY37" s="80">
        <v>71</v>
      </c>
      <c r="GZ37" s="80">
        <v>39</v>
      </c>
      <c r="HA37" s="82">
        <v>389</v>
      </c>
      <c r="HB37" s="83">
        <v>508</v>
      </c>
      <c r="HC37" s="68">
        <v>2</v>
      </c>
      <c r="HD37" s="69">
        <v>3</v>
      </c>
      <c r="HE37" s="70">
        <v>5</v>
      </c>
      <c r="HF37" s="159"/>
      <c r="HG37" s="69">
        <v>3</v>
      </c>
      <c r="HH37" s="69">
        <v>5</v>
      </c>
      <c r="HI37" s="69">
        <v>0</v>
      </c>
      <c r="HJ37" s="69">
        <v>4</v>
      </c>
      <c r="HK37" s="69">
        <v>3</v>
      </c>
      <c r="HL37" s="70">
        <v>15</v>
      </c>
      <c r="HM37" s="71">
        <v>20</v>
      </c>
      <c r="HN37" s="68">
        <v>3</v>
      </c>
      <c r="HO37" s="69">
        <v>3</v>
      </c>
      <c r="HP37" s="70">
        <v>6</v>
      </c>
      <c r="HQ37" s="159"/>
      <c r="HR37" s="69">
        <v>8</v>
      </c>
      <c r="HS37" s="69">
        <v>7</v>
      </c>
      <c r="HT37" s="69">
        <v>3</v>
      </c>
      <c r="HU37" s="69">
        <v>5</v>
      </c>
      <c r="HV37" s="69">
        <v>4</v>
      </c>
      <c r="HW37" s="70">
        <v>27</v>
      </c>
      <c r="HX37" s="71">
        <v>33</v>
      </c>
      <c r="HY37" s="68">
        <v>9</v>
      </c>
      <c r="HZ37" s="69">
        <v>4</v>
      </c>
      <c r="IA37" s="70">
        <v>13</v>
      </c>
      <c r="IB37" s="159"/>
      <c r="IC37" s="69">
        <v>14</v>
      </c>
      <c r="ID37" s="69">
        <v>10</v>
      </c>
      <c r="IE37" s="69">
        <v>9</v>
      </c>
      <c r="IF37" s="69">
        <v>10</v>
      </c>
      <c r="IG37" s="69">
        <v>6</v>
      </c>
      <c r="IH37" s="70">
        <v>49</v>
      </c>
      <c r="II37" s="71">
        <v>62</v>
      </c>
      <c r="IJ37" s="68">
        <v>18</v>
      </c>
      <c r="IK37" s="69">
        <v>18</v>
      </c>
      <c r="IL37" s="70">
        <v>36</v>
      </c>
      <c r="IM37" s="159"/>
      <c r="IN37" s="69">
        <v>27</v>
      </c>
      <c r="IO37" s="69">
        <v>22</v>
      </c>
      <c r="IP37" s="69">
        <v>9</v>
      </c>
      <c r="IQ37" s="69">
        <v>14</v>
      </c>
      <c r="IR37" s="69">
        <v>3</v>
      </c>
      <c r="IS37" s="70">
        <v>75</v>
      </c>
      <c r="IT37" s="71">
        <v>111</v>
      </c>
      <c r="IU37" s="68">
        <v>16</v>
      </c>
      <c r="IV37" s="69">
        <v>16</v>
      </c>
      <c r="IW37" s="70">
        <v>32</v>
      </c>
      <c r="IX37" s="159"/>
      <c r="IY37" s="69">
        <v>39</v>
      </c>
      <c r="IZ37" s="69">
        <v>30</v>
      </c>
      <c r="JA37" s="69">
        <v>19</v>
      </c>
      <c r="JB37" s="69">
        <v>20</v>
      </c>
      <c r="JC37" s="69">
        <v>10</v>
      </c>
      <c r="JD37" s="70">
        <v>118</v>
      </c>
      <c r="JE37" s="71">
        <v>150</v>
      </c>
      <c r="JF37" s="68">
        <v>11</v>
      </c>
      <c r="JG37" s="69">
        <v>16</v>
      </c>
      <c r="JH37" s="70">
        <v>27</v>
      </c>
      <c r="JI37" s="159"/>
      <c r="JJ37" s="69">
        <v>28</v>
      </c>
      <c r="JK37" s="69">
        <v>26</v>
      </c>
      <c r="JL37" s="69">
        <v>20</v>
      </c>
      <c r="JM37" s="69">
        <v>18</v>
      </c>
      <c r="JN37" s="69">
        <v>13</v>
      </c>
      <c r="JO37" s="70">
        <v>105</v>
      </c>
      <c r="JP37" s="71">
        <v>132</v>
      </c>
      <c r="JQ37" s="68">
        <v>0</v>
      </c>
      <c r="JR37" s="69">
        <v>0</v>
      </c>
      <c r="JS37" s="70">
        <v>0</v>
      </c>
      <c r="JT37" s="159"/>
      <c r="JU37" s="69">
        <v>5</v>
      </c>
      <c r="JV37" s="69">
        <v>2</v>
      </c>
      <c r="JW37" s="69">
        <v>1</v>
      </c>
      <c r="JX37" s="69">
        <v>1</v>
      </c>
      <c r="JY37" s="69">
        <v>2</v>
      </c>
      <c r="JZ37" s="70">
        <v>11</v>
      </c>
      <c r="KA37" s="71">
        <v>11</v>
      </c>
      <c r="KB37" s="68">
        <v>59</v>
      </c>
      <c r="KC37" s="69">
        <v>60</v>
      </c>
      <c r="KD37" s="70">
        <v>119</v>
      </c>
      <c r="KE37" s="159"/>
      <c r="KF37" s="69">
        <v>124</v>
      </c>
      <c r="KG37" s="69">
        <v>102</v>
      </c>
      <c r="KH37" s="69">
        <v>61</v>
      </c>
      <c r="KI37" s="69">
        <v>72</v>
      </c>
      <c r="KJ37" s="69">
        <v>41</v>
      </c>
      <c r="KK37" s="70">
        <v>400</v>
      </c>
      <c r="KL37" s="71">
        <v>519</v>
      </c>
    </row>
    <row r="38" spans="1:298" ht="19.5" customHeight="1" x14ac:dyDescent="0.2">
      <c r="A38" s="111" t="s">
        <v>35</v>
      </c>
      <c r="B38" s="215">
        <v>47</v>
      </c>
      <c r="C38" s="80">
        <v>49</v>
      </c>
      <c r="D38" s="81">
        <v>96</v>
      </c>
      <c r="E38" s="159"/>
      <c r="F38" s="80">
        <v>151</v>
      </c>
      <c r="G38" s="80">
        <v>107</v>
      </c>
      <c r="H38" s="80">
        <v>62</v>
      </c>
      <c r="I38" s="80">
        <v>57</v>
      </c>
      <c r="J38" s="80">
        <v>25</v>
      </c>
      <c r="K38" s="82">
        <v>402</v>
      </c>
      <c r="L38" s="83">
        <v>498</v>
      </c>
      <c r="M38" s="68">
        <v>2</v>
      </c>
      <c r="N38" s="69">
        <v>3</v>
      </c>
      <c r="O38" s="70">
        <v>5</v>
      </c>
      <c r="P38" s="159"/>
      <c r="Q38" s="69">
        <v>8</v>
      </c>
      <c r="R38" s="69">
        <v>2</v>
      </c>
      <c r="S38" s="69">
        <v>9</v>
      </c>
      <c r="T38" s="69">
        <v>2</v>
      </c>
      <c r="U38" s="69">
        <v>1</v>
      </c>
      <c r="V38" s="70">
        <v>22</v>
      </c>
      <c r="W38" s="71">
        <v>27</v>
      </c>
      <c r="X38" s="68">
        <v>4</v>
      </c>
      <c r="Y38" s="69">
        <v>5</v>
      </c>
      <c r="Z38" s="70">
        <v>9</v>
      </c>
      <c r="AA38" s="159"/>
      <c r="AB38" s="69">
        <v>10</v>
      </c>
      <c r="AC38" s="69">
        <v>11</v>
      </c>
      <c r="AD38" s="69">
        <v>7</v>
      </c>
      <c r="AE38" s="69">
        <v>6</v>
      </c>
      <c r="AF38" s="69">
        <v>8</v>
      </c>
      <c r="AG38" s="70">
        <v>42</v>
      </c>
      <c r="AH38" s="71">
        <v>51</v>
      </c>
      <c r="AI38" s="68">
        <v>11</v>
      </c>
      <c r="AJ38" s="69">
        <v>11</v>
      </c>
      <c r="AK38" s="70">
        <v>22</v>
      </c>
      <c r="AL38" s="159"/>
      <c r="AM38" s="69">
        <v>31</v>
      </c>
      <c r="AN38" s="69">
        <v>16</v>
      </c>
      <c r="AO38" s="69">
        <v>10</v>
      </c>
      <c r="AP38" s="69">
        <v>13</v>
      </c>
      <c r="AQ38" s="69">
        <v>3</v>
      </c>
      <c r="AR38" s="70">
        <v>73</v>
      </c>
      <c r="AS38" s="71">
        <v>95</v>
      </c>
      <c r="AT38" s="68">
        <v>16</v>
      </c>
      <c r="AU38" s="69">
        <v>14</v>
      </c>
      <c r="AV38" s="70">
        <v>30</v>
      </c>
      <c r="AW38" s="159"/>
      <c r="AX38" s="69">
        <v>33</v>
      </c>
      <c r="AY38" s="69">
        <v>22</v>
      </c>
      <c r="AZ38" s="69">
        <v>13</v>
      </c>
      <c r="BA38" s="69">
        <v>12</v>
      </c>
      <c r="BB38" s="69">
        <v>4</v>
      </c>
      <c r="BC38" s="70">
        <v>84</v>
      </c>
      <c r="BD38" s="71">
        <v>114</v>
      </c>
      <c r="BE38" s="68">
        <v>8</v>
      </c>
      <c r="BF38" s="69">
        <v>12</v>
      </c>
      <c r="BG38" s="70">
        <v>20</v>
      </c>
      <c r="BH38" s="159"/>
      <c r="BI38" s="69">
        <v>43</v>
      </c>
      <c r="BJ38" s="69">
        <v>28</v>
      </c>
      <c r="BK38" s="69">
        <v>7</v>
      </c>
      <c r="BL38" s="69">
        <v>11</v>
      </c>
      <c r="BM38" s="69">
        <v>4</v>
      </c>
      <c r="BN38" s="70">
        <v>93</v>
      </c>
      <c r="BO38" s="71">
        <v>113</v>
      </c>
      <c r="BP38" s="68">
        <v>6</v>
      </c>
      <c r="BQ38" s="69">
        <v>4</v>
      </c>
      <c r="BR38" s="70">
        <v>10</v>
      </c>
      <c r="BS38" s="159"/>
      <c r="BT38" s="69">
        <v>26</v>
      </c>
      <c r="BU38" s="69">
        <v>28</v>
      </c>
      <c r="BV38" s="69">
        <v>16</v>
      </c>
      <c r="BW38" s="69">
        <v>13</v>
      </c>
      <c r="BX38" s="69">
        <v>5</v>
      </c>
      <c r="BY38" s="70">
        <v>88</v>
      </c>
      <c r="BZ38" s="71">
        <v>98</v>
      </c>
      <c r="CA38" s="68">
        <v>0</v>
      </c>
      <c r="CB38" s="69">
        <v>3</v>
      </c>
      <c r="CC38" s="70">
        <v>3</v>
      </c>
      <c r="CD38" s="159"/>
      <c r="CE38" s="69">
        <v>5</v>
      </c>
      <c r="CF38" s="69">
        <v>1</v>
      </c>
      <c r="CG38" s="69">
        <v>1</v>
      </c>
      <c r="CH38" s="69">
        <v>0</v>
      </c>
      <c r="CI38" s="69">
        <v>1</v>
      </c>
      <c r="CJ38" s="70">
        <v>8</v>
      </c>
      <c r="CK38" s="71">
        <v>11</v>
      </c>
      <c r="CL38" s="68">
        <v>47</v>
      </c>
      <c r="CM38" s="69">
        <v>52</v>
      </c>
      <c r="CN38" s="70">
        <v>99</v>
      </c>
      <c r="CO38" s="159"/>
      <c r="CP38" s="69">
        <v>156</v>
      </c>
      <c r="CQ38" s="69">
        <v>108</v>
      </c>
      <c r="CR38" s="69">
        <v>63</v>
      </c>
      <c r="CS38" s="69">
        <v>57</v>
      </c>
      <c r="CT38" s="69">
        <v>26</v>
      </c>
      <c r="CU38" s="70">
        <v>410</v>
      </c>
      <c r="CV38" s="71">
        <v>509</v>
      </c>
      <c r="CW38" s="108">
        <v>133</v>
      </c>
      <c r="CX38" s="80">
        <v>164</v>
      </c>
      <c r="CY38" s="81">
        <v>297</v>
      </c>
      <c r="CZ38" s="159"/>
      <c r="DA38" s="80">
        <v>305</v>
      </c>
      <c r="DB38" s="80">
        <v>190</v>
      </c>
      <c r="DC38" s="80">
        <v>152</v>
      </c>
      <c r="DD38" s="80">
        <v>140</v>
      </c>
      <c r="DE38" s="80">
        <v>87</v>
      </c>
      <c r="DF38" s="82">
        <v>874</v>
      </c>
      <c r="DG38" s="83">
        <v>1171</v>
      </c>
      <c r="DH38" s="68">
        <v>3</v>
      </c>
      <c r="DI38" s="69">
        <v>3</v>
      </c>
      <c r="DJ38" s="70">
        <v>6</v>
      </c>
      <c r="DK38" s="159"/>
      <c r="DL38" s="69">
        <v>5</v>
      </c>
      <c r="DM38" s="69">
        <v>5</v>
      </c>
      <c r="DN38" s="69">
        <v>5</v>
      </c>
      <c r="DO38" s="69">
        <v>6</v>
      </c>
      <c r="DP38" s="69">
        <v>1</v>
      </c>
      <c r="DQ38" s="70">
        <v>22</v>
      </c>
      <c r="DR38" s="71">
        <v>28</v>
      </c>
      <c r="DS38" s="68">
        <v>5</v>
      </c>
      <c r="DT38" s="69">
        <v>14</v>
      </c>
      <c r="DU38" s="70">
        <v>19</v>
      </c>
      <c r="DV38" s="159"/>
      <c r="DW38" s="69">
        <v>22</v>
      </c>
      <c r="DX38" s="69">
        <v>7</v>
      </c>
      <c r="DY38" s="69">
        <v>4</v>
      </c>
      <c r="DZ38" s="69">
        <v>3</v>
      </c>
      <c r="EA38" s="69">
        <v>3</v>
      </c>
      <c r="EB38" s="70">
        <v>39</v>
      </c>
      <c r="EC38" s="71">
        <v>58</v>
      </c>
      <c r="ED38" s="68">
        <v>23</v>
      </c>
      <c r="EE38" s="69">
        <v>27</v>
      </c>
      <c r="EF38" s="70">
        <v>50</v>
      </c>
      <c r="EG38" s="159"/>
      <c r="EH38" s="69">
        <v>32</v>
      </c>
      <c r="EI38" s="69">
        <v>16</v>
      </c>
      <c r="EJ38" s="69">
        <v>7</v>
      </c>
      <c r="EK38" s="69">
        <v>15</v>
      </c>
      <c r="EL38" s="69">
        <v>11</v>
      </c>
      <c r="EM38" s="70">
        <v>81</v>
      </c>
      <c r="EN38" s="71">
        <v>131</v>
      </c>
      <c r="EO38" s="68">
        <v>30</v>
      </c>
      <c r="EP38" s="69">
        <v>34</v>
      </c>
      <c r="EQ38" s="70">
        <v>64</v>
      </c>
      <c r="ER38" s="159"/>
      <c r="ES38" s="69">
        <v>73</v>
      </c>
      <c r="ET38" s="69">
        <v>43</v>
      </c>
      <c r="EU38" s="69">
        <v>31</v>
      </c>
      <c r="EV38" s="69">
        <v>21</v>
      </c>
      <c r="EW38" s="69">
        <v>10</v>
      </c>
      <c r="EX38" s="70">
        <v>178</v>
      </c>
      <c r="EY38" s="71">
        <v>242</v>
      </c>
      <c r="EZ38" s="68">
        <v>38</v>
      </c>
      <c r="FA38" s="69">
        <v>55</v>
      </c>
      <c r="FB38" s="70">
        <v>93</v>
      </c>
      <c r="FC38" s="159"/>
      <c r="FD38" s="69">
        <v>97</v>
      </c>
      <c r="FE38" s="69">
        <v>51</v>
      </c>
      <c r="FF38" s="69">
        <v>34</v>
      </c>
      <c r="FG38" s="69">
        <v>33</v>
      </c>
      <c r="FH38" s="69">
        <v>21</v>
      </c>
      <c r="FI38" s="70">
        <v>236</v>
      </c>
      <c r="FJ38" s="71">
        <v>329</v>
      </c>
      <c r="FK38" s="68">
        <v>34</v>
      </c>
      <c r="FL38" s="69">
        <v>31</v>
      </c>
      <c r="FM38" s="70">
        <v>65</v>
      </c>
      <c r="FN38" s="159"/>
      <c r="FO38" s="69">
        <v>76</v>
      </c>
      <c r="FP38" s="69">
        <v>68</v>
      </c>
      <c r="FQ38" s="69">
        <v>71</v>
      </c>
      <c r="FR38" s="69">
        <v>62</v>
      </c>
      <c r="FS38" s="69">
        <v>41</v>
      </c>
      <c r="FT38" s="70">
        <v>318</v>
      </c>
      <c r="FU38" s="71">
        <v>383</v>
      </c>
      <c r="FV38" s="68">
        <v>2</v>
      </c>
      <c r="FW38" s="69">
        <v>1</v>
      </c>
      <c r="FX38" s="70">
        <v>3</v>
      </c>
      <c r="FY38" s="159"/>
      <c r="FZ38" s="69">
        <v>0</v>
      </c>
      <c r="GA38" s="69">
        <v>7</v>
      </c>
      <c r="GB38" s="69">
        <v>2</v>
      </c>
      <c r="GC38" s="69">
        <v>1</v>
      </c>
      <c r="GD38" s="69">
        <v>1</v>
      </c>
      <c r="GE38" s="70">
        <v>11</v>
      </c>
      <c r="GF38" s="71">
        <v>14</v>
      </c>
      <c r="GG38" s="68">
        <v>135</v>
      </c>
      <c r="GH38" s="69">
        <v>165</v>
      </c>
      <c r="GI38" s="70">
        <v>300</v>
      </c>
      <c r="GJ38" s="159"/>
      <c r="GK38" s="69">
        <v>305</v>
      </c>
      <c r="GL38" s="69">
        <v>197</v>
      </c>
      <c r="GM38" s="69">
        <v>154</v>
      </c>
      <c r="GN38" s="69">
        <v>141</v>
      </c>
      <c r="GO38" s="69">
        <v>88</v>
      </c>
      <c r="GP38" s="70">
        <v>885</v>
      </c>
      <c r="GQ38" s="71">
        <v>1185</v>
      </c>
      <c r="GR38" s="108">
        <v>180</v>
      </c>
      <c r="GS38" s="80">
        <v>213</v>
      </c>
      <c r="GT38" s="81">
        <v>393</v>
      </c>
      <c r="GU38" s="159"/>
      <c r="GV38" s="80">
        <v>456</v>
      </c>
      <c r="GW38" s="80">
        <v>297</v>
      </c>
      <c r="GX38" s="80">
        <v>214</v>
      </c>
      <c r="GY38" s="80">
        <v>197</v>
      </c>
      <c r="GZ38" s="80">
        <v>112</v>
      </c>
      <c r="HA38" s="82">
        <v>1276</v>
      </c>
      <c r="HB38" s="83">
        <v>1669</v>
      </c>
      <c r="HC38" s="68">
        <v>5</v>
      </c>
      <c r="HD38" s="69">
        <v>6</v>
      </c>
      <c r="HE38" s="70">
        <v>11</v>
      </c>
      <c r="HF38" s="159"/>
      <c r="HG38" s="69">
        <v>13</v>
      </c>
      <c r="HH38" s="69">
        <v>7</v>
      </c>
      <c r="HI38" s="69">
        <v>14</v>
      </c>
      <c r="HJ38" s="69">
        <v>8</v>
      </c>
      <c r="HK38" s="69">
        <v>2</v>
      </c>
      <c r="HL38" s="70">
        <v>44</v>
      </c>
      <c r="HM38" s="71">
        <v>55</v>
      </c>
      <c r="HN38" s="68">
        <v>9</v>
      </c>
      <c r="HO38" s="69">
        <v>19</v>
      </c>
      <c r="HP38" s="70">
        <v>28</v>
      </c>
      <c r="HQ38" s="159"/>
      <c r="HR38" s="69">
        <v>32</v>
      </c>
      <c r="HS38" s="69">
        <v>18</v>
      </c>
      <c r="HT38" s="69">
        <v>11</v>
      </c>
      <c r="HU38" s="69">
        <v>9</v>
      </c>
      <c r="HV38" s="69">
        <v>11</v>
      </c>
      <c r="HW38" s="70">
        <v>81</v>
      </c>
      <c r="HX38" s="71">
        <v>109</v>
      </c>
      <c r="HY38" s="68">
        <v>34</v>
      </c>
      <c r="HZ38" s="69">
        <v>38</v>
      </c>
      <c r="IA38" s="70">
        <v>72</v>
      </c>
      <c r="IB38" s="159"/>
      <c r="IC38" s="69">
        <v>63</v>
      </c>
      <c r="ID38" s="69">
        <v>32</v>
      </c>
      <c r="IE38" s="69">
        <v>17</v>
      </c>
      <c r="IF38" s="69">
        <v>28</v>
      </c>
      <c r="IG38" s="69">
        <v>14</v>
      </c>
      <c r="IH38" s="70">
        <v>154</v>
      </c>
      <c r="II38" s="71">
        <v>226</v>
      </c>
      <c r="IJ38" s="68">
        <v>46</v>
      </c>
      <c r="IK38" s="69">
        <v>48</v>
      </c>
      <c r="IL38" s="70">
        <v>94</v>
      </c>
      <c r="IM38" s="159"/>
      <c r="IN38" s="69">
        <v>106</v>
      </c>
      <c r="IO38" s="69">
        <v>65</v>
      </c>
      <c r="IP38" s="69">
        <v>44</v>
      </c>
      <c r="IQ38" s="69">
        <v>33</v>
      </c>
      <c r="IR38" s="69">
        <v>14</v>
      </c>
      <c r="IS38" s="70">
        <v>262</v>
      </c>
      <c r="IT38" s="71">
        <v>356</v>
      </c>
      <c r="IU38" s="68">
        <v>46</v>
      </c>
      <c r="IV38" s="69">
        <v>67</v>
      </c>
      <c r="IW38" s="70">
        <v>113</v>
      </c>
      <c r="IX38" s="159"/>
      <c r="IY38" s="69">
        <v>140</v>
      </c>
      <c r="IZ38" s="69">
        <v>79</v>
      </c>
      <c r="JA38" s="69">
        <v>41</v>
      </c>
      <c r="JB38" s="69">
        <v>44</v>
      </c>
      <c r="JC38" s="69">
        <v>25</v>
      </c>
      <c r="JD38" s="70">
        <v>329</v>
      </c>
      <c r="JE38" s="71">
        <v>442</v>
      </c>
      <c r="JF38" s="68">
        <v>40</v>
      </c>
      <c r="JG38" s="69">
        <v>35</v>
      </c>
      <c r="JH38" s="70">
        <v>75</v>
      </c>
      <c r="JI38" s="159"/>
      <c r="JJ38" s="69">
        <v>102</v>
      </c>
      <c r="JK38" s="69">
        <v>96</v>
      </c>
      <c r="JL38" s="69">
        <v>87</v>
      </c>
      <c r="JM38" s="69">
        <v>75</v>
      </c>
      <c r="JN38" s="69">
        <v>46</v>
      </c>
      <c r="JO38" s="70">
        <v>406</v>
      </c>
      <c r="JP38" s="71">
        <v>481</v>
      </c>
      <c r="JQ38" s="68">
        <v>2</v>
      </c>
      <c r="JR38" s="69">
        <v>4</v>
      </c>
      <c r="JS38" s="70">
        <v>6</v>
      </c>
      <c r="JT38" s="159"/>
      <c r="JU38" s="69">
        <v>5</v>
      </c>
      <c r="JV38" s="69">
        <v>8</v>
      </c>
      <c r="JW38" s="69">
        <v>3</v>
      </c>
      <c r="JX38" s="69">
        <v>1</v>
      </c>
      <c r="JY38" s="69">
        <v>2</v>
      </c>
      <c r="JZ38" s="70">
        <v>19</v>
      </c>
      <c r="KA38" s="71">
        <v>25</v>
      </c>
      <c r="KB38" s="68">
        <v>182</v>
      </c>
      <c r="KC38" s="69">
        <v>217</v>
      </c>
      <c r="KD38" s="70">
        <v>399</v>
      </c>
      <c r="KE38" s="159"/>
      <c r="KF38" s="69">
        <v>461</v>
      </c>
      <c r="KG38" s="69">
        <v>305</v>
      </c>
      <c r="KH38" s="69">
        <v>217</v>
      </c>
      <c r="KI38" s="69">
        <v>198</v>
      </c>
      <c r="KJ38" s="69">
        <v>114</v>
      </c>
      <c r="KK38" s="70">
        <v>1295</v>
      </c>
      <c r="KL38" s="71">
        <v>1694</v>
      </c>
    </row>
    <row r="39" spans="1:298" ht="19.5" customHeight="1" x14ac:dyDescent="0.2">
      <c r="A39" s="111" t="s">
        <v>36</v>
      </c>
      <c r="B39" s="215">
        <v>58</v>
      </c>
      <c r="C39" s="80">
        <v>81</v>
      </c>
      <c r="D39" s="81">
        <v>139</v>
      </c>
      <c r="E39" s="159"/>
      <c r="F39" s="80">
        <v>135</v>
      </c>
      <c r="G39" s="80">
        <v>139</v>
      </c>
      <c r="H39" s="80">
        <v>96</v>
      </c>
      <c r="I39" s="80">
        <v>60</v>
      </c>
      <c r="J39" s="80">
        <v>44</v>
      </c>
      <c r="K39" s="82">
        <v>474</v>
      </c>
      <c r="L39" s="83">
        <v>613</v>
      </c>
      <c r="M39" s="68">
        <v>5</v>
      </c>
      <c r="N39" s="69">
        <v>4</v>
      </c>
      <c r="O39" s="70">
        <v>9</v>
      </c>
      <c r="P39" s="159"/>
      <c r="Q39" s="69">
        <v>11</v>
      </c>
      <c r="R39" s="69">
        <v>17</v>
      </c>
      <c r="S39" s="69">
        <v>5</v>
      </c>
      <c r="T39" s="69">
        <v>4</v>
      </c>
      <c r="U39" s="69">
        <v>7</v>
      </c>
      <c r="V39" s="70">
        <v>44</v>
      </c>
      <c r="W39" s="71">
        <v>53</v>
      </c>
      <c r="X39" s="68">
        <v>10</v>
      </c>
      <c r="Y39" s="69">
        <v>13</v>
      </c>
      <c r="Z39" s="70">
        <v>23</v>
      </c>
      <c r="AA39" s="159"/>
      <c r="AB39" s="69">
        <v>20</v>
      </c>
      <c r="AC39" s="69">
        <v>23</v>
      </c>
      <c r="AD39" s="69">
        <v>11</v>
      </c>
      <c r="AE39" s="69">
        <v>11</v>
      </c>
      <c r="AF39" s="69">
        <v>4</v>
      </c>
      <c r="AG39" s="70">
        <v>69</v>
      </c>
      <c r="AH39" s="71">
        <v>92</v>
      </c>
      <c r="AI39" s="68">
        <v>12</v>
      </c>
      <c r="AJ39" s="69">
        <v>13</v>
      </c>
      <c r="AK39" s="70">
        <v>25</v>
      </c>
      <c r="AL39" s="159"/>
      <c r="AM39" s="69">
        <v>28</v>
      </c>
      <c r="AN39" s="69">
        <v>27</v>
      </c>
      <c r="AO39" s="69">
        <v>17</v>
      </c>
      <c r="AP39" s="69">
        <v>6</v>
      </c>
      <c r="AQ39" s="69">
        <v>9</v>
      </c>
      <c r="AR39" s="70">
        <v>87</v>
      </c>
      <c r="AS39" s="71">
        <v>112</v>
      </c>
      <c r="AT39" s="68">
        <v>20</v>
      </c>
      <c r="AU39" s="69">
        <v>24</v>
      </c>
      <c r="AV39" s="70">
        <v>44</v>
      </c>
      <c r="AW39" s="159"/>
      <c r="AX39" s="69">
        <v>34</v>
      </c>
      <c r="AY39" s="69">
        <v>36</v>
      </c>
      <c r="AZ39" s="69">
        <v>23</v>
      </c>
      <c r="BA39" s="69">
        <v>11</v>
      </c>
      <c r="BB39" s="69">
        <v>13</v>
      </c>
      <c r="BC39" s="70">
        <v>117</v>
      </c>
      <c r="BD39" s="71">
        <v>161</v>
      </c>
      <c r="BE39" s="68">
        <v>6</v>
      </c>
      <c r="BF39" s="69">
        <v>22</v>
      </c>
      <c r="BG39" s="70">
        <v>28</v>
      </c>
      <c r="BH39" s="159"/>
      <c r="BI39" s="69">
        <v>29</v>
      </c>
      <c r="BJ39" s="69">
        <v>22</v>
      </c>
      <c r="BK39" s="69">
        <v>24</v>
      </c>
      <c r="BL39" s="69">
        <v>19</v>
      </c>
      <c r="BM39" s="69">
        <v>7</v>
      </c>
      <c r="BN39" s="70">
        <v>101</v>
      </c>
      <c r="BO39" s="71">
        <v>129</v>
      </c>
      <c r="BP39" s="68">
        <v>5</v>
      </c>
      <c r="BQ39" s="69">
        <v>5</v>
      </c>
      <c r="BR39" s="70">
        <v>10</v>
      </c>
      <c r="BS39" s="159"/>
      <c r="BT39" s="69">
        <v>13</v>
      </c>
      <c r="BU39" s="69">
        <v>14</v>
      </c>
      <c r="BV39" s="69">
        <v>16</v>
      </c>
      <c r="BW39" s="69">
        <v>9</v>
      </c>
      <c r="BX39" s="69">
        <v>4</v>
      </c>
      <c r="BY39" s="70">
        <v>56</v>
      </c>
      <c r="BZ39" s="71">
        <v>66</v>
      </c>
      <c r="CA39" s="68">
        <v>3</v>
      </c>
      <c r="CB39" s="69">
        <v>6</v>
      </c>
      <c r="CC39" s="70">
        <v>9</v>
      </c>
      <c r="CD39" s="159"/>
      <c r="CE39" s="69">
        <v>3</v>
      </c>
      <c r="CF39" s="69">
        <v>8</v>
      </c>
      <c r="CG39" s="69">
        <v>5</v>
      </c>
      <c r="CH39" s="69">
        <v>6</v>
      </c>
      <c r="CI39" s="69">
        <v>3</v>
      </c>
      <c r="CJ39" s="70">
        <v>25</v>
      </c>
      <c r="CK39" s="71">
        <v>34</v>
      </c>
      <c r="CL39" s="68">
        <v>61</v>
      </c>
      <c r="CM39" s="69">
        <v>87</v>
      </c>
      <c r="CN39" s="70">
        <v>148</v>
      </c>
      <c r="CO39" s="159"/>
      <c r="CP39" s="69">
        <v>138</v>
      </c>
      <c r="CQ39" s="69">
        <v>147</v>
      </c>
      <c r="CR39" s="69">
        <v>101</v>
      </c>
      <c r="CS39" s="69">
        <v>66</v>
      </c>
      <c r="CT39" s="69">
        <v>47</v>
      </c>
      <c r="CU39" s="70">
        <v>499</v>
      </c>
      <c r="CV39" s="71">
        <v>647</v>
      </c>
      <c r="CW39" s="108">
        <v>99</v>
      </c>
      <c r="CX39" s="80">
        <v>157</v>
      </c>
      <c r="CY39" s="81">
        <v>256</v>
      </c>
      <c r="CZ39" s="159"/>
      <c r="DA39" s="80">
        <v>262</v>
      </c>
      <c r="DB39" s="80">
        <v>201</v>
      </c>
      <c r="DC39" s="80">
        <v>178</v>
      </c>
      <c r="DD39" s="80">
        <v>168</v>
      </c>
      <c r="DE39" s="80">
        <v>144</v>
      </c>
      <c r="DF39" s="82">
        <v>953</v>
      </c>
      <c r="DG39" s="83">
        <v>1209</v>
      </c>
      <c r="DH39" s="68">
        <v>1</v>
      </c>
      <c r="DI39" s="69">
        <v>7</v>
      </c>
      <c r="DJ39" s="70">
        <v>8</v>
      </c>
      <c r="DK39" s="159"/>
      <c r="DL39" s="69">
        <v>9</v>
      </c>
      <c r="DM39" s="69">
        <v>6</v>
      </c>
      <c r="DN39" s="69">
        <v>7</v>
      </c>
      <c r="DO39" s="69">
        <v>5</v>
      </c>
      <c r="DP39" s="69">
        <v>4</v>
      </c>
      <c r="DQ39" s="70">
        <v>31</v>
      </c>
      <c r="DR39" s="71">
        <v>39</v>
      </c>
      <c r="DS39" s="68">
        <v>9</v>
      </c>
      <c r="DT39" s="69">
        <v>25</v>
      </c>
      <c r="DU39" s="70">
        <v>34</v>
      </c>
      <c r="DV39" s="159"/>
      <c r="DW39" s="69">
        <v>30</v>
      </c>
      <c r="DX39" s="69">
        <v>10</v>
      </c>
      <c r="DY39" s="69">
        <v>12</v>
      </c>
      <c r="DZ39" s="69">
        <v>12</v>
      </c>
      <c r="EA39" s="69">
        <v>9</v>
      </c>
      <c r="EB39" s="70">
        <v>73</v>
      </c>
      <c r="EC39" s="71">
        <v>107</v>
      </c>
      <c r="ED39" s="68">
        <v>17</v>
      </c>
      <c r="EE39" s="69">
        <v>26</v>
      </c>
      <c r="EF39" s="70">
        <v>43</v>
      </c>
      <c r="EG39" s="159"/>
      <c r="EH39" s="69">
        <v>27</v>
      </c>
      <c r="EI39" s="69">
        <v>18</v>
      </c>
      <c r="EJ39" s="69">
        <v>18</v>
      </c>
      <c r="EK39" s="69">
        <v>11</v>
      </c>
      <c r="EL39" s="69">
        <v>22</v>
      </c>
      <c r="EM39" s="70">
        <v>96</v>
      </c>
      <c r="EN39" s="71">
        <v>139</v>
      </c>
      <c r="EO39" s="68">
        <v>37</v>
      </c>
      <c r="EP39" s="69">
        <v>42</v>
      </c>
      <c r="EQ39" s="70">
        <v>79</v>
      </c>
      <c r="ER39" s="159"/>
      <c r="ES39" s="69">
        <v>82</v>
      </c>
      <c r="ET39" s="69">
        <v>46</v>
      </c>
      <c r="EU39" s="69">
        <v>47</v>
      </c>
      <c r="EV39" s="69">
        <v>29</v>
      </c>
      <c r="EW39" s="69">
        <v>30</v>
      </c>
      <c r="EX39" s="70">
        <v>234</v>
      </c>
      <c r="EY39" s="71">
        <v>313</v>
      </c>
      <c r="EZ39" s="68">
        <v>26</v>
      </c>
      <c r="FA39" s="69">
        <v>38</v>
      </c>
      <c r="FB39" s="70">
        <v>64</v>
      </c>
      <c r="FC39" s="159"/>
      <c r="FD39" s="69">
        <v>61</v>
      </c>
      <c r="FE39" s="69">
        <v>66</v>
      </c>
      <c r="FF39" s="69">
        <v>45</v>
      </c>
      <c r="FG39" s="69">
        <v>42</v>
      </c>
      <c r="FH39" s="69">
        <v>30</v>
      </c>
      <c r="FI39" s="70">
        <v>244</v>
      </c>
      <c r="FJ39" s="71">
        <v>308</v>
      </c>
      <c r="FK39" s="68">
        <v>9</v>
      </c>
      <c r="FL39" s="69">
        <v>19</v>
      </c>
      <c r="FM39" s="70">
        <v>28</v>
      </c>
      <c r="FN39" s="159"/>
      <c r="FO39" s="69">
        <v>53</v>
      </c>
      <c r="FP39" s="69">
        <v>55</v>
      </c>
      <c r="FQ39" s="69">
        <v>49</v>
      </c>
      <c r="FR39" s="69">
        <v>69</v>
      </c>
      <c r="FS39" s="69">
        <v>49</v>
      </c>
      <c r="FT39" s="70">
        <v>275</v>
      </c>
      <c r="FU39" s="71">
        <v>303</v>
      </c>
      <c r="FV39" s="68">
        <v>1</v>
      </c>
      <c r="FW39" s="69">
        <v>3</v>
      </c>
      <c r="FX39" s="70">
        <v>4</v>
      </c>
      <c r="FY39" s="159"/>
      <c r="FZ39" s="69">
        <v>2</v>
      </c>
      <c r="GA39" s="69">
        <v>3</v>
      </c>
      <c r="GB39" s="69">
        <v>1</v>
      </c>
      <c r="GC39" s="69">
        <v>3</v>
      </c>
      <c r="GD39" s="69">
        <v>2</v>
      </c>
      <c r="GE39" s="70">
        <v>11</v>
      </c>
      <c r="GF39" s="71">
        <v>15</v>
      </c>
      <c r="GG39" s="68">
        <v>100</v>
      </c>
      <c r="GH39" s="69">
        <v>160</v>
      </c>
      <c r="GI39" s="70">
        <v>260</v>
      </c>
      <c r="GJ39" s="159"/>
      <c r="GK39" s="69">
        <v>264</v>
      </c>
      <c r="GL39" s="69">
        <v>204</v>
      </c>
      <c r="GM39" s="69">
        <v>179</v>
      </c>
      <c r="GN39" s="69">
        <v>171</v>
      </c>
      <c r="GO39" s="69">
        <v>146</v>
      </c>
      <c r="GP39" s="70">
        <v>964</v>
      </c>
      <c r="GQ39" s="71">
        <v>1224</v>
      </c>
      <c r="GR39" s="108">
        <v>157</v>
      </c>
      <c r="GS39" s="80">
        <v>238</v>
      </c>
      <c r="GT39" s="81">
        <v>395</v>
      </c>
      <c r="GU39" s="159"/>
      <c r="GV39" s="80">
        <v>397</v>
      </c>
      <c r="GW39" s="80">
        <v>340</v>
      </c>
      <c r="GX39" s="80">
        <v>274</v>
      </c>
      <c r="GY39" s="80">
        <v>228</v>
      </c>
      <c r="GZ39" s="80">
        <v>188</v>
      </c>
      <c r="HA39" s="82">
        <v>1427</v>
      </c>
      <c r="HB39" s="83">
        <v>1822</v>
      </c>
      <c r="HC39" s="68">
        <v>6</v>
      </c>
      <c r="HD39" s="69">
        <v>11</v>
      </c>
      <c r="HE39" s="70">
        <v>17</v>
      </c>
      <c r="HF39" s="159"/>
      <c r="HG39" s="69">
        <v>20</v>
      </c>
      <c r="HH39" s="69">
        <v>23</v>
      </c>
      <c r="HI39" s="69">
        <v>12</v>
      </c>
      <c r="HJ39" s="69">
        <v>9</v>
      </c>
      <c r="HK39" s="69">
        <v>11</v>
      </c>
      <c r="HL39" s="70">
        <v>75</v>
      </c>
      <c r="HM39" s="71">
        <v>92</v>
      </c>
      <c r="HN39" s="68">
        <v>19</v>
      </c>
      <c r="HO39" s="69">
        <v>38</v>
      </c>
      <c r="HP39" s="70">
        <v>57</v>
      </c>
      <c r="HQ39" s="159"/>
      <c r="HR39" s="69">
        <v>50</v>
      </c>
      <c r="HS39" s="69">
        <v>33</v>
      </c>
      <c r="HT39" s="69">
        <v>23</v>
      </c>
      <c r="HU39" s="69">
        <v>23</v>
      </c>
      <c r="HV39" s="69">
        <v>13</v>
      </c>
      <c r="HW39" s="70">
        <v>142</v>
      </c>
      <c r="HX39" s="71">
        <v>199</v>
      </c>
      <c r="HY39" s="68">
        <v>29</v>
      </c>
      <c r="HZ39" s="69">
        <v>39</v>
      </c>
      <c r="IA39" s="70">
        <v>68</v>
      </c>
      <c r="IB39" s="159"/>
      <c r="IC39" s="69">
        <v>55</v>
      </c>
      <c r="ID39" s="69">
        <v>45</v>
      </c>
      <c r="IE39" s="69">
        <v>35</v>
      </c>
      <c r="IF39" s="69">
        <v>17</v>
      </c>
      <c r="IG39" s="69">
        <v>31</v>
      </c>
      <c r="IH39" s="70">
        <v>183</v>
      </c>
      <c r="II39" s="71">
        <v>251</v>
      </c>
      <c r="IJ39" s="68">
        <v>57</v>
      </c>
      <c r="IK39" s="69">
        <v>66</v>
      </c>
      <c r="IL39" s="70">
        <v>123</v>
      </c>
      <c r="IM39" s="159"/>
      <c r="IN39" s="69">
        <v>116</v>
      </c>
      <c r="IO39" s="69">
        <v>82</v>
      </c>
      <c r="IP39" s="69">
        <v>70</v>
      </c>
      <c r="IQ39" s="69">
        <v>40</v>
      </c>
      <c r="IR39" s="69">
        <v>43</v>
      </c>
      <c r="IS39" s="70">
        <v>351</v>
      </c>
      <c r="IT39" s="71">
        <v>474</v>
      </c>
      <c r="IU39" s="68">
        <v>32</v>
      </c>
      <c r="IV39" s="69">
        <v>60</v>
      </c>
      <c r="IW39" s="70">
        <v>92</v>
      </c>
      <c r="IX39" s="159"/>
      <c r="IY39" s="69">
        <v>90</v>
      </c>
      <c r="IZ39" s="69">
        <v>88</v>
      </c>
      <c r="JA39" s="69">
        <v>69</v>
      </c>
      <c r="JB39" s="69">
        <v>61</v>
      </c>
      <c r="JC39" s="69">
        <v>37</v>
      </c>
      <c r="JD39" s="70">
        <v>345</v>
      </c>
      <c r="JE39" s="71">
        <v>437</v>
      </c>
      <c r="JF39" s="68">
        <v>14</v>
      </c>
      <c r="JG39" s="69">
        <v>24</v>
      </c>
      <c r="JH39" s="70">
        <v>38</v>
      </c>
      <c r="JI39" s="159"/>
      <c r="JJ39" s="69">
        <v>66</v>
      </c>
      <c r="JK39" s="69">
        <v>69</v>
      </c>
      <c r="JL39" s="69">
        <v>65</v>
      </c>
      <c r="JM39" s="69">
        <v>78</v>
      </c>
      <c r="JN39" s="69">
        <v>53</v>
      </c>
      <c r="JO39" s="70">
        <v>331</v>
      </c>
      <c r="JP39" s="71">
        <v>369</v>
      </c>
      <c r="JQ39" s="68">
        <v>4</v>
      </c>
      <c r="JR39" s="69">
        <v>9</v>
      </c>
      <c r="JS39" s="70">
        <v>13</v>
      </c>
      <c r="JT39" s="159"/>
      <c r="JU39" s="69">
        <v>5</v>
      </c>
      <c r="JV39" s="69">
        <v>11</v>
      </c>
      <c r="JW39" s="69">
        <v>6</v>
      </c>
      <c r="JX39" s="69">
        <v>9</v>
      </c>
      <c r="JY39" s="69">
        <v>5</v>
      </c>
      <c r="JZ39" s="70">
        <v>36</v>
      </c>
      <c r="KA39" s="71">
        <v>49</v>
      </c>
      <c r="KB39" s="68">
        <v>161</v>
      </c>
      <c r="KC39" s="69">
        <v>247</v>
      </c>
      <c r="KD39" s="70">
        <v>408</v>
      </c>
      <c r="KE39" s="159"/>
      <c r="KF39" s="69">
        <v>402</v>
      </c>
      <c r="KG39" s="69">
        <v>351</v>
      </c>
      <c r="KH39" s="69">
        <v>280</v>
      </c>
      <c r="KI39" s="69">
        <v>237</v>
      </c>
      <c r="KJ39" s="69">
        <v>193</v>
      </c>
      <c r="KK39" s="70">
        <v>1463</v>
      </c>
      <c r="KL39" s="71">
        <v>1871</v>
      </c>
    </row>
    <row r="40" spans="1:298" ht="19.5" customHeight="1" thickBot="1" x14ac:dyDescent="0.25">
      <c r="A40" s="112" t="s">
        <v>37</v>
      </c>
      <c r="B40" s="216">
        <v>2</v>
      </c>
      <c r="C40" s="85">
        <v>2</v>
      </c>
      <c r="D40" s="86">
        <v>4</v>
      </c>
      <c r="E40" s="160"/>
      <c r="F40" s="85">
        <v>12</v>
      </c>
      <c r="G40" s="85">
        <v>10</v>
      </c>
      <c r="H40" s="85">
        <v>11</v>
      </c>
      <c r="I40" s="85">
        <v>4</v>
      </c>
      <c r="J40" s="85">
        <v>5</v>
      </c>
      <c r="K40" s="87">
        <v>42</v>
      </c>
      <c r="L40" s="88">
        <v>46</v>
      </c>
      <c r="M40" s="72">
        <v>0</v>
      </c>
      <c r="N40" s="73">
        <v>1</v>
      </c>
      <c r="O40" s="74">
        <v>1</v>
      </c>
      <c r="P40" s="160"/>
      <c r="Q40" s="73">
        <v>0</v>
      </c>
      <c r="R40" s="73">
        <v>1</v>
      </c>
      <c r="S40" s="73">
        <v>1</v>
      </c>
      <c r="T40" s="73">
        <v>0</v>
      </c>
      <c r="U40" s="73">
        <v>1</v>
      </c>
      <c r="V40" s="74">
        <v>3</v>
      </c>
      <c r="W40" s="75">
        <v>4</v>
      </c>
      <c r="X40" s="72">
        <v>1</v>
      </c>
      <c r="Y40" s="73">
        <v>0</v>
      </c>
      <c r="Z40" s="74">
        <v>1</v>
      </c>
      <c r="AA40" s="160"/>
      <c r="AB40" s="73">
        <v>1</v>
      </c>
      <c r="AC40" s="73">
        <v>1</v>
      </c>
      <c r="AD40" s="73">
        <v>2</v>
      </c>
      <c r="AE40" s="73">
        <v>0</v>
      </c>
      <c r="AF40" s="73">
        <v>0</v>
      </c>
      <c r="AG40" s="74">
        <v>4</v>
      </c>
      <c r="AH40" s="75">
        <v>5</v>
      </c>
      <c r="AI40" s="72">
        <v>0</v>
      </c>
      <c r="AJ40" s="73">
        <v>0</v>
      </c>
      <c r="AK40" s="74">
        <v>0</v>
      </c>
      <c r="AL40" s="160"/>
      <c r="AM40" s="73">
        <v>2</v>
      </c>
      <c r="AN40" s="73">
        <v>1</v>
      </c>
      <c r="AO40" s="73">
        <v>0</v>
      </c>
      <c r="AP40" s="73">
        <v>1</v>
      </c>
      <c r="AQ40" s="73">
        <v>0</v>
      </c>
      <c r="AR40" s="74">
        <v>4</v>
      </c>
      <c r="AS40" s="75">
        <v>4</v>
      </c>
      <c r="AT40" s="72">
        <v>1</v>
      </c>
      <c r="AU40" s="73">
        <v>1</v>
      </c>
      <c r="AV40" s="74">
        <v>2</v>
      </c>
      <c r="AW40" s="160"/>
      <c r="AX40" s="73">
        <v>3</v>
      </c>
      <c r="AY40" s="73">
        <v>4</v>
      </c>
      <c r="AZ40" s="73">
        <v>1</v>
      </c>
      <c r="BA40" s="73">
        <v>1</v>
      </c>
      <c r="BB40" s="73">
        <v>2</v>
      </c>
      <c r="BC40" s="74">
        <v>11</v>
      </c>
      <c r="BD40" s="75">
        <v>13</v>
      </c>
      <c r="BE40" s="72">
        <v>0</v>
      </c>
      <c r="BF40" s="73">
        <v>0</v>
      </c>
      <c r="BG40" s="74">
        <v>0</v>
      </c>
      <c r="BH40" s="160"/>
      <c r="BI40" s="73">
        <v>4</v>
      </c>
      <c r="BJ40" s="73">
        <v>1</v>
      </c>
      <c r="BK40" s="73">
        <v>4</v>
      </c>
      <c r="BL40" s="73">
        <v>0</v>
      </c>
      <c r="BM40" s="73">
        <v>1</v>
      </c>
      <c r="BN40" s="74">
        <v>10</v>
      </c>
      <c r="BO40" s="75">
        <v>10</v>
      </c>
      <c r="BP40" s="72">
        <v>0</v>
      </c>
      <c r="BQ40" s="73">
        <v>0</v>
      </c>
      <c r="BR40" s="74">
        <v>0</v>
      </c>
      <c r="BS40" s="160"/>
      <c r="BT40" s="73">
        <v>2</v>
      </c>
      <c r="BU40" s="73">
        <v>2</v>
      </c>
      <c r="BV40" s="73">
        <v>3</v>
      </c>
      <c r="BW40" s="73">
        <v>2</v>
      </c>
      <c r="BX40" s="73">
        <v>1</v>
      </c>
      <c r="BY40" s="74">
        <v>10</v>
      </c>
      <c r="BZ40" s="75">
        <v>10</v>
      </c>
      <c r="CA40" s="72">
        <v>0</v>
      </c>
      <c r="CB40" s="73">
        <v>0</v>
      </c>
      <c r="CC40" s="74">
        <v>0</v>
      </c>
      <c r="CD40" s="160"/>
      <c r="CE40" s="73">
        <v>0</v>
      </c>
      <c r="CF40" s="73">
        <v>0</v>
      </c>
      <c r="CG40" s="73">
        <v>0</v>
      </c>
      <c r="CH40" s="73">
        <v>1</v>
      </c>
      <c r="CI40" s="73">
        <v>0</v>
      </c>
      <c r="CJ40" s="74">
        <v>1</v>
      </c>
      <c r="CK40" s="75">
        <v>1</v>
      </c>
      <c r="CL40" s="72">
        <v>2</v>
      </c>
      <c r="CM40" s="73">
        <v>2</v>
      </c>
      <c r="CN40" s="74">
        <v>4</v>
      </c>
      <c r="CO40" s="160"/>
      <c r="CP40" s="73">
        <v>12</v>
      </c>
      <c r="CQ40" s="73">
        <v>10</v>
      </c>
      <c r="CR40" s="73">
        <v>11</v>
      </c>
      <c r="CS40" s="73">
        <v>5</v>
      </c>
      <c r="CT40" s="73">
        <v>5</v>
      </c>
      <c r="CU40" s="74">
        <v>43</v>
      </c>
      <c r="CV40" s="75">
        <v>47</v>
      </c>
      <c r="CW40" s="109">
        <v>8</v>
      </c>
      <c r="CX40" s="85">
        <v>6</v>
      </c>
      <c r="CY40" s="86">
        <v>14</v>
      </c>
      <c r="CZ40" s="160"/>
      <c r="DA40" s="85">
        <v>31</v>
      </c>
      <c r="DB40" s="85">
        <v>16</v>
      </c>
      <c r="DC40" s="85">
        <v>22</v>
      </c>
      <c r="DD40" s="85">
        <v>14</v>
      </c>
      <c r="DE40" s="85">
        <v>9</v>
      </c>
      <c r="DF40" s="87">
        <v>92</v>
      </c>
      <c r="DG40" s="88">
        <v>106</v>
      </c>
      <c r="DH40" s="72">
        <v>0</v>
      </c>
      <c r="DI40" s="73">
        <v>0</v>
      </c>
      <c r="DJ40" s="74">
        <v>0</v>
      </c>
      <c r="DK40" s="160"/>
      <c r="DL40" s="73">
        <v>0</v>
      </c>
      <c r="DM40" s="73">
        <v>0</v>
      </c>
      <c r="DN40" s="73">
        <v>1</v>
      </c>
      <c r="DO40" s="73">
        <v>0</v>
      </c>
      <c r="DP40" s="73">
        <v>1</v>
      </c>
      <c r="DQ40" s="74">
        <v>2</v>
      </c>
      <c r="DR40" s="75">
        <v>2</v>
      </c>
      <c r="DS40" s="72">
        <v>1</v>
      </c>
      <c r="DT40" s="73">
        <v>0</v>
      </c>
      <c r="DU40" s="74">
        <v>1</v>
      </c>
      <c r="DV40" s="160"/>
      <c r="DW40" s="73">
        <v>2</v>
      </c>
      <c r="DX40" s="73">
        <v>3</v>
      </c>
      <c r="DY40" s="73">
        <v>0</v>
      </c>
      <c r="DZ40" s="73">
        <v>2</v>
      </c>
      <c r="EA40" s="73">
        <v>0</v>
      </c>
      <c r="EB40" s="74">
        <v>7</v>
      </c>
      <c r="EC40" s="75">
        <v>8</v>
      </c>
      <c r="ED40" s="72">
        <v>2</v>
      </c>
      <c r="EE40" s="73">
        <v>0</v>
      </c>
      <c r="EF40" s="74">
        <v>2</v>
      </c>
      <c r="EG40" s="160"/>
      <c r="EH40" s="73">
        <v>3</v>
      </c>
      <c r="EI40" s="73">
        <v>2</v>
      </c>
      <c r="EJ40" s="73">
        <v>3</v>
      </c>
      <c r="EK40" s="73">
        <v>3</v>
      </c>
      <c r="EL40" s="73">
        <v>1</v>
      </c>
      <c r="EM40" s="74">
        <v>12</v>
      </c>
      <c r="EN40" s="75">
        <v>14</v>
      </c>
      <c r="EO40" s="72">
        <v>2</v>
      </c>
      <c r="EP40" s="73">
        <v>2</v>
      </c>
      <c r="EQ40" s="74">
        <v>4</v>
      </c>
      <c r="ER40" s="160"/>
      <c r="ES40" s="73">
        <v>8</v>
      </c>
      <c r="ET40" s="73">
        <v>2</v>
      </c>
      <c r="EU40" s="73">
        <v>5</v>
      </c>
      <c r="EV40" s="73">
        <v>1</v>
      </c>
      <c r="EW40" s="73">
        <v>1</v>
      </c>
      <c r="EX40" s="74">
        <v>17</v>
      </c>
      <c r="EY40" s="75">
        <v>21</v>
      </c>
      <c r="EZ40" s="72">
        <v>2</v>
      </c>
      <c r="FA40" s="73">
        <v>2</v>
      </c>
      <c r="FB40" s="74">
        <v>4</v>
      </c>
      <c r="FC40" s="160"/>
      <c r="FD40" s="73">
        <v>14</v>
      </c>
      <c r="FE40" s="73">
        <v>4</v>
      </c>
      <c r="FF40" s="73">
        <v>7</v>
      </c>
      <c r="FG40" s="73">
        <v>1</v>
      </c>
      <c r="FH40" s="73">
        <v>2</v>
      </c>
      <c r="FI40" s="74">
        <v>28</v>
      </c>
      <c r="FJ40" s="75">
        <v>32</v>
      </c>
      <c r="FK40" s="72">
        <v>1</v>
      </c>
      <c r="FL40" s="73">
        <v>2</v>
      </c>
      <c r="FM40" s="74">
        <v>3</v>
      </c>
      <c r="FN40" s="160"/>
      <c r="FO40" s="73">
        <v>4</v>
      </c>
      <c r="FP40" s="73">
        <v>5</v>
      </c>
      <c r="FQ40" s="73">
        <v>6</v>
      </c>
      <c r="FR40" s="73">
        <v>7</v>
      </c>
      <c r="FS40" s="73">
        <v>4</v>
      </c>
      <c r="FT40" s="74">
        <v>26</v>
      </c>
      <c r="FU40" s="75">
        <v>29</v>
      </c>
      <c r="FV40" s="72">
        <v>0</v>
      </c>
      <c r="FW40" s="73">
        <v>0</v>
      </c>
      <c r="FX40" s="74">
        <v>0</v>
      </c>
      <c r="FY40" s="160"/>
      <c r="FZ40" s="73">
        <v>1</v>
      </c>
      <c r="GA40" s="73">
        <v>1</v>
      </c>
      <c r="GB40" s="73">
        <v>1</v>
      </c>
      <c r="GC40" s="73">
        <v>1</v>
      </c>
      <c r="GD40" s="73">
        <v>0</v>
      </c>
      <c r="GE40" s="74">
        <v>4</v>
      </c>
      <c r="GF40" s="75">
        <v>4</v>
      </c>
      <c r="GG40" s="72">
        <v>8</v>
      </c>
      <c r="GH40" s="73">
        <v>6</v>
      </c>
      <c r="GI40" s="74">
        <v>14</v>
      </c>
      <c r="GJ40" s="160"/>
      <c r="GK40" s="73">
        <v>32</v>
      </c>
      <c r="GL40" s="73">
        <v>17</v>
      </c>
      <c r="GM40" s="73">
        <v>23</v>
      </c>
      <c r="GN40" s="73">
        <v>15</v>
      </c>
      <c r="GO40" s="73">
        <v>9</v>
      </c>
      <c r="GP40" s="74">
        <v>96</v>
      </c>
      <c r="GQ40" s="75">
        <v>110</v>
      </c>
      <c r="GR40" s="109">
        <v>10</v>
      </c>
      <c r="GS40" s="85">
        <v>8</v>
      </c>
      <c r="GT40" s="86">
        <v>18</v>
      </c>
      <c r="GU40" s="160"/>
      <c r="GV40" s="85">
        <v>43</v>
      </c>
      <c r="GW40" s="85">
        <v>26</v>
      </c>
      <c r="GX40" s="85">
        <v>33</v>
      </c>
      <c r="GY40" s="85">
        <v>18</v>
      </c>
      <c r="GZ40" s="85">
        <v>14</v>
      </c>
      <c r="HA40" s="87">
        <v>134</v>
      </c>
      <c r="HB40" s="88">
        <v>152</v>
      </c>
      <c r="HC40" s="72">
        <v>0</v>
      </c>
      <c r="HD40" s="73">
        <v>1</v>
      </c>
      <c r="HE40" s="74">
        <v>1</v>
      </c>
      <c r="HF40" s="160"/>
      <c r="HG40" s="73">
        <v>0</v>
      </c>
      <c r="HH40" s="73">
        <v>1</v>
      </c>
      <c r="HI40" s="73">
        <v>2</v>
      </c>
      <c r="HJ40" s="73">
        <v>0</v>
      </c>
      <c r="HK40" s="73">
        <v>2</v>
      </c>
      <c r="HL40" s="74">
        <v>5</v>
      </c>
      <c r="HM40" s="75">
        <v>6</v>
      </c>
      <c r="HN40" s="72">
        <v>2</v>
      </c>
      <c r="HO40" s="73">
        <v>0</v>
      </c>
      <c r="HP40" s="74">
        <v>2</v>
      </c>
      <c r="HQ40" s="160"/>
      <c r="HR40" s="73">
        <v>3</v>
      </c>
      <c r="HS40" s="73">
        <v>4</v>
      </c>
      <c r="HT40" s="73">
        <v>2</v>
      </c>
      <c r="HU40" s="73">
        <v>2</v>
      </c>
      <c r="HV40" s="73">
        <v>0</v>
      </c>
      <c r="HW40" s="74">
        <v>11</v>
      </c>
      <c r="HX40" s="75">
        <v>13</v>
      </c>
      <c r="HY40" s="72">
        <v>2</v>
      </c>
      <c r="HZ40" s="73">
        <v>0</v>
      </c>
      <c r="IA40" s="74">
        <v>2</v>
      </c>
      <c r="IB40" s="160"/>
      <c r="IC40" s="73">
        <v>5</v>
      </c>
      <c r="ID40" s="73">
        <v>3</v>
      </c>
      <c r="IE40" s="73">
        <v>3</v>
      </c>
      <c r="IF40" s="73">
        <v>4</v>
      </c>
      <c r="IG40" s="73">
        <v>1</v>
      </c>
      <c r="IH40" s="74">
        <v>16</v>
      </c>
      <c r="II40" s="75">
        <v>18</v>
      </c>
      <c r="IJ40" s="72">
        <v>3</v>
      </c>
      <c r="IK40" s="73">
        <v>3</v>
      </c>
      <c r="IL40" s="74">
        <v>6</v>
      </c>
      <c r="IM40" s="160"/>
      <c r="IN40" s="73">
        <v>11</v>
      </c>
      <c r="IO40" s="73">
        <v>6</v>
      </c>
      <c r="IP40" s="73">
        <v>6</v>
      </c>
      <c r="IQ40" s="73">
        <v>2</v>
      </c>
      <c r="IR40" s="73">
        <v>3</v>
      </c>
      <c r="IS40" s="74">
        <v>28</v>
      </c>
      <c r="IT40" s="75">
        <v>34</v>
      </c>
      <c r="IU40" s="72">
        <v>2</v>
      </c>
      <c r="IV40" s="73">
        <v>2</v>
      </c>
      <c r="IW40" s="74">
        <v>4</v>
      </c>
      <c r="IX40" s="160"/>
      <c r="IY40" s="73">
        <v>18</v>
      </c>
      <c r="IZ40" s="73">
        <v>5</v>
      </c>
      <c r="JA40" s="73">
        <v>11</v>
      </c>
      <c r="JB40" s="73">
        <v>1</v>
      </c>
      <c r="JC40" s="73">
        <v>3</v>
      </c>
      <c r="JD40" s="74">
        <v>38</v>
      </c>
      <c r="JE40" s="75">
        <v>42</v>
      </c>
      <c r="JF40" s="72">
        <v>1</v>
      </c>
      <c r="JG40" s="73">
        <v>2</v>
      </c>
      <c r="JH40" s="74">
        <v>3</v>
      </c>
      <c r="JI40" s="160"/>
      <c r="JJ40" s="73">
        <v>6</v>
      </c>
      <c r="JK40" s="73">
        <v>7</v>
      </c>
      <c r="JL40" s="73">
        <v>9</v>
      </c>
      <c r="JM40" s="73">
        <v>9</v>
      </c>
      <c r="JN40" s="73">
        <v>5</v>
      </c>
      <c r="JO40" s="74">
        <v>36</v>
      </c>
      <c r="JP40" s="75">
        <v>39</v>
      </c>
      <c r="JQ40" s="72">
        <v>0</v>
      </c>
      <c r="JR40" s="73">
        <v>0</v>
      </c>
      <c r="JS40" s="74">
        <v>0</v>
      </c>
      <c r="JT40" s="160"/>
      <c r="JU40" s="73">
        <v>1</v>
      </c>
      <c r="JV40" s="73">
        <v>1</v>
      </c>
      <c r="JW40" s="73">
        <v>1</v>
      </c>
      <c r="JX40" s="73">
        <v>2</v>
      </c>
      <c r="JY40" s="73">
        <v>0</v>
      </c>
      <c r="JZ40" s="74">
        <v>5</v>
      </c>
      <c r="KA40" s="75">
        <v>5</v>
      </c>
      <c r="KB40" s="72">
        <v>10</v>
      </c>
      <c r="KC40" s="73">
        <v>8</v>
      </c>
      <c r="KD40" s="74">
        <v>18</v>
      </c>
      <c r="KE40" s="160"/>
      <c r="KF40" s="73">
        <v>44</v>
      </c>
      <c r="KG40" s="73">
        <v>27</v>
      </c>
      <c r="KH40" s="73">
        <v>34</v>
      </c>
      <c r="KI40" s="73">
        <v>20</v>
      </c>
      <c r="KJ40" s="73">
        <v>14</v>
      </c>
      <c r="KK40" s="74">
        <v>139</v>
      </c>
      <c r="KL40" s="75">
        <v>157</v>
      </c>
    </row>
    <row r="41" spans="1:298" ht="32.25" customHeight="1" x14ac:dyDescent="0.2">
      <c r="B41" s="210" t="s">
        <v>126</v>
      </c>
    </row>
  </sheetData>
  <mergeCells count="36">
    <mergeCell ref="H1:I1"/>
    <mergeCell ref="CA4:CK5"/>
    <mergeCell ref="CL4:CV5"/>
    <mergeCell ref="B5:L5"/>
    <mergeCell ref="M5:W5"/>
    <mergeCell ref="X5:AH5"/>
    <mergeCell ref="AI5:AS5"/>
    <mergeCell ref="AT5:BD5"/>
    <mergeCell ref="BE5:BO5"/>
    <mergeCell ref="BP5:BZ5"/>
    <mergeCell ref="B3:CV3"/>
    <mergeCell ref="B4:BZ4"/>
    <mergeCell ref="E1:F1"/>
    <mergeCell ref="A3:A5"/>
    <mergeCell ref="CW3:GQ3"/>
    <mergeCell ref="CW4:FU4"/>
    <mergeCell ref="FV4:GF5"/>
    <mergeCell ref="GG4:GQ5"/>
    <mergeCell ref="CW5:DG5"/>
    <mergeCell ref="DH5:DR5"/>
    <mergeCell ref="DS5:EC5"/>
    <mergeCell ref="ED5:EN5"/>
    <mergeCell ref="EO5:EY5"/>
    <mergeCell ref="EZ5:FJ5"/>
    <mergeCell ref="FK5:FU5"/>
    <mergeCell ref="GR3:KL3"/>
    <mergeCell ref="GR4:JP4"/>
    <mergeCell ref="JQ4:KA5"/>
    <mergeCell ref="KB4:KL5"/>
    <mergeCell ref="GR5:HB5"/>
    <mergeCell ref="HC5:HM5"/>
    <mergeCell ref="HN5:HX5"/>
    <mergeCell ref="HY5:II5"/>
    <mergeCell ref="IJ5:IT5"/>
    <mergeCell ref="IU5:JE5"/>
    <mergeCell ref="JF5:J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1" width="12.6640625" style="1" customWidth="1"/>
    <col min="2" max="2" width="8"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19" t="s">
        <v>56</v>
      </c>
      <c r="D1" s="251">
        <f>第１表!F2</f>
        <v>4</v>
      </c>
      <c r="E1" s="166">
        <f>第１表!G2</f>
        <v>1</v>
      </c>
      <c r="F1" s="514">
        <f>IF(E1&lt;3,E1-2+12,E1-2)</f>
        <v>11</v>
      </c>
      <c r="G1" s="514"/>
    </row>
    <row r="2" spans="1:42" ht="17.25" customHeight="1" thickBot="1" x14ac:dyDescent="0.25">
      <c r="A2" s="19" t="s">
        <v>158</v>
      </c>
      <c r="E2" s="19" t="s">
        <v>140</v>
      </c>
    </row>
    <row r="3" spans="1:42" ht="24.75" customHeight="1" x14ac:dyDescent="0.2">
      <c r="A3" s="560"/>
      <c r="B3" s="550" t="s">
        <v>57</v>
      </c>
      <c r="C3" s="551"/>
      <c r="D3" s="551"/>
      <c r="E3" s="551"/>
      <c r="F3" s="551"/>
      <c r="G3" s="551"/>
      <c r="H3" s="551"/>
      <c r="I3" s="551"/>
      <c r="J3" s="551"/>
      <c r="K3" s="551"/>
      <c r="L3" s="550" t="s">
        <v>58</v>
      </c>
      <c r="M3" s="563"/>
      <c r="N3" s="563"/>
      <c r="O3" s="563"/>
      <c r="P3" s="563"/>
      <c r="Q3" s="563"/>
      <c r="R3" s="563"/>
      <c r="S3" s="563"/>
      <c r="T3" s="563"/>
      <c r="U3" s="563"/>
      <c r="V3" s="550" t="s">
        <v>59</v>
      </c>
      <c r="W3" s="551"/>
      <c r="X3" s="551"/>
      <c r="Y3" s="551"/>
      <c r="Z3" s="551"/>
      <c r="AA3" s="551"/>
      <c r="AB3" s="551"/>
      <c r="AC3" s="551"/>
      <c r="AD3" s="551"/>
      <c r="AE3" s="551"/>
      <c r="AF3" s="559" t="s">
        <v>151</v>
      </c>
      <c r="AG3" s="551"/>
      <c r="AH3" s="551"/>
      <c r="AI3" s="551"/>
      <c r="AJ3" s="551"/>
      <c r="AK3" s="551"/>
      <c r="AL3" s="551"/>
      <c r="AM3" s="551"/>
      <c r="AN3" s="551"/>
      <c r="AO3" s="552"/>
    </row>
    <row r="4" spans="1:42" ht="24.75" customHeight="1" x14ac:dyDescent="0.2">
      <c r="A4" s="562"/>
      <c r="B4" s="532" t="s">
        <v>61</v>
      </c>
      <c r="C4" s="533"/>
      <c r="D4" s="534"/>
      <c r="E4" s="535" t="s">
        <v>62</v>
      </c>
      <c r="F4" s="536"/>
      <c r="G4" s="536"/>
      <c r="H4" s="536"/>
      <c r="I4" s="536"/>
      <c r="J4" s="537"/>
      <c r="K4" s="547" t="s">
        <v>52</v>
      </c>
      <c r="L4" s="532" t="s">
        <v>61</v>
      </c>
      <c r="M4" s="533"/>
      <c r="N4" s="534"/>
      <c r="O4" s="535" t="s">
        <v>62</v>
      </c>
      <c r="P4" s="536"/>
      <c r="Q4" s="536"/>
      <c r="R4" s="536"/>
      <c r="S4" s="536"/>
      <c r="T4" s="537"/>
      <c r="U4" s="538" t="s">
        <v>52</v>
      </c>
      <c r="V4" s="532" t="s">
        <v>61</v>
      </c>
      <c r="W4" s="533"/>
      <c r="X4" s="534"/>
      <c r="Y4" s="535" t="s">
        <v>62</v>
      </c>
      <c r="Z4" s="536"/>
      <c r="AA4" s="536"/>
      <c r="AB4" s="536"/>
      <c r="AC4" s="536"/>
      <c r="AD4" s="537"/>
      <c r="AE4" s="547" t="s">
        <v>52</v>
      </c>
      <c r="AF4" s="532" t="s">
        <v>61</v>
      </c>
      <c r="AG4" s="533"/>
      <c r="AH4" s="534"/>
      <c r="AI4" s="535" t="s">
        <v>62</v>
      </c>
      <c r="AJ4" s="536"/>
      <c r="AK4" s="536"/>
      <c r="AL4" s="536"/>
      <c r="AM4" s="536"/>
      <c r="AN4" s="537"/>
      <c r="AO4" s="538" t="s">
        <v>52</v>
      </c>
    </row>
    <row r="5" spans="1:42" ht="24.75" customHeight="1" thickBot="1" x14ac:dyDescent="0.25">
      <c r="A5" s="246" t="s">
        <v>42</v>
      </c>
      <c r="B5" s="30" t="s">
        <v>43</v>
      </c>
      <c r="C5" s="31" t="s">
        <v>44</v>
      </c>
      <c r="D5" s="31" t="s">
        <v>45</v>
      </c>
      <c r="E5" s="32" t="s">
        <v>47</v>
      </c>
      <c r="F5" s="33" t="s">
        <v>48</v>
      </c>
      <c r="G5" s="33" t="s">
        <v>49</v>
      </c>
      <c r="H5" s="34" t="s">
        <v>50</v>
      </c>
      <c r="I5" s="31" t="s">
        <v>51</v>
      </c>
      <c r="J5" s="35" t="s">
        <v>95</v>
      </c>
      <c r="K5" s="548"/>
      <c r="L5" s="30" t="s">
        <v>43</v>
      </c>
      <c r="M5" s="31" t="s">
        <v>44</v>
      </c>
      <c r="N5" s="35" t="s">
        <v>45</v>
      </c>
      <c r="O5" s="15" t="s">
        <v>47</v>
      </c>
      <c r="P5" s="33" t="s">
        <v>48</v>
      </c>
      <c r="Q5" s="33" t="s">
        <v>49</v>
      </c>
      <c r="R5" s="34" t="s">
        <v>50</v>
      </c>
      <c r="S5" s="31" t="s">
        <v>51</v>
      </c>
      <c r="T5" s="35" t="s">
        <v>45</v>
      </c>
      <c r="U5" s="539"/>
      <c r="V5" s="30" t="s">
        <v>43</v>
      </c>
      <c r="W5" s="31" t="s">
        <v>44</v>
      </c>
      <c r="X5" s="31" t="s">
        <v>45</v>
      </c>
      <c r="Y5" s="32" t="s">
        <v>47</v>
      </c>
      <c r="Z5" s="33" t="s">
        <v>48</v>
      </c>
      <c r="AA5" s="33" t="s">
        <v>49</v>
      </c>
      <c r="AB5" s="34" t="s">
        <v>50</v>
      </c>
      <c r="AC5" s="31" t="s">
        <v>51</v>
      </c>
      <c r="AD5" s="35" t="s">
        <v>45</v>
      </c>
      <c r="AE5" s="548"/>
      <c r="AF5" s="30" t="s">
        <v>43</v>
      </c>
      <c r="AG5" s="31" t="s">
        <v>44</v>
      </c>
      <c r="AH5" s="31" t="s">
        <v>45</v>
      </c>
      <c r="AI5" s="32" t="s">
        <v>47</v>
      </c>
      <c r="AJ5" s="33" t="s">
        <v>48</v>
      </c>
      <c r="AK5" s="33" t="s">
        <v>49</v>
      </c>
      <c r="AL5" s="34" t="s">
        <v>50</v>
      </c>
      <c r="AM5" s="31" t="s">
        <v>51</v>
      </c>
      <c r="AN5" s="35" t="s">
        <v>45</v>
      </c>
      <c r="AO5" s="539"/>
    </row>
    <row r="6" spans="1:42" ht="20.25" customHeight="1" x14ac:dyDescent="0.2">
      <c r="A6" s="245" t="s">
        <v>4</v>
      </c>
      <c r="B6" s="113">
        <v>0</v>
      </c>
      <c r="C6" s="114">
        <v>0</v>
      </c>
      <c r="D6" s="114">
        <v>0</v>
      </c>
      <c r="E6" s="115">
        <v>8</v>
      </c>
      <c r="F6" s="116">
        <v>54</v>
      </c>
      <c r="G6" s="116">
        <v>442</v>
      </c>
      <c r="H6" s="116">
        <v>650</v>
      </c>
      <c r="I6" s="114">
        <v>371</v>
      </c>
      <c r="J6" s="117">
        <v>1525</v>
      </c>
      <c r="K6" s="118">
        <v>1525</v>
      </c>
      <c r="L6" s="113">
        <v>0</v>
      </c>
      <c r="M6" s="114">
        <v>0</v>
      </c>
      <c r="N6" s="117">
        <v>0</v>
      </c>
      <c r="O6" s="120">
        <v>90</v>
      </c>
      <c r="P6" s="116">
        <v>183</v>
      </c>
      <c r="Q6" s="116">
        <v>276</v>
      </c>
      <c r="R6" s="116">
        <v>338</v>
      </c>
      <c r="S6" s="114">
        <v>175</v>
      </c>
      <c r="T6" s="117">
        <v>1062</v>
      </c>
      <c r="U6" s="121">
        <v>1062</v>
      </c>
      <c r="V6" s="120">
        <v>0</v>
      </c>
      <c r="W6" s="114">
        <v>0</v>
      </c>
      <c r="X6" s="114">
        <v>0</v>
      </c>
      <c r="Y6" s="115">
        <v>1</v>
      </c>
      <c r="Z6" s="116">
        <v>0</v>
      </c>
      <c r="AA6" s="116">
        <v>2</v>
      </c>
      <c r="AB6" s="116">
        <v>12</v>
      </c>
      <c r="AC6" s="114">
        <v>23</v>
      </c>
      <c r="AD6" s="117">
        <v>38</v>
      </c>
      <c r="AE6" s="118">
        <v>38</v>
      </c>
      <c r="AF6" s="113">
        <v>0</v>
      </c>
      <c r="AG6" s="114">
        <v>0</v>
      </c>
      <c r="AH6" s="114">
        <v>0</v>
      </c>
      <c r="AI6" s="115">
        <v>0</v>
      </c>
      <c r="AJ6" s="116">
        <v>2</v>
      </c>
      <c r="AK6" s="116">
        <v>4</v>
      </c>
      <c r="AL6" s="116">
        <v>13</v>
      </c>
      <c r="AM6" s="114">
        <v>22</v>
      </c>
      <c r="AN6" s="117">
        <v>41</v>
      </c>
      <c r="AO6" s="119">
        <v>41</v>
      </c>
      <c r="AP6" s="36"/>
    </row>
    <row r="7" spans="1:42" ht="20.25" customHeight="1" x14ac:dyDescent="0.2">
      <c r="A7" s="61" t="s">
        <v>5</v>
      </c>
      <c r="B7" s="122">
        <v>0</v>
      </c>
      <c r="C7" s="123">
        <v>0</v>
      </c>
      <c r="D7" s="123">
        <v>0</v>
      </c>
      <c r="E7" s="124">
        <v>3</v>
      </c>
      <c r="F7" s="125">
        <v>34</v>
      </c>
      <c r="G7" s="125">
        <v>222</v>
      </c>
      <c r="H7" s="125">
        <v>289</v>
      </c>
      <c r="I7" s="123">
        <v>187</v>
      </c>
      <c r="J7" s="126">
        <v>735</v>
      </c>
      <c r="K7" s="127">
        <v>735</v>
      </c>
      <c r="L7" s="122">
        <v>0</v>
      </c>
      <c r="M7" s="123">
        <v>0</v>
      </c>
      <c r="N7" s="126">
        <v>0</v>
      </c>
      <c r="O7" s="129">
        <v>33</v>
      </c>
      <c r="P7" s="125">
        <v>90</v>
      </c>
      <c r="Q7" s="125">
        <v>137</v>
      </c>
      <c r="R7" s="125">
        <v>170</v>
      </c>
      <c r="S7" s="123">
        <v>91</v>
      </c>
      <c r="T7" s="126">
        <v>521</v>
      </c>
      <c r="U7" s="130">
        <v>521</v>
      </c>
      <c r="V7" s="129">
        <v>0</v>
      </c>
      <c r="W7" s="123">
        <v>0</v>
      </c>
      <c r="X7" s="123">
        <v>0</v>
      </c>
      <c r="Y7" s="124">
        <v>0</v>
      </c>
      <c r="Z7" s="125">
        <v>0</v>
      </c>
      <c r="AA7" s="125">
        <v>0</v>
      </c>
      <c r="AB7" s="125">
        <v>3</v>
      </c>
      <c r="AC7" s="123">
        <v>9</v>
      </c>
      <c r="AD7" s="126">
        <v>12</v>
      </c>
      <c r="AE7" s="127">
        <v>12</v>
      </c>
      <c r="AF7" s="122">
        <v>0</v>
      </c>
      <c r="AG7" s="123">
        <v>0</v>
      </c>
      <c r="AH7" s="123">
        <v>0</v>
      </c>
      <c r="AI7" s="124">
        <v>0</v>
      </c>
      <c r="AJ7" s="125">
        <v>1</v>
      </c>
      <c r="AK7" s="125">
        <v>0</v>
      </c>
      <c r="AL7" s="125">
        <v>5</v>
      </c>
      <c r="AM7" s="123">
        <v>6</v>
      </c>
      <c r="AN7" s="126">
        <v>12</v>
      </c>
      <c r="AO7" s="128">
        <v>12</v>
      </c>
      <c r="AP7" s="36"/>
    </row>
    <row r="8" spans="1:42" ht="20.25" customHeight="1" x14ac:dyDescent="0.2">
      <c r="A8" s="61" t="s">
        <v>6</v>
      </c>
      <c r="B8" s="122">
        <v>0</v>
      </c>
      <c r="C8" s="123">
        <v>0</v>
      </c>
      <c r="D8" s="123">
        <v>0</v>
      </c>
      <c r="E8" s="124">
        <v>0</v>
      </c>
      <c r="F8" s="125">
        <v>5</v>
      </c>
      <c r="G8" s="125">
        <v>48</v>
      </c>
      <c r="H8" s="125">
        <v>57</v>
      </c>
      <c r="I8" s="123">
        <v>37</v>
      </c>
      <c r="J8" s="126">
        <v>147</v>
      </c>
      <c r="K8" s="127">
        <v>147</v>
      </c>
      <c r="L8" s="122">
        <v>0</v>
      </c>
      <c r="M8" s="123">
        <v>0</v>
      </c>
      <c r="N8" s="126">
        <v>0</v>
      </c>
      <c r="O8" s="129">
        <v>13</v>
      </c>
      <c r="P8" s="125">
        <v>22</v>
      </c>
      <c r="Q8" s="125">
        <v>27</v>
      </c>
      <c r="R8" s="125">
        <v>32</v>
      </c>
      <c r="S8" s="123">
        <v>23</v>
      </c>
      <c r="T8" s="126">
        <v>117</v>
      </c>
      <c r="U8" s="130">
        <v>117</v>
      </c>
      <c r="V8" s="129">
        <v>0</v>
      </c>
      <c r="W8" s="123">
        <v>0</v>
      </c>
      <c r="X8" s="123">
        <v>0</v>
      </c>
      <c r="Y8" s="124">
        <v>1</v>
      </c>
      <c r="Z8" s="125">
        <v>0</v>
      </c>
      <c r="AA8" s="125">
        <v>2</v>
      </c>
      <c r="AB8" s="125">
        <v>7</v>
      </c>
      <c r="AC8" s="123">
        <v>7</v>
      </c>
      <c r="AD8" s="126">
        <v>17</v>
      </c>
      <c r="AE8" s="127">
        <v>17</v>
      </c>
      <c r="AF8" s="122">
        <v>0</v>
      </c>
      <c r="AG8" s="123">
        <v>0</v>
      </c>
      <c r="AH8" s="123">
        <v>0</v>
      </c>
      <c r="AI8" s="124">
        <v>0</v>
      </c>
      <c r="AJ8" s="125">
        <v>0</v>
      </c>
      <c r="AK8" s="125">
        <v>0</v>
      </c>
      <c r="AL8" s="125">
        <v>1</v>
      </c>
      <c r="AM8" s="123">
        <v>5</v>
      </c>
      <c r="AN8" s="126">
        <v>6</v>
      </c>
      <c r="AO8" s="128">
        <v>6</v>
      </c>
      <c r="AP8" s="36"/>
    </row>
    <row r="9" spans="1:42" ht="20.25" customHeight="1" x14ac:dyDescent="0.2">
      <c r="A9" s="61" t="s">
        <v>14</v>
      </c>
      <c r="B9" s="122">
        <v>0</v>
      </c>
      <c r="C9" s="123">
        <v>0</v>
      </c>
      <c r="D9" s="123">
        <v>0</v>
      </c>
      <c r="E9" s="124">
        <v>1</v>
      </c>
      <c r="F9" s="125">
        <v>0</v>
      </c>
      <c r="G9" s="125">
        <v>35</v>
      </c>
      <c r="H9" s="125">
        <v>58</v>
      </c>
      <c r="I9" s="123">
        <v>24</v>
      </c>
      <c r="J9" s="126">
        <v>118</v>
      </c>
      <c r="K9" s="127">
        <v>118</v>
      </c>
      <c r="L9" s="122">
        <v>0</v>
      </c>
      <c r="M9" s="123">
        <v>0</v>
      </c>
      <c r="N9" s="126">
        <v>0</v>
      </c>
      <c r="O9" s="129">
        <v>3</v>
      </c>
      <c r="P9" s="125">
        <v>10</v>
      </c>
      <c r="Q9" s="125">
        <v>13</v>
      </c>
      <c r="R9" s="125">
        <v>19</v>
      </c>
      <c r="S9" s="123">
        <v>5</v>
      </c>
      <c r="T9" s="126">
        <v>50</v>
      </c>
      <c r="U9" s="130">
        <v>50</v>
      </c>
      <c r="V9" s="129">
        <v>0</v>
      </c>
      <c r="W9" s="123">
        <v>0</v>
      </c>
      <c r="X9" s="123">
        <v>0</v>
      </c>
      <c r="Y9" s="124">
        <v>0</v>
      </c>
      <c r="Z9" s="125">
        <v>0</v>
      </c>
      <c r="AA9" s="125">
        <v>0</v>
      </c>
      <c r="AB9" s="125">
        <v>1</v>
      </c>
      <c r="AC9" s="123">
        <v>6</v>
      </c>
      <c r="AD9" s="126">
        <v>7</v>
      </c>
      <c r="AE9" s="127">
        <v>7</v>
      </c>
      <c r="AF9" s="122">
        <v>0</v>
      </c>
      <c r="AG9" s="123">
        <v>0</v>
      </c>
      <c r="AH9" s="123">
        <v>0</v>
      </c>
      <c r="AI9" s="124">
        <v>0</v>
      </c>
      <c r="AJ9" s="125">
        <v>0</v>
      </c>
      <c r="AK9" s="125">
        <v>1</v>
      </c>
      <c r="AL9" s="125">
        <v>1</v>
      </c>
      <c r="AM9" s="123">
        <v>1</v>
      </c>
      <c r="AN9" s="126">
        <v>3</v>
      </c>
      <c r="AO9" s="128">
        <v>3</v>
      </c>
      <c r="AP9" s="36"/>
    </row>
    <row r="10" spans="1:42" ht="20.25" customHeight="1" x14ac:dyDescent="0.2">
      <c r="A10" s="61" t="s">
        <v>7</v>
      </c>
      <c r="B10" s="122">
        <v>0</v>
      </c>
      <c r="C10" s="123">
        <v>0</v>
      </c>
      <c r="D10" s="123">
        <v>0</v>
      </c>
      <c r="E10" s="124">
        <v>0</v>
      </c>
      <c r="F10" s="125">
        <v>6</v>
      </c>
      <c r="G10" s="125">
        <v>17</v>
      </c>
      <c r="H10" s="125">
        <v>56</v>
      </c>
      <c r="I10" s="123">
        <v>20</v>
      </c>
      <c r="J10" s="126">
        <v>99</v>
      </c>
      <c r="K10" s="127">
        <v>99</v>
      </c>
      <c r="L10" s="122">
        <v>0</v>
      </c>
      <c r="M10" s="123">
        <v>0</v>
      </c>
      <c r="N10" s="126">
        <v>0</v>
      </c>
      <c r="O10" s="129">
        <v>11</v>
      </c>
      <c r="P10" s="125">
        <v>15</v>
      </c>
      <c r="Q10" s="125">
        <v>17</v>
      </c>
      <c r="R10" s="125">
        <v>22</v>
      </c>
      <c r="S10" s="123">
        <v>9</v>
      </c>
      <c r="T10" s="126">
        <v>74</v>
      </c>
      <c r="U10" s="130">
        <v>74</v>
      </c>
      <c r="V10" s="129">
        <v>0</v>
      </c>
      <c r="W10" s="123">
        <v>0</v>
      </c>
      <c r="X10" s="123">
        <v>0</v>
      </c>
      <c r="Y10" s="124">
        <v>0</v>
      </c>
      <c r="Z10" s="125">
        <v>0</v>
      </c>
      <c r="AA10" s="125">
        <v>0</v>
      </c>
      <c r="AB10" s="125">
        <v>0</v>
      </c>
      <c r="AC10" s="123">
        <v>0</v>
      </c>
      <c r="AD10" s="126">
        <v>0</v>
      </c>
      <c r="AE10" s="127">
        <v>0</v>
      </c>
      <c r="AF10" s="122">
        <v>0</v>
      </c>
      <c r="AG10" s="123">
        <v>0</v>
      </c>
      <c r="AH10" s="123">
        <v>0</v>
      </c>
      <c r="AI10" s="124">
        <v>0</v>
      </c>
      <c r="AJ10" s="125">
        <v>0</v>
      </c>
      <c r="AK10" s="125">
        <v>0</v>
      </c>
      <c r="AL10" s="125">
        <v>0</v>
      </c>
      <c r="AM10" s="123">
        <v>0</v>
      </c>
      <c r="AN10" s="126">
        <v>0</v>
      </c>
      <c r="AO10" s="128">
        <v>0</v>
      </c>
      <c r="AP10" s="36"/>
    </row>
    <row r="11" spans="1:42" ht="20.25" customHeight="1" x14ac:dyDescent="0.2">
      <c r="A11" s="61" t="s">
        <v>8</v>
      </c>
      <c r="B11" s="122">
        <v>0</v>
      </c>
      <c r="C11" s="123">
        <v>0</v>
      </c>
      <c r="D11" s="123">
        <v>0</v>
      </c>
      <c r="E11" s="124">
        <v>0</v>
      </c>
      <c r="F11" s="125">
        <v>5</v>
      </c>
      <c r="G11" s="125">
        <v>8</v>
      </c>
      <c r="H11" s="125">
        <v>10</v>
      </c>
      <c r="I11" s="123">
        <v>8</v>
      </c>
      <c r="J11" s="126">
        <v>31</v>
      </c>
      <c r="K11" s="127">
        <v>31</v>
      </c>
      <c r="L11" s="122">
        <v>0</v>
      </c>
      <c r="M11" s="123">
        <v>0</v>
      </c>
      <c r="N11" s="126">
        <v>0</v>
      </c>
      <c r="O11" s="129">
        <v>2</v>
      </c>
      <c r="P11" s="125">
        <v>5</v>
      </c>
      <c r="Q11" s="125">
        <v>9</v>
      </c>
      <c r="R11" s="125">
        <v>8</v>
      </c>
      <c r="S11" s="123">
        <v>1</v>
      </c>
      <c r="T11" s="126">
        <v>25</v>
      </c>
      <c r="U11" s="130">
        <v>25</v>
      </c>
      <c r="V11" s="129">
        <v>0</v>
      </c>
      <c r="W11" s="123">
        <v>0</v>
      </c>
      <c r="X11" s="123">
        <v>0</v>
      </c>
      <c r="Y11" s="124">
        <v>0</v>
      </c>
      <c r="Z11" s="125">
        <v>0</v>
      </c>
      <c r="AA11" s="125">
        <v>0</v>
      </c>
      <c r="AB11" s="125">
        <v>0</v>
      </c>
      <c r="AC11" s="123">
        <v>0</v>
      </c>
      <c r="AD11" s="126">
        <v>0</v>
      </c>
      <c r="AE11" s="127">
        <v>0</v>
      </c>
      <c r="AF11" s="122">
        <v>0</v>
      </c>
      <c r="AG11" s="123">
        <v>0</v>
      </c>
      <c r="AH11" s="123">
        <v>0</v>
      </c>
      <c r="AI11" s="124">
        <v>0</v>
      </c>
      <c r="AJ11" s="125">
        <v>0</v>
      </c>
      <c r="AK11" s="125">
        <v>0</v>
      </c>
      <c r="AL11" s="125">
        <v>1</v>
      </c>
      <c r="AM11" s="123">
        <v>0</v>
      </c>
      <c r="AN11" s="126">
        <v>1</v>
      </c>
      <c r="AO11" s="128">
        <v>1</v>
      </c>
      <c r="AP11" s="36"/>
    </row>
    <row r="12" spans="1:42" ht="20.25" customHeight="1" x14ac:dyDescent="0.2">
      <c r="A12" s="61" t="s">
        <v>9</v>
      </c>
      <c r="B12" s="122">
        <v>0</v>
      </c>
      <c r="C12" s="123">
        <v>0</v>
      </c>
      <c r="D12" s="123">
        <v>0</v>
      </c>
      <c r="E12" s="124">
        <v>0</v>
      </c>
      <c r="F12" s="125">
        <v>0</v>
      </c>
      <c r="G12" s="125">
        <v>15</v>
      </c>
      <c r="H12" s="125">
        <v>24</v>
      </c>
      <c r="I12" s="123">
        <v>9</v>
      </c>
      <c r="J12" s="126">
        <v>48</v>
      </c>
      <c r="K12" s="127">
        <v>48</v>
      </c>
      <c r="L12" s="122">
        <v>0</v>
      </c>
      <c r="M12" s="123">
        <v>0</v>
      </c>
      <c r="N12" s="126">
        <v>0</v>
      </c>
      <c r="O12" s="129">
        <v>4</v>
      </c>
      <c r="P12" s="125">
        <v>4</v>
      </c>
      <c r="Q12" s="125">
        <v>6</v>
      </c>
      <c r="R12" s="125">
        <v>11</v>
      </c>
      <c r="S12" s="123">
        <v>4</v>
      </c>
      <c r="T12" s="126">
        <v>29</v>
      </c>
      <c r="U12" s="130">
        <v>29</v>
      </c>
      <c r="V12" s="129">
        <v>0</v>
      </c>
      <c r="W12" s="123">
        <v>0</v>
      </c>
      <c r="X12" s="123">
        <v>0</v>
      </c>
      <c r="Y12" s="124">
        <v>0</v>
      </c>
      <c r="Z12" s="125">
        <v>0</v>
      </c>
      <c r="AA12" s="125">
        <v>0</v>
      </c>
      <c r="AB12" s="125">
        <v>0</v>
      </c>
      <c r="AC12" s="123">
        <v>0</v>
      </c>
      <c r="AD12" s="126">
        <v>0</v>
      </c>
      <c r="AE12" s="127">
        <v>0</v>
      </c>
      <c r="AF12" s="122">
        <v>0</v>
      </c>
      <c r="AG12" s="123">
        <v>0</v>
      </c>
      <c r="AH12" s="123">
        <v>0</v>
      </c>
      <c r="AI12" s="124">
        <v>0</v>
      </c>
      <c r="AJ12" s="125">
        <v>0</v>
      </c>
      <c r="AK12" s="125">
        <v>1</v>
      </c>
      <c r="AL12" s="125">
        <v>0</v>
      </c>
      <c r="AM12" s="123">
        <v>1</v>
      </c>
      <c r="AN12" s="126">
        <v>2</v>
      </c>
      <c r="AO12" s="128">
        <v>2</v>
      </c>
      <c r="AP12" s="36"/>
    </row>
    <row r="13" spans="1:42" ht="20.25" customHeight="1" x14ac:dyDescent="0.2">
      <c r="A13" s="61" t="s">
        <v>10</v>
      </c>
      <c r="B13" s="122">
        <v>0</v>
      </c>
      <c r="C13" s="123">
        <v>0</v>
      </c>
      <c r="D13" s="123">
        <v>0</v>
      </c>
      <c r="E13" s="124">
        <v>1</v>
      </c>
      <c r="F13" s="125">
        <v>0</v>
      </c>
      <c r="G13" s="125">
        <v>20</v>
      </c>
      <c r="H13" s="125">
        <v>31</v>
      </c>
      <c r="I13" s="123">
        <v>18</v>
      </c>
      <c r="J13" s="126">
        <v>70</v>
      </c>
      <c r="K13" s="127">
        <v>70</v>
      </c>
      <c r="L13" s="122">
        <v>0</v>
      </c>
      <c r="M13" s="123">
        <v>0</v>
      </c>
      <c r="N13" s="126">
        <v>0</v>
      </c>
      <c r="O13" s="129">
        <v>3</v>
      </c>
      <c r="P13" s="125">
        <v>6</v>
      </c>
      <c r="Q13" s="125">
        <v>11</v>
      </c>
      <c r="R13" s="125">
        <v>7</v>
      </c>
      <c r="S13" s="123">
        <v>6</v>
      </c>
      <c r="T13" s="126">
        <v>33</v>
      </c>
      <c r="U13" s="130">
        <v>33</v>
      </c>
      <c r="V13" s="129">
        <v>0</v>
      </c>
      <c r="W13" s="123">
        <v>0</v>
      </c>
      <c r="X13" s="123">
        <v>0</v>
      </c>
      <c r="Y13" s="124">
        <v>0</v>
      </c>
      <c r="Z13" s="125">
        <v>0</v>
      </c>
      <c r="AA13" s="125">
        <v>0</v>
      </c>
      <c r="AB13" s="125">
        <v>0</v>
      </c>
      <c r="AC13" s="123">
        <v>0</v>
      </c>
      <c r="AD13" s="126">
        <v>0</v>
      </c>
      <c r="AE13" s="127">
        <v>0</v>
      </c>
      <c r="AF13" s="122">
        <v>0</v>
      </c>
      <c r="AG13" s="123">
        <v>0</v>
      </c>
      <c r="AH13" s="123">
        <v>0</v>
      </c>
      <c r="AI13" s="124">
        <v>0</v>
      </c>
      <c r="AJ13" s="125">
        <v>0</v>
      </c>
      <c r="AK13" s="125">
        <v>0</v>
      </c>
      <c r="AL13" s="125">
        <v>1</v>
      </c>
      <c r="AM13" s="123">
        <v>1</v>
      </c>
      <c r="AN13" s="126">
        <v>2</v>
      </c>
      <c r="AO13" s="128">
        <v>2</v>
      </c>
      <c r="AP13" s="36"/>
    </row>
    <row r="14" spans="1:42" ht="20.25" customHeight="1" x14ac:dyDescent="0.2">
      <c r="A14" s="61" t="s">
        <v>11</v>
      </c>
      <c r="B14" s="122">
        <v>0</v>
      </c>
      <c r="C14" s="123">
        <v>0</v>
      </c>
      <c r="D14" s="123">
        <v>0</v>
      </c>
      <c r="E14" s="124">
        <v>0</v>
      </c>
      <c r="F14" s="125">
        <v>0</v>
      </c>
      <c r="G14" s="125">
        <v>8</v>
      </c>
      <c r="H14" s="125">
        <v>14</v>
      </c>
      <c r="I14" s="123">
        <v>6</v>
      </c>
      <c r="J14" s="126">
        <v>28</v>
      </c>
      <c r="K14" s="127">
        <v>28</v>
      </c>
      <c r="L14" s="122">
        <v>0</v>
      </c>
      <c r="M14" s="123">
        <v>0</v>
      </c>
      <c r="N14" s="126">
        <v>0</v>
      </c>
      <c r="O14" s="129">
        <v>4</v>
      </c>
      <c r="P14" s="125">
        <v>6</v>
      </c>
      <c r="Q14" s="125">
        <v>4</v>
      </c>
      <c r="R14" s="125">
        <v>5</v>
      </c>
      <c r="S14" s="123">
        <v>5</v>
      </c>
      <c r="T14" s="126">
        <v>24</v>
      </c>
      <c r="U14" s="130">
        <v>24</v>
      </c>
      <c r="V14" s="129">
        <v>0</v>
      </c>
      <c r="W14" s="123">
        <v>0</v>
      </c>
      <c r="X14" s="123">
        <v>0</v>
      </c>
      <c r="Y14" s="124">
        <v>0</v>
      </c>
      <c r="Z14" s="125">
        <v>0</v>
      </c>
      <c r="AA14" s="125">
        <v>0</v>
      </c>
      <c r="AB14" s="125">
        <v>0</v>
      </c>
      <c r="AC14" s="123">
        <v>0</v>
      </c>
      <c r="AD14" s="126">
        <v>0</v>
      </c>
      <c r="AE14" s="127">
        <v>0</v>
      </c>
      <c r="AF14" s="122">
        <v>0</v>
      </c>
      <c r="AG14" s="123">
        <v>0</v>
      </c>
      <c r="AH14" s="123">
        <v>0</v>
      </c>
      <c r="AI14" s="124">
        <v>0</v>
      </c>
      <c r="AJ14" s="125">
        <v>1</v>
      </c>
      <c r="AK14" s="125">
        <v>1</v>
      </c>
      <c r="AL14" s="125">
        <v>1</v>
      </c>
      <c r="AM14" s="123">
        <v>0</v>
      </c>
      <c r="AN14" s="126">
        <v>3</v>
      </c>
      <c r="AO14" s="128">
        <v>3</v>
      </c>
      <c r="AP14" s="36"/>
    </row>
    <row r="15" spans="1:42" ht="20.25" customHeight="1" x14ac:dyDescent="0.2">
      <c r="A15" s="61" t="s">
        <v>12</v>
      </c>
      <c r="B15" s="122">
        <v>0</v>
      </c>
      <c r="C15" s="123">
        <v>0</v>
      </c>
      <c r="D15" s="123">
        <v>0</v>
      </c>
      <c r="E15" s="124">
        <v>1</v>
      </c>
      <c r="F15" s="125">
        <v>1</v>
      </c>
      <c r="G15" s="125">
        <v>8</v>
      </c>
      <c r="H15" s="125">
        <v>13</v>
      </c>
      <c r="I15" s="123">
        <v>7</v>
      </c>
      <c r="J15" s="126">
        <v>30</v>
      </c>
      <c r="K15" s="127">
        <v>30</v>
      </c>
      <c r="L15" s="122">
        <v>0</v>
      </c>
      <c r="M15" s="123">
        <v>0</v>
      </c>
      <c r="N15" s="126">
        <v>0</v>
      </c>
      <c r="O15" s="129">
        <v>4</v>
      </c>
      <c r="P15" s="125">
        <v>2</v>
      </c>
      <c r="Q15" s="125">
        <v>6</v>
      </c>
      <c r="R15" s="125">
        <v>13</v>
      </c>
      <c r="S15" s="123">
        <v>3</v>
      </c>
      <c r="T15" s="126">
        <v>28</v>
      </c>
      <c r="U15" s="130">
        <v>28</v>
      </c>
      <c r="V15" s="129">
        <v>0</v>
      </c>
      <c r="W15" s="123">
        <v>0</v>
      </c>
      <c r="X15" s="123">
        <v>0</v>
      </c>
      <c r="Y15" s="124">
        <v>0</v>
      </c>
      <c r="Z15" s="125">
        <v>0</v>
      </c>
      <c r="AA15" s="125">
        <v>0</v>
      </c>
      <c r="AB15" s="125">
        <v>0</v>
      </c>
      <c r="AC15" s="123">
        <v>1</v>
      </c>
      <c r="AD15" s="126">
        <v>1</v>
      </c>
      <c r="AE15" s="127">
        <v>1</v>
      </c>
      <c r="AF15" s="122">
        <v>0</v>
      </c>
      <c r="AG15" s="123">
        <v>0</v>
      </c>
      <c r="AH15" s="123">
        <v>0</v>
      </c>
      <c r="AI15" s="124">
        <v>0</v>
      </c>
      <c r="AJ15" s="125">
        <v>0</v>
      </c>
      <c r="AK15" s="125">
        <v>0</v>
      </c>
      <c r="AL15" s="125">
        <v>0</v>
      </c>
      <c r="AM15" s="123">
        <v>0</v>
      </c>
      <c r="AN15" s="126">
        <v>0</v>
      </c>
      <c r="AO15" s="128">
        <v>0</v>
      </c>
      <c r="AP15" s="36"/>
    </row>
    <row r="16" spans="1:42" ht="20.25" customHeight="1" x14ac:dyDescent="0.2">
      <c r="A16" s="61" t="s">
        <v>13</v>
      </c>
      <c r="B16" s="122">
        <v>0</v>
      </c>
      <c r="C16" s="123">
        <v>0</v>
      </c>
      <c r="D16" s="123">
        <v>0</v>
      </c>
      <c r="E16" s="124">
        <v>0</v>
      </c>
      <c r="F16" s="125">
        <v>0</v>
      </c>
      <c r="G16" s="125">
        <v>2</v>
      </c>
      <c r="H16" s="125">
        <v>7</v>
      </c>
      <c r="I16" s="123">
        <v>5</v>
      </c>
      <c r="J16" s="126">
        <v>14</v>
      </c>
      <c r="K16" s="127">
        <v>14</v>
      </c>
      <c r="L16" s="122">
        <v>0</v>
      </c>
      <c r="M16" s="123">
        <v>0</v>
      </c>
      <c r="N16" s="126">
        <v>0</v>
      </c>
      <c r="O16" s="129">
        <v>1</v>
      </c>
      <c r="P16" s="125">
        <v>1</v>
      </c>
      <c r="Q16" s="125">
        <v>3</v>
      </c>
      <c r="R16" s="125">
        <v>2</v>
      </c>
      <c r="S16" s="123">
        <v>4</v>
      </c>
      <c r="T16" s="126">
        <v>11</v>
      </c>
      <c r="U16" s="130">
        <v>11</v>
      </c>
      <c r="V16" s="129">
        <v>0</v>
      </c>
      <c r="W16" s="123">
        <v>0</v>
      </c>
      <c r="X16" s="123">
        <v>0</v>
      </c>
      <c r="Y16" s="124">
        <v>0</v>
      </c>
      <c r="Z16" s="125">
        <v>0</v>
      </c>
      <c r="AA16" s="125">
        <v>0</v>
      </c>
      <c r="AB16" s="125">
        <v>0</v>
      </c>
      <c r="AC16" s="123">
        <v>0</v>
      </c>
      <c r="AD16" s="126">
        <v>0</v>
      </c>
      <c r="AE16" s="127">
        <v>0</v>
      </c>
      <c r="AF16" s="122">
        <v>0</v>
      </c>
      <c r="AG16" s="123">
        <v>0</v>
      </c>
      <c r="AH16" s="123">
        <v>0</v>
      </c>
      <c r="AI16" s="124">
        <v>0</v>
      </c>
      <c r="AJ16" s="125">
        <v>0</v>
      </c>
      <c r="AK16" s="125">
        <v>0</v>
      </c>
      <c r="AL16" s="125">
        <v>0</v>
      </c>
      <c r="AM16" s="123">
        <v>0</v>
      </c>
      <c r="AN16" s="126">
        <v>0</v>
      </c>
      <c r="AO16" s="128">
        <v>0</v>
      </c>
      <c r="AP16" s="36"/>
    </row>
    <row r="17" spans="1:42" ht="20.25" customHeight="1" x14ac:dyDescent="0.2">
      <c r="A17" s="61" t="s">
        <v>15</v>
      </c>
      <c r="B17" s="122">
        <v>0</v>
      </c>
      <c r="C17" s="123">
        <v>0</v>
      </c>
      <c r="D17" s="123">
        <v>0</v>
      </c>
      <c r="E17" s="124">
        <v>0</v>
      </c>
      <c r="F17" s="125">
        <v>0</v>
      </c>
      <c r="G17" s="125">
        <v>3</v>
      </c>
      <c r="H17" s="125">
        <v>3</v>
      </c>
      <c r="I17" s="123">
        <v>0</v>
      </c>
      <c r="J17" s="126">
        <v>6</v>
      </c>
      <c r="K17" s="127">
        <v>6</v>
      </c>
      <c r="L17" s="122">
        <v>0</v>
      </c>
      <c r="M17" s="123">
        <v>0</v>
      </c>
      <c r="N17" s="126">
        <v>0</v>
      </c>
      <c r="O17" s="129">
        <v>2</v>
      </c>
      <c r="P17" s="125">
        <v>1</v>
      </c>
      <c r="Q17" s="125">
        <v>1</v>
      </c>
      <c r="R17" s="125">
        <v>3</v>
      </c>
      <c r="S17" s="123">
        <v>2</v>
      </c>
      <c r="T17" s="126">
        <v>9</v>
      </c>
      <c r="U17" s="130">
        <v>9</v>
      </c>
      <c r="V17" s="129">
        <v>0</v>
      </c>
      <c r="W17" s="123">
        <v>0</v>
      </c>
      <c r="X17" s="123">
        <v>0</v>
      </c>
      <c r="Y17" s="124">
        <v>0</v>
      </c>
      <c r="Z17" s="125">
        <v>0</v>
      </c>
      <c r="AA17" s="125">
        <v>0</v>
      </c>
      <c r="AB17" s="125">
        <v>0</v>
      </c>
      <c r="AC17" s="123">
        <v>0</v>
      </c>
      <c r="AD17" s="126">
        <v>0</v>
      </c>
      <c r="AE17" s="127">
        <v>0</v>
      </c>
      <c r="AF17" s="122">
        <v>0</v>
      </c>
      <c r="AG17" s="123">
        <v>0</v>
      </c>
      <c r="AH17" s="123">
        <v>0</v>
      </c>
      <c r="AI17" s="124">
        <v>0</v>
      </c>
      <c r="AJ17" s="125">
        <v>0</v>
      </c>
      <c r="AK17" s="125">
        <v>0</v>
      </c>
      <c r="AL17" s="125">
        <v>0</v>
      </c>
      <c r="AM17" s="123">
        <v>0</v>
      </c>
      <c r="AN17" s="126">
        <v>0</v>
      </c>
      <c r="AO17" s="128">
        <v>0</v>
      </c>
      <c r="AP17" s="36"/>
    </row>
    <row r="18" spans="1:42" ht="20.25" customHeight="1" x14ac:dyDescent="0.2">
      <c r="A18" s="61" t="s">
        <v>16</v>
      </c>
      <c r="B18" s="122">
        <v>0</v>
      </c>
      <c r="C18" s="123">
        <v>0</v>
      </c>
      <c r="D18" s="123">
        <v>0</v>
      </c>
      <c r="E18" s="124">
        <v>0</v>
      </c>
      <c r="F18" s="125">
        <v>1</v>
      </c>
      <c r="G18" s="125">
        <v>2</v>
      </c>
      <c r="H18" s="125">
        <v>10</v>
      </c>
      <c r="I18" s="123">
        <v>6</v>
      </c>
      <c r="J18" s="126">
        <v>19</v>
      </c>
      <c r="K18" s="127">
        <v>19</v>
      </c>
      <c r="L18" s="122">
        <v>0</v>
      </c>
      <c r="M18" s="123">
        <v>0</v>
      </c>
      <c r="N18" s="126">
        <v>0</v>
      </c>
      <c r="O18" s="129">
        <v>1</v>
      </c>
      <c r="P18" s="125">
        <v>3</v>
      </c>
      <c r="Q18" s="125">
        <v>5</v>
      </c>
      <c r="R18" s="125">
        <v>5</v>
      </c>
      <c r="S18" s="123">
        <v>2</v>
      </c>
      <c r="T18" s="126">
        <v>16</v>
      </c>
      <c r="U18" s="130">
        <v>16</v>
      </c>
      <c r="V18" s="129">
        <v>0</v>
      </c>
      <c r="W18" s="123">
        <v>0</v>
      </c>
      <c r="X18" s="123">
        <v>0</v>
      </c>
      <c r="Y18" s="124">
        <v>0</v>
      </c>
      <c r="Z18" s="125">
        <v>0</v>
      </c>
      <c r="AA18" s="125">
        <v>0</v>
      </c>
      <c r="AB18" s="125">
        <v>0</v>
      </c>
      <c r="AC18" s="123">
        <v>0</v>
      </c>
      <c r="AD18" s="126">
        <v>0</v>
      </c>
      <c r="AE18" s="127">
        <v>0</v>
      </c>
      <c r="AF18" s="122">
        <v>0</v>
      </c>
      <c r="AG18" s="123">
        <v>0</v>
      </c>
      <c r="AH18" s="123">
        <v>0</v>
      </c>
      <c r="AI18" s="124">
        <v>0</v>
      </c>
      <c r="AJ18" s="125">
        <v>0</v>
      </c>
      <c r="AK18" s="125">
        <v>0</v>
      </c>
      <c r="AL18" s="125">
        <v>0</v>
      </c>
      <c r="AM18" s="123">
        <v>1</v>
      </c>
      <c r="AN18" s="126">
        <v>1</v>
      </c>
      <c r="AO18" s="128">
        <v>1</v>
      </c>
      <c r="AP18" s="36"/>
    </row>
    <row r="19" spans="1:42" ht="20.25" customHeight="1" x14ac:dyDescent="0.2">
      <c r="A19" s="61" t="s">
        <v>17</v>
      </c>
      <c r="B19" s="122">
        <v>0</v>
      </c>
      <c r="C19" s="123">
        <v>0</v>
      </c>
      <c r="D19" s="123">
        <v>0</v>
      </c>
      <c r="E19" s="124">
        <v>0</v>
      </c>
      <c r="F19" s="125">
        <v>1</v>
      </c>
      <c r="G19" s="125">
        <v>9</v>
      </c>
      <c r="H19" s="125">
        <v>11</v>
      </c>
      <c r="I19" s="123">
        <v>5</v>
      </c>
      <c r="J19" s="126">
        <v>26</v>
      </c>
      <c r="K19" s="127">
        <v>26</v>
      </c>
      <c r="L19" s="122">
        <v>0</v>
      </c>
      <c r="M19" s="123">
        <v>0</v>
      </c>
      <c r="N19" s="126">
        <v>0</v>
      </c>
      <c r="O19" s="129">
        <v>0</v>
      </c>
      <c r="P19" s="125">
        <v>5</v>
      </c>
      <c r="Q19" s="125">
        <v>5</v>
      </c>
      <c r="R19" s="125">
        <v>8</v>
      </c>
      <c r="S19" s="123">
        <v>5</v>
      </c>
      <c r="T19" s="126">
        <v>23</v>
      </c>
      <c r="U19" s="130">
        <v>23</v>
      </c>
      <c r="V19" s="129">
        <v>0</v>
      </c>
      <c r="W19" s="123">
        <v>0</v>
      </c>
      <c r="X19" s="123">
        <v>0</v>
      </c>
      <c r="Y19" s="124">
        <v>0</v>
      </c>
      <c r="Z19" s="125">
        <v>0</v>
      </c>
      <c r="AA19" s="125">
        <v>0</v>
      </c>
      <c r="AB19" s="125">
        <v>0</v>
      </c>
      <c r="AC19" s="123">
        <v>0</v>
      </c>
      <c r="AD19" s="126">
        <v>0</v>
      </c>
      <c r="AE19" s="127">
        <v>0</v>
      </c>
      <c r="AF19" s="122">
        <v>0</v>
      </c>
      <c r="AG19" s="123">
        <v>0</v>
      </c>
      <c r="AH19" s="123">
        <v>0</v>
      </c>
      <c r="AI19" s="124">
        <v>0</v>
      </c>
      <c r="AJ19" s="125">
        <v>0</v>
      </c>
      <c r="AK19" s="125">
        <v>0</v>
      </c>
      <c r="AL19" s="125">
        <v>0</v>
      </c>
      <c r="AM19" s="123">
        <v>1</v>
      </c>
      <c r="AN19" s="126">
        <v>1</v>
      </c>
      <c r="AO19" s="128">
        <v>1</v>
      </c>
      <c r="AP19" s="36"/>
    </row>
    <row r="20" spans="1:42" ht="20.25" customHeight="1" x14ac:dyDescent="0.2">
      <c r="A20" s="61" t="s">
        <v>18</v>
      </c>
      <c r="B20" s="122">
        <v>0</v>
      </c>
      <c r="C20" s="123">
        <v>0</v>
      </c>
      <c r="D20" s="123">
        <v>0</v>
      </c>
      <c r="E20" s="124">
        <v>0</v>
      </c>
      <c r="F20" s="125">
        <v>0</v>
      </c>
      <c r="G20" s="125">
        <v>13</v>
      </c>
      <c r="H20" s="125">
        <v>14</v>
      </c>
      <c r="I20" s="123">
        <v>8</v>
      </c>
      <c r="J20" s="126">
        <v>35</v>
      </c>
      <c r="K20" s="127">
        <v>35</v>
      </c>
      <c r="L20" s="122">
        <v>0</v>
      </c>
      <c r="M20" s="123">
        <v>0</v>
      </c>
      <c r="N20" s="126">
        <v>0</v>
      </c>
      <c r="O20" s="129">
        <v>0</v>
      </c>
      <c r="P20" s="125">
        <v>2</v>
      </c>
      <c r="Q20" s="125">
        <v>8</v>
      </c>
      <c r="R20" s="125">
        <v>7</v>
      </c>
      <c r="S20" s="123">
        <v>6</v>
      </c>
      <c r="T20" s="126">
        <v>23</v>
      </c>
      <c r="U20" s="130">
        <v>23</v>
      </c>
      <c r="V20" s="129">
        <v>0</v>
      </c>
      <c r="W20" s="123">
        <v>0</v>
      </c>
      <c r="X20" s="123">
        <v>0</v>
      </c>
      <c r="Y20" s="124">
        <v>0</v>
      </c>
      <c r="Z20" s="125">
        <v>0</v>
      </c>
      <c r="AA20" s="125">
        <v>0</v>
      </c>
      <c r="AB20" s="125">
        <v>0</v>
      </c>
      <c r="AC20" s="123">
        <v>0</v>
      </c>
      <c r="AD20" s="126">
        <v>0</v>
      </c>
      <c r="AE20" s="127">
        <v>0</v>
      </c>
      <c r="AF20" s="122">
        <v>0</v>
      </c>
      <c r="AG20" s="123">
        <v>0</v>
      </c>
      <c r="AH20" s="123">
        <v>0</v>
      </c>
      <c r="AI20" s="124">
        <v>0</v>
      </c>
      <c r="AJ20" s="125">
        <v>0</v>
      </c>
      <c r="AK20" s="125">
        <v>0</v>
      </c>
      <c r="AL20" s="125">
        <v>0</v>
      </c>
      <c r="AM20" s="123">
        <v>2</v>
      </c>
      <c r="AN20" s="126">
        <v>2</v>
      </c>
      <c r="AO20" s="128">
        <v>2</v>
      </c>
      <c r="AP20" s="36"/>
    </row>
    <row r="21" spans="1:42" ht="20.25" customHeight="1" x14ac:dyDescent="0.2">
      <c r="A21" s="61" t="s">
        <v>19</v>
      </c>
      <c r="B21" s="122">
        <v>0</v>
      </c>
      <c r="C21" s="123">
        <v>0</v>
      </c>
      <c r="D21" s="123">
        <v>0</v>
      </c>
      <c r="E21" s="124">
        <v>0</v>
      </c>
      <c r="F21" s="125">
        <v>0</v>
      </c>
      <c r="G21" s="125">
        <v>2</v>
      </c>
      <c r="H21" s="125">
        <v>6</v>
      </c>
      <c r="I21" s="123">
        <v>3</v>
      </c>
      <c r="J21" s="126">
        <v>11</v>
      </c>
      <c r="K21" s="127">
        <v>11</v>
      </c>
      <c r="L21" s="122">
        <v>0</v>
      </c>
      <c r="M21" s="123">
        <v>0</v>
      </c>
      <c r="N21" s="126">
        <v>0</v>
      </c>
      <c r="O21" s="129">
        <v>2</v>
      </c>
      <c r="P21" s="125">
        <v>1</v>
      </c>
      <c r="Q21" s="125">
        <v>3</v>
      </c>
      <c r="R21" s="125">
        <v>5</v>
      </c>
      <c r="S21" s="123">
        <v>0</v>
      </c>
      <c r="T21" s="126">
        <v>11</v>
      </c>
      <c r="U21" s="130">
        <v>11</v>
      </c>
      <c r="V21" s="129">
        <v>0</v>
      </c>
      <c r="W21" s="123">
        <v>0</v>
      </c>
      <c r="X21" s="123">
        <v>0</v>
      </c>
      <c r="Y21" s="124">
        <v>0</v>
      </c>
      <c r="Z21" s="125">
        <v>0</v>
      </c>
      <c r="AA21" s="125">
        <v>0</v>
      </c>
      <c r="AB21" s="125">
        <v>0</v>
      </c>
      <c r="AC21" s="123">
        <v>0</v>
      </c>
      <c r="AD21" s="126">
        <v>0</v>
      </c>
      <c r="AE21" s="127">
        <v>0</v>
      </c>
      <c r="AF21" s="122">
        <v>0</v>
      </c>
      <c r="AG21" s="123">
        <v>0</v>
      </c>
      <c r="AH21" s="123">
        <v>0</v>
      </c>
      <c r="AI21" s="124">
        <v>0</v>
      </c>
      <c r="AJ21" s="125">
        <v>0</v>
      </c>
      <c r="AK21" s="125">
        <v>0</v>
      </c>
      <c r="AL21" s="125">
        <v>0</v>
      </c>
      <c r="AM21" s="123">
        <v>0</v>
      </c>
      <c r="AN21" s="126">
        <v>0</v>
      </c>
      <c r="AO21" s="128">
        <v>0</v>
      </c>
      <c r="AP21" s="36"/>
    </row>
    <row r="22" spans="1:42" ht="20.25" customHeight="1" x14ac:dyDescent="0.2">
      <c r="A22" s="61" t="s">
        <v>20</v>
      </c>
      <c r="B22" s="122">
        <v>0</v>
      </c>
      <c r="C22" s="123">
        <v>0</v>
      </c>
      <c r="D22" s="123">
        <v>0</v>
      </c>
      <c r="E22" s="124">
        <v>0</v>
      </c>
      <c r="F22" s="125">
        <v>0</v>
      </c>
      <c r="G22" s="125">
        <v>5</v>
      </c>
      <c r="H22" s="125">
        <v>12</v>
      </c>
      <c r="I22" s="123">
        <v>3</v>
      </c>
      <c r="J22" s="126">
        <v>20</v>
      </c>
      <c r="K22" s="127">
        <v>20</v>
      </c>
      <c r="L22" s="122">
        <v>0</v>
      </c>
      <c r="M22" s="123">
        <v>0</v>
      </c>
      <c r="N22" s="126">
        <v>0</v>
      </c>
      <c r="O22" s="129">
        <v>0</v>
      </c>
      <c r="P22" s="125">
        <v>3</v>
      </c>
      <c r="Q22" s="125">
        <v>4</v>
      </c>
      <c r="R22" s="125">
        <v>2</v>
      </c>
      <c r="S22" s="123">
        <v>2</v>
      </c>
      <c r="T22" s="126">
        <v>11</v>
      </c>
      <c r="U22" s="130">
        <v>11</v>
      </c>
      <c r="V22" s="129">
        <v>0</v>
      </c>
      <c r="W22" s="123">
        <v>0</v>
      </c>
      <c r="X22" s="123">
        <v>0</v>
      </c>
      <c r="Y22" s="124">
        <v>0</v>
      </c>
      <c r="Z22" s="125">
        <v>0</v>
      </c>
      <c r="AA22" s="125">
        <v>0</v>
      </c>
      <c r="AB22" s="125">
        <v>0</v>
      </c>
      <c r="AC22" s="123">
        <v>0</v>
      </c>
      <c r="AD22" s="126">
        <v>0</v>
      </c>
      <c r="AE22" s="127">
        <v>0</v>
      </c>
      <c r="AF22" s="122">
        <v>0</v>
      </c>
      <c r="AG22" s="123">
        <v>0</v>
      </c>
      <c r="AH22" s="123">
        <v>0</v>
      </c>
      <c r="AI22" s="124">
        <v>0</v>
      </c>
      <c r="AJ22" s="125">
        <v>0</v>
      </c>
      <c r="AK22" s="125">
        <v>0</v>
      </c>
      <c r="AL22" s="125">
        <v>0</v>
      </c>
      <c r="AM22" s="123">
        <v>2</v>
      </c>
      <c r="AN22" s="126">
        <v>2</v>
      </c>
      <c r="AO22" s="128">
        <v>2</v>
      </c>
      <c r="AP22" s="36"/>
    </row>
    <row r="23" spans="1:42" ht="20.25" customHeight="1" x14ac:dyDescent="0.2">
      <c r="A23" s="61" t="s">
        <v>21</v>
      </c>
      <c r="B23" s="122">
        <v>0</v>
      </c>
      <c r="C23" s="123">
        <v>0</v>
      </c>
      <c r="D23" s="123">
        <v>0</v>
      </c>
      <c r="E23" s="124">
        <v>0</v>
      </c>
      <c r="F23" s="125">
        <v>0</v>
      </c>
      <c r="G23" s="125">
        <v>8</v>
      </c>
      <c r="H23" s="125">
        <v>10</v>
      </c>
      <c r="I23" s="123">
        <v>7</v>
      </c>
      <c r="J23" s="126">
        <v>25</v>
      </c>
      <c r="K23" s="127">
        <v>25</v>
      </c>
      <c r="L23" s="122">
        <v>0</v>
      </c>
      <c r="M23" s="123">
        <v>0</v>
      </c>
      <c r="N23" s="126">
        <v>0</v>
      </c>
      <c r="O23" s="129">
        <v>0</v>
      </c>
      <c r="P23" s="125">
        <v>0</v>
      </c>
      <c r="Q23" s="125">
        <v>1</v>
      </c>
      <c r="R23" s="125">
        <v>4</v>
      </c>
      <c r="S23" s="123">
        <v>0</v>
      </c>
      <c r="T23" s="126">
        <v>5</v>
      </c>
      <c r="U23" s="130">
        <v>5</v>
      </c>
      <c r="V23" s="129">
        <v>0</v>
      </c>
      <c r="W23" s="123">
        <v>0</v>
      </c>
      <c r="X23" s="123">
        <v>0</v>
      </c>
      <c r="Y23" s="124">
        <v>0</v>
      </c>
      <c r="Z23" s="125">
        <v>0</v>
      </c>
      <c r="AA23" s="125">
        <v>0</v>
      </c>
      <c r="AB23" s="125">
        <v>1</v>
      </c>
      <c r="AC23" s="123">
        <v>0</v>
      </c>
      <c r="AD23" s="126">
        <v>1</v>
      </c>
      <c r="AE23" s="127">
        <v>1</v>
      </c>
      <c r="AF23" s="122">
        <v>0</v>
      </c>
      <c r="AG23" s="123">
        <v>0</v>
      </c>
      <c r="AH23" s="123">
        <v>0</v>
      </c>
      <c r="AI23" s="124">
        <v>0</v>
      </c>
      <c r="AJ23" s="125">
        <v>0</v>
      </c>
      <c r="AK23" s="125">
        <v>0</v>
      </c>
      <c r="AL23" s="125">
        <v>1</v>
      </c>
      <c r="AM23" s="123">
        <v>1</v>
      </c>
      <c r="AN23" s="126">
        <v>2</v>
      </c>
      <c r="AO23" s="128">
        <v>2</v>
      </c>
      <c r="AP23" s="36"/>
    </row>
    <row r="24" spans="1:42" ht="20.25" customHeight="1" x14ac:dyDescent="0.2">
      <c r="A24" s="61" t="s">
        <v>22</v>
      </c>
      <c r="B24" s="122">
        <v>0</v>
      </c>
      <c r="C24" s="123">
        <v>0</v>
      </c>
      <c r="D24" s="123">
        <v>0</v>
      </c>
      <c r="E24" s="124">
        <v>0</v>
      </c>
      <c r="F24" s="125">
        <v>0</v>
      </c>
      <c r="G24" s="125">
        <v>1</v>
      </c>
      <c r="H24" s="125">
        <v>3</v>
      </c>
      <c r="I24" s="123">
        <v>0</v>
      </c>
      <c r="J24" s="126">
        <v>4</v>
      </c>
      <c r="K24" s="127">
        <v>4</v>
      </c>
      <c r="L24" s="122">
        <v>0</v>
      </c>
      <c r="M24" s="123">
        <v>0</v>
      </c>
      <c r="N24" s="126">
        <v>0</v>
      </c>
      <c r="O24" s="129">
        <v>0</v>
      </c>
      <c r="P24" s="125">
        <v>1</v>
      </c>
      <c r="Q24" s="125">
        <v>0</v>
      </c>
      <c r="R24" s="125">
        <v>0</v>
      </c>
      <c r="S24" s="123">
        <v>1</v>
      </c>
      <c r="T24" s="126">
        <v>2</v>
      </c>
      <c r="U24" s="130">
        <v>2</v>
      </c>
      <c r="V24" s="129">
        <v>0</v>
      </c>
      <c r="W24" s="123">
        <v>0</v>
      </c>
      <c r="X24" s="123">
        <v>0</v>
      </c>
      <c r="Y24" s="124">
        <v>0</v>
      </c>
      <c r="Z24" s="125">
        <v>0</v>
      </c>
      <c r="AA24" s="125">
        <v>0</v>
      </c>
      <c r="AB24" s="125">
        <v>0</v>
      </c>
      <c r="AC24" s="123">
        <v>0</v>
      </c>
      <c r="AD24" s="126">
        <v>0</v>
      </c>
      <c r="AE24" s="127">
        <v>0</v>
      </c>
      <c r="AF24" s="122">
        <v>0</v>
      </c>
      <c r="AG24" s="123">
        <v>0</v>
      </c>
      <c r="AH24" s="123">
        <v>0</v>
      </c>
      <c r="AI24" s="124">
        <v>0</v>
      </c>
      <c r="AJ24" s="125">
        <v>0</v>
      </c>
      <c r="AK24" s="125">
        <v>0</v>
      </c>
      <c r="AL24" s="125">
        <v>0</v>
      </c>
      <c r="AM24" s="123">
        <v>0</v>
      </c>
      <c r="AN24" s="126">
        <v>0</v>
      </c>
      <c r="AO24" s="128">
        <v>0</v>
      </c>
      <c r="AP24" s="36"/>
    </row>
    <row r="25" spans="1:42" ht="20.25" customHeight="1" x14ac:dyDescent="0.2">
      <c r="A25" s="61" t="s">
        <v>23</v>
      </c>
      <c r="B25" s="122">
        <v>0</v>
      </c>
      <c r="C25" s="123">
        <v>0</v>
      </c>
      <c r="D25" s="123">
        <v>0</v>
      </c>
      <c r="E25" s="124">
        <v>1</v>
      </c>
      <c r="F25" s="125">
        <v>0</v>
      </c>
      <c r="G25" s="125">
        <v>1</v>
      </c>
      <c r="H25" s="125">
        <v>4</v>
      </c>
      <c r="I25" s="123">
        <v>0</v>
      </c>
      <c r="J25" s="126">
        <v>6</v>
      </c>
      <c r="K25" s="127">
        <v>6</v>
      </c>
      <c r="L25" s="122">
        <v>0</v>
      </c>
      <c r="M25" s="123">
        <v>0</v>
      </c>
      <c r="N25" s="126">
        <v>0</v>
      </c>
      <c r="O25" s="129">
        <v>0</v>
      </c>
      <c r="P25" s="125">
        <v>1</v>
      </c>
      <c r="Q25" s="125">
        <v>0</v>
      </c>
      <c r="R25" s="125">
        <v>2</v>
      </c>
      <c r="S25" s="123">
        <v>1</v>
      </c>
      <c r="T25" s="126">
        <v>4</v>
      </c>
      <c r="U25" s="130">
        <v>4</v>
      </c>
      <c r="V25" s="129">
        <v>0</v>
      </c>
      <c r="W25" s="123">
        <v>0</v>
      </c>
      <c r="X25" s="123">
        <v>0</v>
      </c>
      <c r="Y25" s="124">
        <v>0</v>
      </c>
      <c r="Z25" s="125">
        <v>0</v>
      </c>
      <c r="AA25" s="125">
        <v>0</v>
      </c>
      <c r="AB25" s="125">
        <v>0</v>
      </c>
      <c r="AC25" s="123">
        <v>0</v>
      </c>
      <c r="AD25" s="126">
        <v>0</v>
      </c>
      <c r="AE25" s="127">
        <v>0</v>
      </c>
      <c r="AF25" s="122">
        <v>0</v>
      </c>
      <c r="AG25" s="123">
        <v>0</v>
      </c>
      <c r="AH25" s="123">
        <v>0</v>
      </c>
      <c r="AI25" s="124">
        <v>0</v>
      </c>
      <c r="AJ25" s="125">
        <v>0</v>
      </c>
      <c r="AK25" s="125">
        <v>0</v>
      </c>
      <c r="AL25" s="125">
        <v>0</v>
      </c>
      <c r="AM25" s="123">
        <v>0</v>
      </c>
      <c r="AN25" s="126">
        <v>0</v>
      </c>
      <c r="AO25" s="128">
        <v>0</v>
      </c>
      <c r="AP25" s="36"/>
    </row>
    <row r="26" spans="1:42" ht="20.25" customHeight="1" x14ac:dyDescent="0.2">
      <c r="A26" s="61" t="s">
        <v>24</v>
      </c>
      <c r="B26" s="122">
        <v>0</v>
      </c>
      <c r="C26" s="123">
        <v>0</v>
      </c>
      <c r="D26" s="123">
        <v>0</v>
      </c>
      <c r="E26" s="124">
        <v>0</v>
      </c>
      <c r="F26" s="125">
        <v>0</v>
      </c>
      <c r="G26" s="125">
        <v>1</v>
      </c>
      <c r="H26" s="125">
        <v>1</v>
      </c>
      <c r="I26" s="123">
        <v>5</v>
      </c>
      <c r="J26" s="126">
        <v>7</v>
      </c>
      <c r="K26" s="127">
        <v>7</v>
      </c>
      <c r="L26" s="122">
        <v>0</v>
      </c>
      <c r="M26" s="123">
        <v>0</v>
      </c>
      <c r="N26" s="126">
        <v>0</v>
      </c>
      <c r="O26" s="129">
        <v>2</v>
      </c>
      <c r="P26" s="125">
        <v>1</v>
      </c>
      <c r="Q26" s="125">
        <v>2</v>
      </c>
      <c r="R26" s="125">
        <v>4</v>
      </c>
      <c r="S26" s="123">
        <v>0</v>
      </c>
      <c r="T26" s="126">
        <v>9</v>
      </c>
      <c r="U26" s="130">
        <v>9</v>
      </c>
      <c r="V26" s="129">
        <v>0</v>
      </c>
      <c r="W26" s="123">
        <v>0</v>
      </c>
      <c r="X26" s="123">
        <v>0</v>
      </c>
      <c r="Y26" s="124">
        <v>0</v>
      </c>
      <c r="Z26" s="125">
        <v>0</v>
      </c>
      <c r="AA26" s="125">
        <v>0</v>
      </c>
      <c r="AB26" s="125">
        <v>0</v>
      </c>
      <c r="AC26" s="123">
        <v>0</v>
      </c>
      <c r="AD26" s="126">
        <v>0</v>
      </c>
      <c r="AE26" s="127">
        <v>0</v>
      </c>
      <c r="AF26" s="122">
        <v>0</v>
      </c>
      <c r="AG26" s="123">
        <v>0</v>
      </c>
      <c r="AH26" s="123">
        <v>0</v>
      </c>
      <c r="AI26" s="124">
        <v>0</v>
      </c>
      <c r="AJ26" s="125">
        <v>0</v>
      </c>
      <c r="AK26" s="125">
        <v>0</v>
      </c>
      <c r="AL26" s="125">
        <v>0</v>
      </c>
      <c r="AM26" s="123">
        <v>0</v>
      </c>
      <c r="AN26" s="126">
        <v>0</v>
      </c>
      <c r="AO26" s="128">
        <v>0</v>
      </c>
      <c r="AP26" s="36"/>
    </row>
    <row r="27" spans="1:42" ht="20.25" customHeight="1" x14ac:dyDescent="0.2">
      <c r="A27" s="61" t="s">
        <v>25</v>
      </c>
      <c r="B27" s="122">
        <v>0</v>
      </c>
      <c r="C27" s="123">
        <v>0</v>
      </c>
      <c r="D27" s="123">
        <v>0</v>
      </c>
      <c r="E27" s="124">
        <v>1</v>
      </c>
      <c r="F27" s="125">
        <v>0</v>
      </c>
      <c r="G27" s="125">
        <v>6</v>
      </c>
      <c r="H27" s="125">
        <v>2</v>
      </c>
      <c r="I27" s="123">
        <v>1</v>
      </c>
      <c r="J27" s="126">
        <v>10</v>
      </c>
      <c r="K27" s="127">
        <v>10</v>
      </c>
      <c r="L27" s="122">
        <v>0</v>
      </c>
      <c r="M27" s="123">
        <v>0</v>
      </c>
      <c r="N27" s="126">
        <v>0</v>
      </c>
      <c r="O27" s="129">
        <v>2</v>
      </c>
      <c r="P27" s="125">
        <v>0</v>
      </c>
      <c r="Q27" s="125">
        <v>1</v>
      </c>
      <c r="R27" s="125">
        <v>2</v>
      </c>
      <c r="S27" s="123">
        <v>2</v>
      </c>
      <c r="T27" s="126">
        <v>7</v>
      </c>
      <c r="U27" s="130">
        <v>7</v>
      </c>
      <c r="V27" s="129">
        <v>0</v>
      </c>
      <c r="W27" s="123">
        <v>0</v>
      </c>
      <c r="X27" s="123">
        <v>0</v>
      </c>
      <c r="Y27" s="124">
        <v>0</v>
      </c>
      <c r="Z27" s="125">
        <v>0</v>
      </c>
      <c r="AA27" s="125">
        <v>0</v>
      </c>
      <c r="AB27" s="125">
        <v>0</v>
      </c>
      <c r="AC27" s="123">
        <v>0</v>
      </c>
      <c r="AD27" s="126">
        <v>0</v>
      </c>
      <c r="AE27" s="127">
        <v>0</v>
      </c>
      <c r="AF27" s="122">
        <v>0</v>
      </c>
      <c r="AG27" s="123">
        <v>0</v>
      </c>
      <c r="AH27" s="123">
        <v>0</v>
      </c>
      <c r="AI27" s="124">
        <v>0</v>
      </c>
      <c r="AJ27" s="125">
        <v>0</v>
      </c>
      <c r="AK27" s="125">
        <v>0</v>
      </c>
      <c r="AL27" s="125">
        <v>0</v>
      </c>
      <c r="AM27" s="123">
        <v>0</v>
      </c>
      <c r="AN27" s="126">
        <v>0</v>
      </c>
      <c r="AO27" s="128">
        <v>0</v>
      </c>
      <c r="AP27" s="36"/>
    </row>
    <row r="28" spans="1:42" ht="20.25" customHeight="1" x14ac:dyDescent="0.2">
      <c r="A28" s="61" t="s">
        <v>26</v>
      </c>
      <c r="B28" s="122">
        <v>0</v>
      </c>
      <c r="C28" s="123">
        <v>0</v>
      </c>
      <c r="D28" s="123">
        <v>0</v>
      </c>
      <c r="E28" s="124">
        <v>0</v>
      </c>
      <c r="F28" s="125">
        <v>0</v>
      </c>
      <c r="G28" s="125">
        <v>2</v>
      </c>
      <c r="H28" s="125">
        <v>3</v>
      </c>
      <c r="I28" s="123">
        <v>1</v>
      </c>
      <c r="J28" s="126">
        <v>6</v>
      </c>
      <c r="K28" s="127">
        <v>6</v>
      </c>
      <c r="L28" s="122">
        <v>0</v>
      </c>
      <c r="M28" s="123">
        <v>0</v>
      </c>
      <c r="N28" s="126">
        <v>0</v>
      </c>
      <c r="O28" s="129">
        <v>0</v>
      </c>
      <c r="P28" s="125">
        <v>0</v>
      </c>
      <c r="Q28" s="125">
        <v>2</v>
      </c>
      <c r="R28" s="125">
        <v>0</v>
      </c>
      <c r="S28" s="123">
        <v>1</v>
      </c>
      <c r="T28" s="126">
        <v>3</v>
      </c>
      <c r="U28" s="130">
        <v>3</v>
      </c>
      <c r="V28" s="129">
        <v>0</v>
      </c>
      <c r="W28" s="123">
        <v>0</v>
      </c>
      <c r="X28" s="123">
        <v>0</v>
      </c>
      <c r="Y28" s="124">
        <v>0</v>
      </c>
      <c r="Z28" s="125">
        <v>0</v>
      </c>
      <c r="AA28" s="125">
        <v>0</v>
      </c>
      <c r="AB28" s="125">
        <v>0</v>
      </c>
      <c r="AC28" s="123">
        <v>0</v>
      </c>
      <c r="AD28" s="126">
        <v>0</v>
      </c>
      <c r="AE28" s="127">
        <v>0</v>
      </c>
      <c r="AF28" s="122">
        <v>0</v>
      </c>
      <c r="AG28" s="123">
        <v>0</v>
      </c>
      <c r="AH28" s="123">
        <v>0</v>
      </c>
      <c r="AI28" s="124">
        <v>0</v>
      </c>
      <c r="AJ28" s="125">
        <v>0</v>
      </c>
      <c r="AK28" s="125">
        <v>0</v>
      </c>
      <c r="AL28" s="125">
        <v>0</v>
      </c>
      <c r="AM28" s="123">
        <v>0</v>
      </c>
      <c r="AN28" s="126">
        <v>0</v>
      </c>
      <c r="AO28" s="128">
        <v>0</v>
      </c>
      <c r="AP28" s="36"/>
    </row>
    <row r="29" spans="1:42" ht="20.25" customHeight="1" x14ac:dyDescent="0.2">
      <c r="A29" s="61" t="s">
        <v>27</v>
      </c>
      <c r="B29" s="122">
        <v>0</v>
      </c>
      <c r="C29" s="123">
        <v>0</v>
      </c>
      <c r="D29" s="123">
        <v>0</v>
      </c>
      <c r="E29" s="124">
        <v>0</v>
      </c>
      <c r="F29" s="125">
        <v>1</v>
      </c>
      <c r="G29" s="125">
        <v>1</v>
      </c>
      <c r="H29" s="125">
        <v>1</v>
      </c>
      <c r="I29" s="123">
        <v>2</v>
      </c>
      <c r="J29" s="126">
        <v>5</v>
      </c>
      <c r="K29" s="127">
        <v>5</v>
      </c>
      <c r="L29" s="122">
        <v>0</v>
      </c>
      <c r="M29" s="123">
        <v>0</v>
      </c>
      <c r="N29" s="126">
        <v>0</v>
      </c>
      <c r="O29" s="129">
        <v>0</v>
      </c>
      <c r="P29" s="125">
        <v>0</v>
      </c>
      <c r="Q29" s="125">
        <v>3</v>
      </c>
      <c r="R29" s="125">
        <v>1</v>
      </c>
      <c r="S29" s="123">
        <v>0</v>
      </c>
      <c r="T29" s="126">
        <v>4</v>
      </c>
      <c r="U29" s="130">
        <v>4</v>
      </c>
      <c r="V29" s="129">
        <v>0</v>
      </c>
      <c r="W29" s="123">
        <v>0</v>
      </c>
      <c r="X29" s="123">
        <v>0</v>
      </c>
      <c r="Y29" s="124">
        <v>0</v>
      </c>
      <c r="Z29" s="125">
        <v>0</v>
      </c>
      <c r="AA29" s="125">
        <v>0</v>
      </c>
      <c r="AB29" s="125">
        <v>0</v>
      </c>
      <c r="AC29" s="123">
        <v>0</v>
      </c>
      <c r="AD29" s="126">
        <v>0</v>
      </c>
      <c r="AE29" s="127">
        <v>0</v>
      </c>
      <c r="AF29" s="122">
        <v>0</v>
      </c>
      <c r="AG29" s="123">
        <v>0</v>
      </c>
      <c r="AH29" s="123">
        <v>0</v>
      </c>
      <c r="AI29" s="124">
        <v>0</v>
      </c>
      <c r="AJ29" s="125">
        <v>0</v>
      </c>
      <c r="AK29" s="125">
        <v>0</v>
      </c>
      <c r="AL29" s="125">
        <v>1</v>
      </c>
      <c r="AM29" s="123">
        <v>0</v>
      </c>
      <c r="AN29" s="126">
        <v>1</v>
      </c>
      <c r="AO29" s="128">
        <v>1</v>
      </c>
      <c r="AP29" s="36"/>
    </row>
    <row r="30" spans="1:42" ht="20.25" customHeight="1" x14ac:dyDescent="0.2">
      <c r="A30" s="61" t="s">
        <v>28</v>
      </c>
      <c r="B30" s="122">
        <v>0</v>
      </c>
      <c r="C30" s="123">
        <v>0</v>
      </c>
      <c r="D30" s="123">
        <v>0</v>
      </c>
      <c r="E30" s="124">
        <v>0</v>
      </c>
      <c r="F30" s="125">
        <v>0</v>
      </c>
      <c r="G30" s="125">
        <v>0</v>
      </c>
      <c r="H30" s="125">
        <v>1</v>
      </c>
      <c r="I30" s="123">
        <v>0</v>
      </c>
      <c r="J30" s="126">
        <v>1</v>
      </c>
      <c r="K30" s="127">
        <v>1</v>
      </c>
      <c r="L30" s="122">
        <v>0</v>
      </c>
      <c r="M30" s="123">
        <v>0</v>
      </c>
      <c r="N30" s="126">
        <v>0</v>
      </c>
      <c r="O30" s="129">
        <v>0</v>
      </c>
      <c r="P30" s="125">
        <v>1</v>
      </c>
      <c r="Q30" s="125">
        <v>0</v>
      </c>
      <c r="R30" s="125">
        <v>1</v>
      </c>
      <c r="S30" s="123">
        <v>0</v>
      </c>
      <c r="T30" s="126">
        <v>2</v>
      </c>
      <c r="U30" s="130">
        <v>2</v>
      </c>
      <c r="V30" s="129">
        <v>0</v>
      </c>
      <c r="W30" s="123">
        <v>0</v>
      </c>
      <c r="X30" s="123">
        <v>0</v>
      </c>
      <c r="Y30" s="124">
        <v>0</v>
      </c>
      <c r="Z30" s="125">
        <v>0</v>
      </c>
      <c r="AA30" s="125">
        <v>0</v>
      </c>
      <c r="AB30" s="125">
        <v>0</v>
      </c>
      <c r="AC30" s="123">
        <v>0</v>
      </c>
      <c r="AD30" s="126">
        <v>0</v>
      </c>
      <c r="AE30" s="127">
        <v>0</v>
      </c>
      <c r="AF30" s="122">
        <v>0</v>
      </c>
      <c r="AG30" s="123">
        <v>0</v>
      </c>
      <c r="AH30" s="123">
        <v>0</v>
      </c>
      <c r="AI30" s="124">
        <v>0</v>
      </c>
      <c r="AJ30" s="125">
        <v>0</v>
      </c>
      <c r="AK30" s="125">
        <v>0</v>
      </c>
      <c r="AL30" s="125">
        <v>0</v>
      </c>
      <c r="AM30" s="123">
        <v>0</v>
      </c>
      <c r="AN30" s="126">
        <v>0</v>
      </c>
      <c r="AO30" s="128">
        <v>0</v>
      </c>
      <c r="AP30" s="36"/>
    </row>
    <row r="31" spans="1:42" ht="20.25" customHeight="1" x14ac:dyDescent="0.2">
      <c r="A31" s="61" t="s">
        <v>29</v>
      </c>
      <c r="B31" s="122">
        <v>0</v>
      </c>
      <c r="C31" s="123">
        <v>0</v>
      </c>
      <c r="D31" s="123">
        <v>0</v>
      </c>
      <c r="E31" s="124">
        <v>0</v>
      </c>
      <c r="F31" s="125">
        <v>0</v>
      </c>
      <c r="G31" s="125">
        <v>1</v>
      </c>
      <c r="H31" s="125">
        <v>1</v>
      </c>
      <c r="I31" s="123">
        <v>1</v>
      </c>
      <c r="J31" s="126">
        <v>3</v>
      </c>
      <c r="K31" s="127">
        <v>3</v>
      </c>
      <c r="L31" s="122">
        <v>0</v>
      </c>
      <c r="M31" s="123">
        <v>0</v>
      </c>
      <c r="N31" s="126">
        <v>0</v>
      </c>
      <c r="O31" s="129">
        <v>0</v>
      </c>
      <c r="P31" s="125">
        <v>1</v>
      </c>
      <c r="Q31" s="125">
        <v>0</v>
      </c>
      <c r="R31" s="125">
        <v>0</v>
      </c>
      <c r="S31" s="123">
        <v>0</v>
      </c>
      <c r="T31" s="126">
        <v>1</v>
      </c>
      <c r="U31" s="130">
        <v>1</v>
      </c>
      <c r="V31" s="129">
        <v>0</v>
      </c>
      <c r="W31" s="123">
        <v>0</v>
      </c>
      <c r="X31" s="123">
        <v>0</v>
      </c>
      <c r="Y31" s="124">
        <v>0</v>
      </c>
      <c r="Z31" s="125">
        <v>0</v>
      </c>
      <c r="AA31" s="125">
        <v>0</v>
      </c>
      <c r="AB31" s="125">
        <v>0</v>
      </c>
      <c r="AC31" s="123">
        <v>0</v>
      </c>
      <c r="AD31" s="126">
        <v>0</v>
      </c>
      <c r="AE31" s="127">
        <v>0</v>
      </c>
      <c r="AF31" s="122">
        <v>0</v>
      </c>
      <c r="AG31" s="123">
        <v>0</v>
      </c>
      <c r="AH31" s="123">
        <v>0</v>
      </c>
      <c r="AI31" s="124">
        <v>0</v>
      </c>
      <c r="AJ31" s="125">
        <v>0</v>
      </c>
      <c r="AK31" s="125">
        <v>0</v>
      </c>
      <c r="AL31" s="125">
        <v>0</v>
      </c>
      <c r="AM31" s="123">
        <v>0</v>
      </c>
      <c r="AN31" s="126">
        <v>0</v>
      </c>
      <c r="AO31" s="128">
        <v>0</v>
      </c>
      <c r="AP31" s="36"/>
    </row>
    <row r="32" spans="1:42" ht="20.25" customHeight="1" x14ac:dyDescent="0.2">
      <c r="A32" s="61" t="s">
        <v>30</v>
      </c>
      <c r="B32" s="122">
        <v>0</v>
      </c>
      <c r="C32" s="123">
        <v>0</v>
      </c>
      <c r="D32" s="123">
        <v>0</v>
      </c>
      <c r="E32" s="124">
        <v>0</v>
      </c>
      <c r="F32" s="125">
        <v>0</v>
      </c>
      <c r="G32" s="125">
        <v>0</v>
      </c>
      <c r="H32" s="125">
        <v>3</v>
      </c>
      <c r="I32" s="123">
        <v>0</v>
      </c>
      <c r="J32" s="126">
        <v>3</v>
      </c>
      <c r="K32" s="127">
        <v>3</v>
      </c>
      <c r="L32" s="122">
        <v>0</v>
      </c>
      <c r="M32" s="123">
        <v>0</v>
      </c>
      <c r="N32" s="126">
        <v>0</v>
      </c>
      <c r="O32" s="129">
        <v>1</v>
      </c>
      <c r="P32" s="125">
        <v>0</v>
      </c>
      <c r="Q32" s="125">
        <v>2</v>
      </c>
      <c r="R32" s="125">
        <v>2</v>
      </c>
      <c r="S32" s="123">
        <v>0</v>
      </c>
      <c r="T32" s="126">
        <v>5</v>
      </c>
      <c r="U32" s="130">
        <v>5</v>
      </c>
      <c r="V32" s="129">
        <v>0</v>
      </c>
      <c r="W32" s="123">
        <v>0</v>
      </c>
      <c r="X32" s="123">
        <v>0</v>
      </c>
      <c r="Y32" s="124">
        <v>0</v>
      </c>
      <c r="Z32" s="125">
        <v>0</v>
      </c>
      <c r="AA32" s="125">
        <v>0</v>
      </c>
      <c r="AB32" s="125">
        <v>0</v>
      </c>
      <c r="AC32" s="123">
        <v>0</v>
      </c>
      <c r="AD32" s="126">
        <v>0</v>
      </c>
      <c r="AE32" s="127">
        <v>0</v>
      </c>
      <c r="AF32" s="122">
        <v>0</v>
      </c>
      <c r="AG32" s="123">
        <v>0</v>
      </c>
      <c r="AH32" s="123">
        <v>0</v>
      </c>
      <c r="AI32" s="124">
        <v>0</v>
      </c>
      <c r="AJ32" s="125">
        <v>0</v>
      </c>
      <c r="AK32" s="125">
        <v>0</v>
      </c>
      <c r="AL32" s="125">
        <v>0</v>
      </c>
      <c r="AM32" s="123">
        <v>1</v>
      </c>
      <c r="AN32" s="126">
        <v>1</v>
      </c>
      <c r="AO32" s="128">
        <v>1</v>
      </c>
      <c r="AP32" s="36"/>
    </row>
    <row r="33" spans="1:42" ht="20.25" customHeight="1" x14ac:dyDescent="0.2">
      <c r="A33" s="61" t="s">
        <v>31</v>
      </c>
      <c r="B33" s="122">
        <v>0</v>
      </c>
      <c r="C33" s="123">
        <v>0</v>
      </c>
      <c r="D33" s="123">
        <v>0</v>
      </c>
      <c r="E33" s="124">
        <v>0</v>
      </c>
      <c r="F33" s="125">
        <v>0</v>
      </c>
      <c r="G33" s="125">
        <v>1</v>
      </c>
      <c r="H33" s="125">
        <v>0</v>
      </c>
      <c r="I33" s="123">
        <v>0</v>
      </c>
      <c r="J33" s="126">
        <v>1</v>
      </c>
      <c r="K33" s="127">
        <v>1</v>
      </c>
      <c r="L33" s="122">
        <v>0</v>
      </c>
      <c r="M33" s="123">
        <v>0</v>
      </c>
      <c r="N33" s="126">
        <v>0</v>
      </c>
      <c r="O33" s="129">
        <v>0</v>
      </c>
      <c r="P33" s="125">
        <v>2</v>
      </c>
      <c r="Q33" s="125">
        <v>0</v>
      </c>
      <c r="R33" s="125">
        <v>1</v>
      </c>
      <c r="S33" s="123">
        <v>0</v>
      </c>
      <c r="T33" s="126">
        <v>3</v>
      </c>
      <c r="U33" s="130">
        <v>3</v>
      </c>
      <c r="V33" s="129">
        <v>0</v>
      </c>
      <c r="W33" s="123">
        <v>0</v>
      </c>
      <c r="X33" s="123">
        <v>0</v>
      </c>
      <c r="Y33" s="124">
        <v>0</v>
      </c>
      <c r="Z33" s="125">
        <v>0</v>
      </c>
      <c r="AA33" s="125">
        <v>0</v>
      </c>
      <c r="AB33" s="125">
        <v>0</v>
      </c>
      <c r="AC33" s="123">
        <v>0</v>
      </c>
      <c r="AD33" s="126">
        <v>0</v>
      </c>
      <c r="AE33" s="127">
        <v>0</v>
      </c>
      <c r="AF33" s="122">
        <v>0</v>
      </c>
      <c r="AG33" s="123">
        <v>0</v>
      </c>
      <c r="AH33" s="123">
        <v>0</v>
      </c>
      <c r="AI33" s="124">
        <v>0</v>
      </c>
      <c r="AJ33" s="125">
        <v>0</v>
      </c>
      <c r="AK33" s="125">
        <v>0</v>
      </c>
      <c r="AL33" s="125">
        <v>0</v>
      </c>
      <c r="AM33" s="123">
        <v>0</v>
      </c>
      <c r="AN33" s="126">
        <v>0</v>
      </c>
      <c r="AO33" s="128">
        <v>0</v>
      </c>
      <c r="AP33" s="36"/>
    </row>
    <row r="34" spans="1:42" ht="20.25" customHeight="1" x14ac:dyDescent="0.2">
      <c r="A34" s="61" t="s">
        <v>32</v>
      </c>
      <c r="B34" s="122">
        <v>0</v>
      </c>
      <c r="C34" s="123">
        <v>0</v>
      </c>
      <c r="D34" s="123">
        <v>0</v>
      </c>
      <c r="E34" s="124">
        <v>0</v>
      </c>
      <c r="F34" s="125">
        <v>0</v>
      </c>
      <c r="G34" s="125">
        <v>0</v>
      </c>
      <c r="H34" s="125">
        <v>2</v>
      </c>
      <c r="I34" s="123">
        <v>1</v>
      </c>
      <c r="J34" s="126">
        <v>3</v>
      </c>
      <c r="K34" s="127">
        <v>3</v>
      </c>
      <c r="L34" s="122">
        <v>0</v>
      </c>
      <c r="M34" s="123">
        <v>0</v>
      </c>
      <c r="N34" s="126">
        <v>0</v>
      </c>
      <c r="O34" s="129">
        <v>1</v>
      </c>
      <c r="P34" s="125">
        <v>0</v>
      </c>
      <c r="Q34" s="125">
        <v>1</v>
      </c>
      <c r="R34" s="125">
        <v>0</v>
      </c>
      <c r="S34" s="123">
        <v>1</v>
      </c>
      <c r="T34" s="126">
        <v>3</v>
      </c>
      <c r="U34" s="130">
        <v>3</v>
      </c>
      <c r="V34" s="129">
        <v>0</v>
      </c>
      <c r="W34" s="123">
        <v>0</v>
      </c>
      <c r="X34" s="123">
        <v>0</v>
      </c>
      <c r="Y34" s="124">
        <v>0</v>
      </c>
      <c r="Z34" s="125">
        <v>0</v>
      </c>
      <c r="AA34" s="125">
        <v>0</v>
      </c>
      <c r="AB34" s="125">
        <v>0</v>
      </c>
      <c r="AC34" s="123">
        <v>0</v>
      </c>
      <c r="AD34" s="126">
        <v>0</v>
      </c>
      <c r="AE34" s="127">
        <v>0</v>
      </c>
      <c r="AF34" s="122">
        <v>0</v>
      </c>
      <c r="AG34" s="123">
        <v>0</v>
      </c>
      <c r="AH34" s="123">
        <v>0</v>
      </c>
      <c r="AI34" s="124">
        <v>0</v>
      </c>
      <c r="AJ34" s="125">
        <v>0</v>
      </c>
      <c r="AK34" s="125">
        <v>0</v>
      </c>
      <c r="AL34" s="125">
        <v>0</v>
      </c>
      <c r="AM34" s="123">
        <v>0</v>
      </c>
      <c r="AN34" s="126">
        <v>0</v>
      </c>
      <c r="AO34" s="128">
        <v>0</v>
      </c>
      <c r="AP34" s="36"/>
    </row>
    <row r="35" spans="1:42" ht="20.25" customHeight="1" x14ac:dyDescent="0.2">
      <c r="A35" s="61" t="s">
        <v>33</v>
      </c>
      <c r="B35" s="122">
        <v>0</v>
      </c>
      <c r="C35" s="123">
        <v>0</v>
      </c>
      <c r="D35" s="123">
        <v>0</v>
      </c>
      <c r="E35" s="124">
        <v>0</v>
      </c>
      <c r="F35" s="125">
        <v>0</v>
      </c>
      <c r="G35" s="125">
        <v>0</v>
      </c>
      <c r="H35" s="125">
        <v>0</v>
      </c>
      <c r="I35" s="123">
        <v>0</v>
      </c>
      <c r="J35" s="126">
        <v>0</v>
      </c>
      <c r="K35" s="127">
        <v>0</v>
      </c>
      <c r="L35" s="122">
        <v>0</v>
      </c>
      <c r="M35" s="123">
        <v>0</v>
      </c>
      <c r="N35" s="126">
        <v>0</v>
      </c>
      <c r="O35" s="129">
        <v>0</v>
      </c>
      <c r="P35" s="125">
        <v>0</v>
      </c>
      <c r="Q35" s="125">
        <v>0</v>
      </c>
      <c r="R35" s="125">
        <v>0</v>
      </c>
      <c r="S35" s="123">
        <v>1</v>
      </c>
      <c r="T35" s="126">
        <v>1</v>
      </c>
      <c r="U35" s="130">
        <v>1</v>
      </c>
      <c r="V35" s="129">
        <v>0</v>
      </c>
      <c r="W35" s="123">
        <v>0</v>
      </c>
      <c r="X35" s="123">
        <v>0</v>
      </c>
      <c r="Y35" s="124">
        <v>0</v>
      </c>
      <c r="Z35" s="125">
        <v>0</v>
      </c>
      <c r="AA35" s="125">
        <v>0</v>
      </c>
      <c r="AB35" s="125">
        <v>0</v>
      </c>
      <c r="AC35" s="123">
        <v>0</v>
      </c>
      <c r="AD35" s="126">
        <v>0</v>
      </c>
      <c r="AE35" s="127">
        <v>0</v>
      </c>
      <c r="AF35" s="122">
        <v>0</v>
      </c>
      <c r="AG35" s="123">
        <v>0</v>
      </c>
      <c r="AH35" s="123">
        <v>0</v>
      </c>
      <c r="AI35" s="124">
        <v>0</v>
      </c>
      <c r="AJ35" s="125">
        <v>0</v>
      </c>
      <c r="AK35" s="125">
        <v>1</v>
      </c>
      <c r="AL35" s="125">
        <v>1</v>
      </c>
      <c r="AM35" s="123">
        <v>0</v>
      </c>
      <c r="AN35" s="126">
        <v>2</v>
      </c>
      <c r="AO35" s="128">
        <v>2</v>
      </c>
      <c r="AP35" s="36"/>
    </row>
    <row r="36" spans="1:42" ht="20.25" customHeight="1" x14ac:dyDescent="0.2">
      <c r="A36" s="61" t="s">
        <v>34</v>
      </c>
      <c r="B36" s="122">
        <v>0</v>
      </c>
      <c r="C36" s="123">
        <v>0</v>
      </c>
      <c r="D36" s="123">
        <v>0</v>
      </c>
      <c r="E36" s="124">
        <v>0</v>
      </c>
      <c r="F36" s="125">
        <v>0</v>
      </c>
      <c r="G36" s="125">
        <v>1</v>
      </c>
      <c r="H36" s="125">
        <v>0</v>
      </c>
      <c r="I36" s="123">
        <v>1</v>
      </c>
      <c r="J36" s="126">
        <v>2</v>
      </c>
      <c r="K36" s="127">
        <v>2</v>
      </c>
      <c r="L36" s="122">
        <v>0</v>
      </c>
      <c r="M36" s="123">
        <v>0</v>
      </c>
      <c r="N36" s="126">
        <v>0</v>
      </c>
      <c r="O36" s="129">
        <v>0</v>
      </c>
      <c r="P36" s="125">
        <v>0</v>
      </c>
      <c r="Q36" s="125">
        <v>0</v>
      </c>
      <c r="R36" s="125">
        <v>0</v>
      </c>
      <c r="S36" s="123">
        <v>0</v>
      </c>
      <c r="T36" s="126">
        <v>0</v>
      </c>
      <c r="U36" s="130">
        <v>0</v>
      </c>
      <c r="V36" s="129">
        <v>0</v>
      </c>
      <c r="W36" s="123">
        <v>0</v>
      </c>
      <c r="X36" s="123">
        <v>0</v>
      </c>
      <c r="Y36" s="124">
        <v>0</v>
      </c>
      <c r="Z36" s="125">
        <v>0</v>
      </c>
      <c r="AA36" s="125">
        <v>0</v>
      </c>
      <c r="AB36" s="125">
        <v>0</v>
      </c>
      <c r="AC36" s="123">
        <v>0</v>
      </c>
      <c r="AD36" s="126">
        <v>0</v>
      </c>
      <c r="AE36" s="127">
        <v>0</v>
      </c>
      <c r="AF36" s="122">
        <v>0</v>
      </c>
      <c r="AG36" s="123">
        <v>0</v>
      </c>
      <c r="AH36" s="123">
        <v>0</v>
      </c>
      <c r="AI36" s="124">
        <v>0</v>
      </c>
      <c r="AJ36" s="125">
        <v>0</v>
      </c>
      <c r="AK36" s="125">
        <v>0</v>
      </c>
      <c r="AL36" s="125">
        <v>0</v>
      </c>
      <c r="AM36" s="123">
        <v>0</v>
      </c>
      <c r="AN36" s="126">
        <v>0</v>
      </c>
      <c r="AO36" s="128">
        <v>0</v>
      </c>
      <c r="AP36" s="36"/>
    </row>
    <row r="37" spans="1:42" ht="20.25" customHeight="1" x14ac:dyDescent="0.2">
      <c r="A37" s="61" t="s">
        <v>35</v>
      </c>
      <c r="B37" s="122">
        <v>0</v>
      </c>
      <c r="C37" s="123">
        <v>0</v>
      </c>
      <c r="D37" s="123">
        <v>0</v>
      </c>
      <c r="E37" s="124">
        <v>0</v>
      </c>
      <c r="F37" s="125">
        <v>0</v>
      </c>
      <c r="G37" s="125">
        <v>0</v>
      </c>
      <c r="H37" s="125">
        <v>2</v>
      </c>
      <c r="I37" s="123">
        <v>2</v>
      </c>
      <c r="J37" s="126">
        <v>4</v>
      </c>
      <c r="K37" s="127">
        <v>4</v>
      </c>
      <c r="L37" s="122">
        <v>0</v>
      </c>
      <c r="M37" s="123">
        <v>0</v>
      </c>
      <c r="N37" s="126">
        <v>0</v>
      </c>
      <c r="O37" s="129">
        <v>0</v>
      </c>
      <c r="P37" s="125">
        <v>0</v>
      </c>
      <c r="Q37" s="125">
        <v>1</v>
      </c>
      <c r="R37" s="125">
        <v>2</v>
      </c>
      <c r="S37" s="123">
        <v>0</v>
      </c>
      <c r="T37" s="126">
        <v>3</v>
      </c>
      <c r="U37" s="130">
        <v>3</v>
      </c>
      <c r="V37" s="129">
        <v>0</v>
      </c>
      <c r="W37" s="123">
        <v>0</v>
      </c>
      <c r="X37" s="123">
        <v>0</v>
      </c>
      <c r="Y37" s="124">
        <v>0</v>
      </c>
      <c r="Z37" s="125">
        <v>0</v>
      </c>
      <c r="AA37" s="125">
        <v>0</v>
      </c>
      <c r="AB37" s="125">
        <v>0</v>
      </c>
      <c r="AC37" s="123">
        <v>0</v>
      </c>
      <c r="AD37" s="126">
        <v>0</v>
      </c>
      <c r="AE37" s="127">
        <v>0</v>
      </c>
      <c r="AF37" s="122">
        <v>0</v>
      </c>
      <c r="AG37" s="123">
        <v>0</v>
      </c>
      <c r="AH37" s="123">
        <v>0</v>
      </c>
      <c r="AI37" s="124">
        <v>0</v>
      </c>
      <c r="AJ37" s="125">
        <v>0</v>
      </c>
      <c r="AK37" s="125">
        <v>0</v>
      </c>
      <c r="AL37" s="125">
        <v>0</v>
      </c>
      <c r="AM37" s="123">
        <v>0</v>
      </c>
      <c r="AN37" s="126">
        <v>0</v>
      </c>
      <c r="AO37" s="128">
        <v>0</v>
      </c>
      <c r="AP37" s="36"/>
    </row>
    <row r="38" spans="1:42" ht="20.25" customHeight="1" x14ac:dyDescent="0.2">
      <c r="A38" s="61" t="s">
        <v>36</v>
      </c>
      <c r="B38" s="122">
        <v>0</v>
      </c>
      <c r="C38" s="123">
        <v>0</v>
      </c>
      <c r="D38" s="123">
        <v>0</v>
      </c>
      <c r="E38" s="124">
        <v>0</v>
      </c>
      <c r="F38" s="125">
        <v>0</v>
      </c>
      <c r="G38" s="125">
        <v>1</v>
      </c>
      <c r="H38" s="125">
        <v>2</v>
      </c>
      <c r="I38" s="123">
        <v>3</v>
      </c>
      <c r="J38" s="126">
        <v>6</v>
      </c>
      <c r="K38" s="127">
        <v>6</v>
      </c>
      <c r="L38" s="122">
        <v>0</v>
      </c>
      <c r="M38" s="123">
        <v>0</v>
      </c>
      <c r="N38" s="126">
        <v>0</v>
      </c>
      <c r="O38" s="129">
        <v>1</v>
      </c>
      <c r="P38" s="125">
        <v>0</v>
      </c>
      <c r="Q38" s="125">
        <v>4</v>
      </c>
      <c r="R38" s="125">
        <v>0</v>
      </c>
      <c r="S38" s="123">
        <v>0</v>
      </c>
      <c r="T38" s="126">
        <v>5</v>
      </c>
      <c r="U38" s="130">
        <v>5</v>
      </c>
      <c r="V38" s="129">
        <v>0</v>
      </c>
      <c r="W38" s="123">
        <v>0</v>
      </c>
      <c r="X38" s="123">
        <v>0</v>
      </c>
      <c r="Y38" s="124">
        <v>0</v>
      </c>
      <c r="Z38" s="125">
        <v>0</v>
      </c>
      <c r="AA38" s="125">
        <v>0</v>
      </c>
      <c r="AB38" s="125">
        <v>0</v>
      </c>
      <c r="AC38" s="123">
        <v>0</v>
      </c>
      <c r="AD38" s="126">
        <v>0</v>
      </c>
      <c r="AE38" s="127">
        <v>0</v>
      </c>
      <c r="AF38" s="122">
        <v>0</v>
      </c>
      <c r="AG38" s="123">
        <v>0</v>
      </c>
      <c r="AH38" s="123">
        <v>0</v>
      </c>
      <c r="AI38" s="124">
        <v>0</v>
      </c>
      <c r="AJ38" s="125">
        <v>0</v>
      </c>
      <c r="AK38" s="125">
        <v>0</v>
      </c>
      <c r="AL38" s="125">
        <v>0</v>
      </c>
      <c r="AM38" s="123">
        <v>0</v>
      </c>
      <c r="AN38" s="126">
        <v>0</v>
      </c>
      <c r="AO38" s="128">
        <v>0</v>
      </c>
      <c r="AP38" s="36"/>
    </row>
    <row r="39" spans="1:42" ht="20.25" customHeight="1" thickBot="1" x14ac:dyDescent="0.25">
      <c r="A39" s="62" t="s">
        <v>37</v>
      </c>
      <c r="B39" s="131">
        <v>0</v>
      </c>
      <c r="C39" s="132">
        <v>0</v>
      </c>
      <c r="D39" s="132">
        <v>0</v>
      </c>
      <c r="E39" s="133">
        <v>0</v>
      </c>
      <c r="F39" s="134">
        <v>0</v>
      </c>
      <c r="G39" s="134">
        <v>1</v>
      </c>
      <c r="H39" s="134">
        <v>0</v>
      </c>
      <c r="I39" s="132">
        <v>1</v>
      </c>
      <c r="J39" s="135">
        <v>2</v>
      </c>
      <c r="K39" s="136">
        <v>2</v>
      </c>
      <c r="L39" s="131">
        <v>0</v>
      </c>
      <c r="M39" s="132">
        <v>0</v>
      </c>
      <c r="N39" s="135">
        <v>0</v>
      </c>
      <c r="O39" s="138">
        <v>0</v>
      </c>
      <c r="P39" s="134">
        <v>0</v>
      </c>
      <c r="Q39" s="134">
        <v>0</v>
      </c>
      <c r="R39" s="134">
        <v>0</v>
      </c>
      <c r="S39" s="132">
        <v>0</v>
      </c>
      <c r="T39" s="135">
        <v>0</v>
      </c>
      <c r="U39" s="139">
        <v>0</v>
      </c>
      <c r="V39" s="138">
        <v>0</v>
      </c>
      <c r="W39" s="132">
        <v>0</v>
      </c>
      <c r="X39" s="132">
        <v>0</v>
      </c>
      <c r="Y39" s="133">
        <v>0</v>
      </c>
      <c r="Z39" s="134">
        <v>0</v>
      </c>
      <c r="AA39" s="134">
        <v>0</v>
      </c>
      <c r="AB39" s="134">
        <v>0</v>
      </c>
      <c r="AC39" s="132">
        <v>0</v>
      </c>
      <c r="AD39" s="135">
        <v>0</v>
      </c>
      <c r="AE39" s="136">
        <v>0</v>
      </c>
      <c r="AF39" s="131">
        <v>0</v>
      </c>
      <c r="AG39" s="132">
        <v>0</v>
      </c>
      <c r="AH39" s="132">
        <v>0</v>
      </c>
      <c r="AI39" s="133">
        <v>0</v>
      </c>
      <c r="AJ39" s="134">
        <v>0</v>
      </c>
      <c r="AK39" s="134">
        <v>0</v>
      </c>
      <c r="AL39" s="134">
        <v>0</v>
      </c>
      <c r="AM39" s="132">
        <v>0</v>
      </c>
      <c r="AN39" s="135">
        <v>0</v>
      </c>
      <c r="AO39" s="137">
        <v>0</v>
      </c>
      <c r="AP39" s="36"/>
    </row>
    <row r="40" spans="1:42" x14ac:dyDescent="0.2">
      <c r="B40" s="37"/>
      <c r="C40" s="37"/>
      <c r="D40" s="37"/>
      <c r="E40" s="37"/>
      <c r="F40" s="37"/>
      <c r="G40" s="37"/>
      <c r="H40" s="37"/>
      <c r="I40" s="37"/>
      <c r="J40" s="37"/>
      <c r="K40" s="37"/>
      <c r="L40" s="36"/>
      <c r="M40" s="36"/>
      <c r="N40" s="36"/>
      <c r="O40" s="36"/>
      <c r="P40" s="36"/>
      <c r="Q40" s="36"/>
      <c r="R40" s="36"/>
      <c r="S40" s="36"/>
      <c r="T40" s="36"/>
      <c r="U40" s="36"/>
      <c r="V40" s="36"/>
      <c r="W40" s="36"/>
      <c r="X40" s="36"/>
      <c r="Y40" s="36"/>
      <c r="Z40" s="36"/>
      <c r="AA40" s="36"/>
      <c r="AB40" s="36"/>
      <c r="AC40" s="36"/>
      <c r="AD40" s="36"/>
      <c r="AE40" s="36"/>
      <c r="AF40" s="36"/>
      <c r="AG40" s="36"/>
      <c r="AH40" s="36"/>
      <c r="AI40" s="36"/>
      <c r="AJ40" s="36"/>
      <c r="AK40" s="36"/>
      <c r="AL40" s="36"/>
      <c r="AM40" s="36"/>
      <c r="AN40" s="36"/>
      <c r="AO40" s="36"/>
      <c r="AP40" s="36"/>
    </row>
    <row r="41" spans="1:42" x14ac:dyDescent="0.2">
      <c r="B41" s="37"/>
      <c r="C41" s="37"/>
      <c r="D41" s="37"/>
      <c r="E41" s="37"/>
      <c r="F41" s="37"/>
      <c r="G41" s="37"/>
      <c r="H41" s="37"/>
      <c r="I41" s="37"/>
      <c r="J41" s="37"/>
      <c r="K41" s="37"/>
      <c r="L41" s="36"/>
      <c r="M41" s="36"/>
      <c r="N41" s="36"/>
      <c r="O41" s="36"/>
      <c r="P41" s="36"/>
      <c r="Q41" s="36"/>
      <c r="R41" s="36"/>
      <c r="S41" s="36"/>
      <c r="T41" s="36"/>
      <c r="U41" s="36"/>
      <c r="V41" s="36"/>
      <c r="W41" s="36"/>
      <c r="X41" s="36"/>
      <c r="Y41" s="36"/>
      <c r="Z41" s="36"/>
      <c r="AA41" s="36"/>
      <c r="AB41" s="36"/>
      <c r="AC41" s="36"/>
      <c r="AD41" s="36"/>
      <c r="AE41" s="36"/>
      <c r="AF41" s="36"/>
      <c r="AG41" s="36"/>
      <c r="AH41" s="36"/>
      <c r="AI41" s="36"/>
      <c r="AJ41" s="36"/>
      <c r="AK41" s="36"/>
      <c r="AL41" s="36"/>
      <c r="AM41" s="36"/>
      <c r="AN41" s="36"/>
      <c r="AO41" s="36"/>
      <c r="AP41" s="36"/>
    </row>
    <row r="42" spans="1:42" x14ac:dyDescent="0.2">
      <c r="B42" s="37"/>
      <c r="C42" s="37"/>
      <c r="D42" s="37"/>
      <c r="E42" s="37"/>
      <c r="F42" s="37"/>
      <c r="G42" s="37"/>
      <c r="H42" s="37"/>
      <c r="I42" s="37"/>
      <c r="J42" s="37"/>
      <c r="K42" s="37"/>
      <c r="L42" s="36"/>
      <c r="M42" s="36"/>
      <c r="N42" s="36"/>
      <c r="O42" s="36"/>
      <c r="P42" s="36"/>
      <c r="Q42" s="36"/>
      <c r="R42" s="36"/>
      <c r="S42" s="36"/>
      <c r="T42" s="36"/>
      <c r="U42" s="36"/>
      <c r="V42" s="36"/>
      <c r="W42" s="36"/>
      <c r="X42" s="36"/>
      <c r="Y42" s="36"/>
      <c r="Z42" s="36"/>
      <c r="AA42" s="36"/>
      <c r="AB42" s="36"/>
      <c r="AC42" s="36"/>
      <c r="AD42" s="36"/>
      <c r="AE42" s="36"/>
      <c r="AF42" s="36"/>
      <c r="AG42" s="36"/>
      <c r="AH42" s="36"/>
      <c r="AI42" s="36"/>
      <c r="AJ42" s="36"/>
      <c r="AK42" s="36"/>
      <c r="AL42" s="36"/>
      <c r="AM42" s="36"/>
      <c r="AN42" s="36"/>
      <c r="AO42" s="36"/>
      <c r="AP42" s="36"/>
    </row>
    <row r="43" spans="1:42" x14ac:dyDescent="0.2">
      <c r="B43" s="37"/>
      <c r="C43" s="37"/>
      <c r="D43" s="37"/>
      <c r="E43" s="37"/>
      <c r="F43" s="37"/>
      <c r="G43" s="37"/>
      <c r="H43" s="37"/>
      <c r="I43" s="37"/>
      <c r="J43" s="37"/>
      <c r="K43" s="37"/>
      <c r="L43" s="36"/>
      <c r="M43" s="36"/>
      <c r="N43" s="36"/>
      <c r="O43" s="36"/>
      <c r="P43" s="36"/>
      <c r="Q43" s="36"/>
      <c r="R43" s="36"/>
      <c r="S43" s="36"/>
      <c r="T43" s="36"/>
      <c r="U43" s="36"/>
      <c r="V43" s="36"/>
      <c r="W43" s="36"/>
      <c r="X43" s="36"/>
      <c r="Y43" s="36"/>
      <c r="Z43" s="36"/>
      <c r="AA43" s="36"/>
      <c r="AB43" s="36"/>
      <c r="AC43" s="36"/>
      <c r="AD43" s="36"/>
      <c r="AE43" s="36"/>
      <c r="AF43" s="36"/>
      <c r="AG43" s="36"/>
      <c r="AH43" s="36"/>
      <c r="AI43" s="36"/>
      <c r="AJ43" s="36"/>
      <c r="AK43" s="36"/>
      <c r="AL43" s="36"/>
      <c r="AM43" s="36"/>
      <c r="AN43" s="36"/>
      <c r="AO43" s="36"/>
      <c r="AP43" s="36"/>
    </row>
    <row r="44" spans="1:42" x14ac:dyDescent="0.2">
      <c r="B44" s="37"/>
      <c r="C44" s="37"/>
      <c r="D44" s="37"/>
      <c r="E44" s="37"/>
      <c r="F44" s="37"/>
      <c r="G44" s="37"/>
      <c r="H44" s="37"/>
      <c r="I44" s="37"/>
      <c r="J44" s="37"/>
      <c r="K44" s="37"/>
      <c r="L44" s="36"/>
      <c r="M44" s="36"/>
      <c r="N44" s="36"/>
      <c r="O44" s="36"/>
      <c r="P44" s="36"/>
      <c r="Q44" s="36"/>
      <c r="R44" s="36"/>
      <c r="S44" s="36"/>
      <c r="T44" s="36"/>
      <c r="U44" s="36"/>
      <c r="V44" s="36"/>
      <c r="W44" s="36"/>
      <c r="X44" s="36"/>
      <c r="Y44" s="36"/>
      <c r="Z44" s="36"/>
      <c r="AA44" s="36"/>
      <c r="AB44" s="36"/>
      <c r="AC44" s="36"/>
      <c r="AD44" s="36"/>
      <c r="AE44" s="36"/>
      <c r="AF44" s="36"/>
      <c r="AG44" s="36"/>
      <c r="AH44" s="36"/>
      <c r="AI44" s="36"/>
      <c r="AJ44" s="36"/>
      <c r="AK44" s="36"/>
      <c r="AL44" s="36"/>
      <c r="AM44" s="36"/>
      <c r="AN44" s="36"/>
      <c r="AO44" s="36"/>
      <c r="AP44" s="36"/>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F1:G1"/>
    <mergeCell ref="A3:A4"/>
    <mergeCell ref="B3:K3"/>
    <mergeCell ref="L3:U3"/>
    <mergeCell ref="B4:D4"/>
    <mergeCell ref="E4:J4"/>
    <mergeCell ref="K4:K5"/>
    <mergeCell ref="V3:AE3"/>
    <mergeCell ref="AF3:AO3"/>
    <mergeCell ref="L4:N4"/>
    <mergeCell ref="O4:T4"/>
    <mergeCell ref="U4:U5"/>
    <mergeCell ref="V4:X4"/>
    <mergeCell ref="Y4:AD4"/>
    <mergeCell ref="AE4:AE5"/>
    <mergeCell ref="AF4:AH4"/>
    <mergeCell ref="AI4:AN4"/>
    <mergeCell ref="AO4:AO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8"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19" t="s">
        <v>56</v>
      </c>
      <c r="D1" s="251">
        <f>第１表!F2</f>
        <v>4</v>
      </c>
      <c r="E1" s="166">
        <f>第１表!G2</f>
        <v>1</v>
      </c>
      <c r="F1" s="514">
        <f>IF(E1&lt;3,E1-2+12,E1-2)</f>
        <v>11</v>
      </c>
      <c r="G1" s="514"/>
    </row>
    <row r="2" spans="1:42" ht="17.25" customHeight="1" thickBot="1" x14ac:dyDescent="0.25">
      <c r="A2" s="19" t="s">
        <v>159</v>
      </c>
      <c r="E2" s="19" t="s">
        <v>140</v>
      </c>
    </row>
    <row r="3" spans="1:42" ht="24.75" customHeight="1" x14ac:dyDescent="0.2">
      <c r="A3" s="560"/>
      <c r="B3" s="550" t="s">
        <v>57</v>
      </c>
      <c r="C3" s="551"/>
      <c r="D3" s="551"/>
      <c r="E3" s="551"/>
      <c r="F3" s="551"/>
      <c r="G3" s="551"/>
      <c r="H3" s="551"/>
      <c r="I3" s="551"/>
      <c r="J3" s="551"/>
      <c r="K3" s="551"/>
      <c r="L3" s="550" t="s">
        <v>58</v>
      </c>
      <c r="M3" s="563"/>
      <c r="N3" s="563"/>
      <c r="O3" s="563"/>
      <c r="P3" s="563"/>
      <c r="Q3" s="563"/>
      <c r="R3" s="563"/>
      <c r="S3" s="563"/>
      <c r="T3" s="563"/>
      <c r="U3" s="563"/>
      <c r="V3" s="550" t="s">
        <v>59</v>
      </c>
      <c r="W3" s="551"/>
      <c r="X3" s="551"/>
      <c r="Y3" s="551"/>
      <c r="Z3" s="551"/>
      <c r="AA3" s="551"/>
      <c r="AB3" s="551"/>
      <c r="AC3" s="551"/>
      <c r="AD3" s="551"/>
      <c r="AE3" s="551"/>
      <c r="AF3" s="559" t="s">
        <v>151</v>
      </c>
      <c r="AG3" s="551"/>
      <c r="AH3" s="551"/>
      <c r="AI3" s="551"/>
      <c r="AJ3" s="551"/>
      <c r="AK3" s="551"/>
      <c r="AL3" s="551"/>
      <c r="AM3" s="551"/>
      <c r="AN3" s="551"/>
      <c r="AO3" s="552"/>
    </row>
    <row r="4" spans="1:42" ht="24.75" customHeight="1" x14ac:dyDescent="0.2">
      <c r="A4" s="562"/>
      <c r="B4" s="532" t="s">
        <v>61</v>
      </c>
      <c r="C4" s="533"/>
      <c r="D4" s="534"/>
      <c r="E4" s="535" t="s">
        <v>62</v>
      </c>
      <c r="F4" s="536"/>
      <c r="G4" s="536"/>
      <c r="H4" s="536"/>
      <c r="I4" s="536"/>
      <c r="J4" s="537"/>
      <c r="K4" s="547" t="s">
        <v>52</v>
      </c>
      <c r="L4" s="532" t="s">
        <v>61</v>
      </c>
      <c r="M4" s="533"/>
      <c r="N4" s="534"/>
      <c r="O4" s="535" t="s">
        <v>62</v>
      </c>
      <c r="P4" s="536"/>
      <c r="Q4" s="536"/>
      <c r="R4" s="536"/>
      <c r="S4" s="536"/>
      <c r="T4" s="537"/>
      <c r="U4" s="538" t="s">
        <v>52</v>
      </c>
      <c r="V4" s="532" t="s">
        <v>61</v>
      </c>
      <c r="W4" s="533"/>
      <c r="X4" s="534"/>
      <c r="Y4" s="535" t="s">
        <v>62</v>
      </c>
      <c r="Z4" s="536"/>
      <c r="AA4" s="536"/>
      <c r="AB4" s="536"/>
      <c r="AC4" s="536"/>
      <c r="AD4" s="537"/>
      <c r="AE4" s="547" t="s">
        <v>52</v>
      </c>
      <c r="AF4" s="532" t="s">
        <v>61</v>
      </c>
      <c r="AG4" s="533"/>
      <c r="AH4" s="534"/>
      <c r="AI4" s="535" t="s">
        <v>62</v>
      </c>
      <c r="AJ4" s="536"/>
      <c r="AK4" s="536"/>
      <c r="AL4" s="536"/>
      <c r="AM4" s="536"/>
      <c r="AN4" s="537"/>
      <c r="AO4" s="538" t="s">
        <v>52</v>
      </c>
    </row>
    <row r="5" spans="1:42" ht="24.75" customHeight="1" thickBot="1" x14ac:dyDescent="0.25">
      <c r="A5" s="248" t="s">
        <v>42</v>
      </c>
      <c r="B5" s="30" t="s">
        <v>43</v>
      </c>
      <c r="C5" s="31" t="s">
        <v>44</v>
      </c>
      <c r="D5" s="31" t="s">
        <v>45</v>
      </c>
      <c r="E5" s="32" t="s">
        <v>47</v>
      </c>
      <c r="F5" s="33" t="s">
        <v>48</v>
      </c>
      <c r="G5" s="33" t="s">
        <v>49</v>
      </c>
      <c r="H5" s="34" t="s">
        <v>50</v>
      </c>
      <c r="I5" s="31" t="s">
        <v>51</v>
      </c>
      <c r="J5" s="35" t="s">
        <v>95</v>
      </c>
      <c r="K5" s="548"/>
      <c r="L5" s="30" t="s">
        <v>43</v>
      </c>
      <c r="M5" s="31" t="s">
        <v>44</v>
      </c>
      <c r="N5" s="35" t="s">
        <v>45</v>
      </c>
      <c r="O5" s="15" t="s">
        <v>47</v>
      </c>
      <c r="P5" s="33" t="s">
        <v>48</v>
      </c>
      <c r="Q5" s="33" t="s">
        <v>49</v>
      </c>
      <c r="R5" s="34" t="s">
        <v>50</v>
      </c>
      <c r="S5" s="31" t="s">
        <v>51</v>
      </c>
      <c r="T5" s="35" t="s">
        <v>45</v>
      </c>
      <c r="U5" s="539"/>
      <c r="V5" s="30" t="s">
        <v>43</v>
      </c>
      <c r="W5" s="31" t="s">
        <v>44</v>
      </c>
      <c r="X5" s="31" t="s">
        <v>45</v>
      </c>
      <c r="Y5" s="32" t="s">
        <v>47</v>
      </c>
      <c r="Z5" s="33" t="s">
        <v>48</v>
      </c>
      <c r="AA5" s="33" t="s">
        <v>49</v>
      </c>
      <c r="AB5" s="34" t="s">
        <v>50</v>
      </c>
      <c r="AC5" s="31" t="s">
        <v>51</v>
      </c>
      <c r="AD5" s="35" t="s">
        <v>45</v>
      </c>
      <c r="AE5" s="548"/>
      <c r="AF5" s="30" t="s">
        <v>43</v>
      </c>
      <c r="AG5" s="31" t="s">
        <v>44</v>
      </c>
      <c r="AH5" s="31" t="s">
        <v>45</v>
      </c>
      <c r="AI5" s="32" t="s">
        <v>47</v>
      </c>
      <c r="AJ5" s="33" t="s">
        <v>48</v>
      </c>
      <c r="AK5" s="33" t="s">
        <v>49</v>
      </c>
      <c r="AL5" s="34" t="s">
        <v>50</v>
      </c>
      <c r="AM5" s="31" t="s">
        <v>51</v>
      </c>
      <c r="AN5" s="35" t="s">
        <v>45</v>
      </c>
      <c r="AO5" s="539"/>
    </row>
    <row r="6" spans="1:42" ht="20.25" customHeight="1" x14ac:dyDescent="0.2">
      <c r="A6" s="247" t="s">
        <v>4</v>
      </c>
      <c r="B6" s="113">
        <v>0</v>
      </c>
      <c r="C6" s="114">
        <v>0</v>
      </c>
      <c r="D6" s="114">
        <v>0</v>
      </c>
      <c r="E6" s="115">
        <v>5</v>
      </c>
      <c r="F6" s="116">
        <v>38</v>
      </c>
      <c r="G6" s="116">
        <v>238</v>
      </c>
      <c r="H6" s="116">
        <v>417</v>
      </c>
      <c r="I6" s="114">
        <v>282</v>
      </c>
      <c r="J6" s="117">
        <v>980</v>
      </c>
      <c r="K6" s="118">
        <v>980</v>
      </c>
      <c r="L6" s="113">
        <v>0</v>
      </c>
      <c r="M6" s="114">
        <v>0</v>
      </c>
      <c r="N6" s="117">
        <v>0</v>
      </c>
      <c r="O6" s="120">
        <v>57</v>
      </c>
      <c r="P6" s="116">
        <v>140</v>
      </c>
      <c r="Q6" s="116">
        <v>207</v>
      </c>
      <c r="R6" s="116">
        <v>232</v>
      </c>
      <c r="S6" s="114">
        <v>128</v>
      </c>
      <c r="T6" s="117">
        <v>764</v>
      </c>
      <c r="U6" s="121">
        <v>764</v>
      </c>
      <c r="V6" s="120">
        <v>0</v>
      </c>
      <c r="W6" s="114">
        <v>0</v>
      </c>
      <c r="X6" s="114">
        <v>0</v>
      </c>
      <c r="Y6" s="115">
        <v>0</v>
      </c>
      <c r="Z6" s="116">
        <v>0</v>
      </c>
      <c r="AA6" s="116">
        <v>3</v>
      </c>
      <c r="AB6" s="116">
        <v>12</v>
      </c>
      <c r="AC6" s="114">
        <v>18</v>
      </c>
      <c r="AD6" s="117">
        <v>33</v>
      </c>
      <c r="AE6" s="118">
        <v>33</v>
      </c>
      <c r="AF6" s="113">
        <v>0</v>
      </c>
      <c r="AG6" s="114">
        <v>0</v>
      </c>
      <c r="AH6" s="114">
        <v>0</v>
      </c>
      <c r="AI6" s="115">
        <v>0</v>
      </c>
      <c r="AJ6" s="116">
        <v>2</v>
      </c>
      <c r="AK6" s="116">
        <v>2</v>
      </c>
      <c r="AL6" s="116">
        <v>9</v>
      </c>
      <c r="AM6" s="114">
        <v>10</v>
      </c>
      <c r="AN6" s="117">
        <v>23</v>
      </c>
      <c r="AO6" s="119">
        <v>23</v>
      </c>
      <c r="AP6" s="36"/>
    </row>
    <row r="7" spans="1:42" ht="20.25" customHeight="1" x14ac:dyDescent="0.2">
      <c r="A7" s="61" t="s">
        <v>5</v>
      </c>
      <c r="B7" s="122">
        <v>0</v>
      </c>
      <c r="C7" s="123">
        <v>0</v>
      </c>
      <c r="D7" s="123">
        <v>0</v>
      </c>
      <c r="E7" s="124">
        <v>4</v>
      </c>
      <c r="F7" s="125">
        <v>20</v>
      </c>
      <c r="G7" s="125">
        <v>116</v>
      </c>
      <c r="H7" s="125">
        <v>183</v>
      </c>
      <c r="I7" s="123">
        <v>135</v>
      </c>
      <c r="J7" s="126">
        <v>458</v>
      </c>
      <c r="K7" s="127">
        <v>458</v>
      </c>
      <c r="L7" s="122">
        <v>0</v>
      </c>
      <c r="M7" s="123">
        <v>0</v>
      </c>
      <c r="N7" s="126">
        <v>0</v>
      </c>
      <c r="O7" s="129">
        <v>26</v>
      </c>
      <c r="P7" s="125">
        <v>75</v>
      </c>
      <c r="Q7" s="125">
        <v>100</v>
      </c>
      <c r="R7" s="125">
        <v>118</v>
      </c>
      <c r="S7" s="123">
        <v>68</v>
      </c>
      <c r="T7" s="126">
        <v>387</v>
      </c>
      <c r="U7" s="130">
        <v>387</v>
      </c>
      <c r="V7" s="129">
        <v>0</v>
      </c>
      <c r="W7" s="123">
        <v>0</v>
      </c>
      <c r="X7" s="123">
        <v>0</v>
      </c>
      <c r="Y7" s="124">
        <v>0</v>
      </c>
      <c r="Z7" s="125">
        <v>0</v>
      </c>
      <c r="AA7" s="125">
        <v>1</v>
      </c>
      <c r="AB7" s="125">
        <v>3</v>
      </c>
      <c r="AC7" s="123">
        <v>5</v>
      </c>
      <c r="AD7" s="126">
        <v>9</v>
      </c>
      <c r="AE7" s="127">
        <v>9</v>
      </c>
      <c r="AF7" s="122">
        <v>0</v>
      </c>
      <c r="AG7" s="123">
        <v>0</v>
      </c>
      <c r="AH7" s="123">
        <v>0</v>
      </c>
      <c r="AI7" s="124">
        <v>0</v>
      </c>
      <c r="AJ7" s="125">
        <v>1</v>
      </c>
      <c r="AK7" s="125">
        <v>1</v>
      </c>
      <c r="AL7" s="125">
        <v>3</v>
      </c>
      <c r="AM7" s="123">
        <v>5</v>
      </c>
      <c r="AN7" s="126">
        <v>10</v>
      </c>
      <c r="AO7" s="128">
        <v>10</v>
      </c>
      <c r="AP7" s="36"/>
    </row>
    <row r="8" spans="1:42" ht="20.25" customHeight="1" x14ac:dyDescent="0.2">
      <c r="A8" s="61" t="s">
        <v>6</v>
      </c>
      <c r="B8" s="122">
        <v>0</v>
      </c>
      <c r="C8" s="123">
        <v>0</v>
      </c>
      <c r="D8" s="123">
        <v>0</v>
      </c>
      <c r="E8" s="124">
        <v>0</v>
      </c>
      <c r="F8" s="125">
        <v>10</v>
      </c>
      <c r="G8" s="125">
        <v>28</v>
      </c>
      <c r="H8" s="125">
        <v>48</v>
      </c>
      <c r="I8" s="123">
        <v>33</v>
      </c>
      <c r="J8" s="126">
        <v>119</v>
      </c>
      <c r="K8" s="127">
        <v>119</v>
      </c>
      <c r="L8" s="122">
        <v>0</v>
      </c>
      <c r="M8" s="123">
        <v>0</v>
      </c>
      <c r="N8" s="126">
        <v>0</v>
      </c>
      <c r="O8" s="129">
        <v>7</v>
      </c>
      <c r="P8" s="125">
        <v>17</v>
      </c>
      <c r="Q8" s="125">
        <v>19</v>
      </c>
      <c r="R8" s="125">
        <v>38</v>
      </c>
      <c r="S8" s="123">
        <v>16</v>
      </c>
      <c r="T8" s="126">
        <v>97</v>
      </c>
      <c r="U8" s="130">
        <v>97</v>
      </c>
      <c r="V8" s="129">
        <v>0</v>
      </c>
      <c r="W8" s="123">
        <v>0</v>
      </c>
      <c r="X8" s="123">
        <v>0</v>
      </c>
      <c r="Y8" s="124">
        <v>0</v>
      </c>
      <c r="Z8" s="125">
        <v>0</v>
      </c>
      <c r="AA8" s="125">
        <v>1</v>
      </c>
      <c r="AB8" s="125">
        <v>9</v>
      </c>
      <c r="AC8" s="123">
        <v>10</v>
      </c>
      <c r="AD8" s="126">
        <v>20</v>
      </c>
      <c r="AE8" s="127">
        <v>20</v>
      </c>
      <c r="AF8" s="122">
        <v>0</v>
      </c>
      <c r="AG8" s="123">
        <v>0</v>
      </c>
      <c r="AH8" s="123">
        <v>0</v>
      </c>
      <c r="AI8" s="124">
        <v>0</v>
      </c>
      <c r="AJ8" s="125">
        <v>0</v>
      </c>
      <c r="AK8" s="125">
        <v>0</v>
      </c>
      <c r="AL8" s="125">
        <v>1</v>
      </c>
      <c r="AM8" s="123">
        <v>0</v>
      </c>
      <c r="AN8" s="126">
        <v>1</v>
      </c>
      <c r="AO8" s="128">
        <v>1</v>
      </c>
      <c r="AP8" s="36"/>
    </row>
    <row r="9" spans="1:42" ht="20.25" customHeight="1" x14ac:dyDescent="0.2">
      <c r="A9" s="61" t="s">
        <v>14</v>
      </c>
      <c r="B9" s="122">
        <v>0</v>
      </c>
      <c r="C9" s="123">
        <v>0</v>
      </c>
      <c r="D9" s="123">
        <v>0</v>
      </c>
      <c r="E9" s="124">
        <v>0</v>
      </c>
      <c r="F9" s="125">
        <v>0</v>
      </c>
      <c r="G9" s="125">
        <v>18</v>
      </c>
      <c r="H9" s="125">
        <v>32</v>
      </c>
      <c r="I9" s="123">
        <v>18</v>
      </c>
      <c r="J9" s="126">
        <v>68</v>
      </c>
      <c r="K9" s="127">
        <v>68</v>
      </c>
      <c r="L9" s="122">
        <v>0</v>
      </c>
      <c r="M9" s="123">
        <v>0</v>
      </c>
      <c r="N9" s="126">
        <v>0</v>
      </c>
      <c r="O9" s="129">
        <v>3</v>
      </c>
      <c r="P9" s="125">
        <v>6</v>
      </c>
      <c r="Q9" s="125">
        <v>11</v>
      </c>
      <c r="R9" s="125">
        <v>11</v>
      </c>
      <c r="S9" s="123">
        <v>4</v>
      </c>
      <c r="T9" s="126">
        <v>35</v>
      </c>
      <c r="U9" s="130">
        <v>35</v>
      </c>
      <c r="V9" s="129">
        <v>0</v>
      </c>
      <c r="W9" s="123">
        <v>0</v>
      </c>
      <c r="X9" s="123">
        <v>0</v>
      </c>
      <c r="Y9" s="124">
        <v>0</v>
      </c>
      <c r="Z9" s="125">
        <v>0</v>
      </c>
      <c r="AA9" s="125">
        <v>0</v>
      </c>
      <c r="AB9" s="125">
        <v>0</v>
      </c>
      <c r="AC9" s="123">
        <v>0</v>
      </c>
      <c r="AD9" s="126">
        <v>0</v>
      </c>
      <c r="AE9" s="127">
        <v>0</v>
      </c>
      <c r="AF9" s="122">
        <v>0</v>
      </c>
      <c r="AG9" s="123">
        <v>0</v>
      </c>
      <c r="AH9" s="123">
        <v>0</v>
      </c>
      <c r="AI9" s="124">
        <v>0</v>
      </c>
      <c r="AJ9" s="125">
        <v>0</v>
      </c>
      <c r="AK9" s="125">
        <v>1</v>
      </c>
      <c r="AL9" s="125">
        <v>1</v>
      </c>
      <c r="AM9" s="123">
        <v>1</v>
      </c>
      <c r="AN9" s="126">
        <v>3</v>
      </c>
      <c r="AO9" s="128">
        <v>3</v>
      </c>
      <c r="AP9" s="36"/>
    </row>
    <row r="10" spans="1:42" ht="20.25" customHeight="1" x14ac:dyDescent="0.2">
      <c r="A10" s="61" t="s">
        <v>7</v>
      </c>
      <c r="B10" s="122">
        <v>0</v>
      </c>
      <c r="C10" s="123">
        <v>0</v>
      </c>
      <c r="D10" s="123">
        <v>0</v>
      </c>
      <c r="E10" s="124">
        <v>0</v>
      </c>
      <c r="F10" s="125">
        <v>1</v>
      </c>
      <c r="G10" s="125">
        <v>2</v>
      </c>
      <c r="H10" s="125">
        <v>19</v>
      </c>
      <c r="I10" s="123">
        <v>13</v>
      </c>
      <c r="J10" s="126">
        <v>35</v>
      </c>
      <c r="K10" s="127">
        <v>35</v>
      </c>
      <c r="L10" s="122">
        <v>0</v>
      </c>
      <c r="M10" s="123">
        <v>0</v>
      </c>
      <c r="N10" s="126">
        <v>0</v>
      </c>
      <c r="O10" s="129">
        <v>0</v>
      </c>
      <c r="P10" s="125">
        <v>6</v>
      </c>
      <c r="Q10" s="125">
        <v>6</v>
      </c>
      <c r="R10" s="125">
        <v>5</v>
      </c>
      <c r="S10" s="123">
        <v>2</v>
      </c>
      <c r="T10" s="126">
        <v>19</v>
      </c>
      <c r="U10" s="130">
        <v>19</v>
      </c>
      <c r="V10" s="129">
        <v>0</v>
      </c>
      <c r="W10" s="123">
        <v>0</v>
      </c>
      <c r="X10" s="123">
        <v>0</v>
      </c>
      <c r="Y10" s="124">
        <v>0</v>
      </c>
      <c r="Z10" s="125">
        <v>0</v>
      </c>
      <c r="AA10" s="125">
        <v>0</v>
      </c>
      <c r="AB10" s="125">
        <v>0</v>
      </c>
      <c r="AC10" s="123">
        <v>0</v>
      </c>
      <c r="AD10" s="126">
        <v>0</v>
      </c>
      <c r="AE10" s="127">
        <v>0</v>
      </c>
      <c r="AF10" s="122">
        <v>0</v>
      </c>
      <c r="AG10" s="123">
        <v>0</v>
      </c>
      <c r="AH10" s="123">
        <v>0</v>
      </c>
      <c r="AI10" s="124">
        <v>0</v>
      </c>
      <c r="AJ10" s="125">
        <v>0</v>
      </c>
      <c r="AK10" s="125">
        <v>0</v>
      </c>
      <c r="AL10" s="125">
        <v>0</v>
      </c>
      <c r="AM10" s="123">
        <v>0</v>
      </c>
      <c r="AN10" s="126">
        <v>0</v>
      </c>
      <c r="AO10" s="128">
        <v>0</v>
      </c>
      <c r="AP10" s="36"/>
    </row>
    <row r="11" spans="1:42" ht="20.25" customHeight="1" x14ac:dyDescent="0.2">
      <c r="A11" s="61" t="s">
        <v>8</v>
      </c>
      <c r="B11" s="122">
        <v>0</v>
      </c>
      <c r="C11" s="123">
        <v>0</v>
      </c>
      <c r="D11" s="123">
        <v>0</v>
      </c>
      <c r="E11" s="124">
        <v>0</v>
      </c>
      <c r="F11" s="125">
        <v>1</v>
      </c>
      <c r="G11" s="125">
        <v>2</v>
      </c>
      <c r="H11" s="125">
        <v>11</v>
      </c>
      <c r="I11" s="123">
        <v>6</v>
      </c>
      <c r="J11" s="126">
        <v>20</v>
      </c>
      <c r="K11" s="127">
        <v>20</v>
      </c>
      <c r="L11" s="122">
        <v>0</v>
      </c>
      <c r="M11" s="123">
        <v>0</v>
      </c>
      <c r="N11" s="126">
        <v>0</v>
      </c>
      <c r="O11" s="129">
        <v>0</v>
      </c>
      <c r="P11" s="125">
        <v>2</v>
      </c>
      <c r="Q11" s="125">
        <v>4</v>
      </c>
      <c r="R11" s="125">
        <v>6</v>
      </c>
      <c r="S11" s="123">
        <v>1</v>
      </c>
      <c r="T11" s="126">
        <v>13</v>
      </c>
      <c r="U11" s="130">
        <v>13</v>
      </c>
      <c r="V11" s="129">
        <v>0</v>
      </c>
      <c r="W11" s="123">
        <v>0</v>
      </c>
      <c r="X11" s="123">
        <v>0</v>
      </c>
      <c r="Y11" s="124">
        <v>0</v>
      </c>
      <c r="Z11" s="125">
        <v>0</v>
      </c>
      <c r="AA11" s="125">
        <v>0</v>
      </c>
      <c r="AB11" s="125">
        <v>0</v>
      </c>
      <c r="AC11" s="123">
        <v>0</v>
      </c>
      <c r="AD11" s="126">
        <v>0</v>
      </c>
      <c r="AE11" s="127">
        <v>0</v>
      </c>
      <c r="AF11" s="122">
        <v>0</v>
      </c>
      <c r="AG11" s="123">
        <v>0</v>
      </c>
      <c r="AH11" s="123">
        <v>0</v>
      </c>
      <c r="AI11" s="124">
        <v>0</v>
      </c>
      <c r="AJ11" s="125">
        <v>0</v>
      </c>
      <c r="AK11" s="125">
        <v>0</v>
      </c>
      <c r="AL11" s="125">
        <v>0</v>
      </c>
      <c r="AM11" s="123">
        <v>0</v>
      </c>
      <c r="AN11" s="126">
        <v>0</v>
      </c>
      <c r="AO11" s="128">
        <v>0</v>
      </c>
      <c r="AP11" s="36"/>
    </row>
    <row r="12" spans="1:42" ht="20.25" customHeight="1" x14ac:dyDescent="0.2">
      <c r="A12" s="61" t="s">
        <v>9</v>
      </c>
      <c r="B12" s="122">
        <v>0</v>
      </c>
      <c r="C12" s="123">
        <v>0</v>
      </c>
      <c r="D12" s="123">
        <v>0</v>
      </c>
      <c r="E12" s="124">
        <v>0</v>
      </c>
      <c r="F12" s="125">
        <v>0</v>
      </c>
      <c r="G12" s="125">
        <v>6</v>
      </c>
      <c r="H12" s="125">
        <v>20</v>
      </c>
      <c r="I12" s="123">
        <v>17</v>
      </c>
      <c r="J12" s="126">
        <v>43</v>
      </c>
      <c r="K12" s="127">
        <v>43</v>
      </c>
      <c r="L12" s="122">
        <v>0</v>
      </c>
      <c r="M12" s="123">
        <v>0</v>
      </c>
      <c r="N12" s="126">
        <v>0</v>
      </c>
      <c r="O12" s="129">
        <v>4</v>
      </c>
      <c r="P12" s="125">
        <v>3</v>
      </c>
      <c r="Q12" s="125">
        <v>9</v>
      </c>
      <c r="R12" s="125">
        <v>6</v>
      </c>
      <c r="S12" s="123">
        <v>7</v>
      </c>
      <c r="T12" s="126">
        <v>29</v>
      </c>
      <c r="U12" s="130">
        <v>29</v>
      </c>
      <c r="V12" s="129">
        <v>0</v>
      </c>
      <c r="W12" s="123">
        <v>0</v>
      </c>
      <c r="X12" s="123">
        <v>0</v>
      </c>
      <c r="Y12" s="124">
        <v>0</v>
      </c>
      <c r="Z12" s="125">
        <v>0</v>
      </c>
      <c r="AA12" s="125">
        <v>0</v>
      </c>
      <c r="AB12" s="125">
        <v>0</v>
      </c>
      <c r="AC12" s="123">
        <v>0</v>
      </c>
      <c r="AD12" s="126">
        <v>0</v>
      </c>
      <c r="AE12" s="127">
        <v>0</v>
      </c>
      <c r="AF12" s="122">
        <v>0</v>
      </c>
      <c r="AG12" s="123">
        <v>0</v>
      </c>
      <c r="AH12" s="123">
        <v>0</v>
      </c>
      <c r="AI12" s="124">
        <v>0</v>
      </c>
      <c r="AJ12" s="125">
        <v>0</v>
      </c>
      <c r="AK12" s="125">
        <v>0</v>
      </c>
      <c r="AL12" s="125">
        <v>0</v>
      </c>
      <c r="AM12" s="123">
        <v>0</v>
      </c>
      <c r="AN12" s="126">
        <v>0</v>
      </c>
      <c r="AO12" s="128">
        <v>0</v>
      </c>
      <c r="AP12" s="36"/>
    </row>
    <row r="13" spans="1:42" ht="20.25" customHeight="1" x14ac:dyDescent="0.2">
      <c r="A13" s="61" t="s">
        <v>10</v>
      </c>
      <c r="B13" s="122">
        <v>0</v>
      </c>
      <c r="C13" s="123">
        <v>0</v>
      </c>
      <c r="D13" s="123">
        <v>0</v>
      </c>
      <c r="E13" s="124">
        <v>0</v>
      </c>
      <c r="F13" s="125">
        <v>2</v>
      </c>
      <c r="G13" s="125">
        <v>19</v>
      </c>
      <c r="H13" s="125">
        <v>18</v>
      </c>
      <c r="I13" s="123">
        <v>17</v>
      </c>
      <c r="J13" s="126">
        <v>56</v>
      </c>
      <c r="K13" s="127">
        <v>56</v>
      </c>
      <c r="L13" s="122">
        <v>0</v>
      </c>
      <c r="M13" s="123">
        <v>0</v>
      </c>
      <c r="N13" s="126">
        <v>0</v>
      </c>
      <c r="O13" s="129">
        <v>3</v>
      </c>
      <c r="P13" s="125">
        <v>5</v>
      </c>
      <c r="Q13" s="125">
        <v>10</v>
      </c>
      <c r="R13" s="125">
        <v>5</v>
      </c>
      <c r="S13" s="123">
        <v>3</v>
      </c>
      <c r="T13" s="126">
        <v>26</v>
      </c>
      <c r="U13" s="130">
        <v>26</v>
      </c>
      <c r="V13" s="129">
        <v>0</v>
      </c>
      <c r="W13" s="123">
        <v>0</v>
      </c>
      <c r="X13" s="123">
        <v>0</v>
      </c>
      <c r="Y13" s="124">
        <v>0</v>
      </c>
      <c r="Z13" s="125">
        <v>0</v>
      </c>
      <c r="AA13" s="125">
        <v>0</v>
      </c>
      <c r="AB13" s="125">
        <v>0</v>
      </c>
      <c r="AC13" s="123">
        <v>0</v>
      </c>
      <c r="AD13" s="126">
        <v>0</v>
      </c>
      <c r="AE13" s="127">
        <v>0</v>
      </c>
      <c r="AF13" s="122">
        <v>0</v>
      </c>
      <c r="AG13" s="123">
        <v>0</v>
      </c>
      <c r="AH13" s="123">
        <v>0</v>
      </c>
      <c r="AI13" s="124">
        <v>0</v>
      </c>
      <c r="AJ13" s="125">
        <v>0</v>
      </c>
      <c r="AK13" s="125">
        <v>0</v>
      </c>
      <c r="AL13" s="125">
        <v>0</v>
      </c>
      <c r="AM13" s="123">
        <v>2</v>
      </c>
      <c r="AN13" s="126">
        <v>2</v>
      </c>
      <c r="AO13" s="128">
        <v>2</v>
      </c>
      <c r="AP13" s="36"/>
    </row>
    <row r="14" spans="1:42" ht="20.25" customHeight="1" x14ac:dyDescent="0.2">
      <c r="A14" s="61" t="s">
        <v>11</v>
      </c>
      <c r="B14" s="122">
        <v>0</v>
      </c>
      <c r="C14" s="123">
        <v>0</v>
      </c>
      <c r="D14" s="123">
        <v>0</v>
      </c>
      <c r="E14" s="124">
        <v>0</v>
      </c>
      <c r="F14" s="125">
        <v>0</v>
      </c>
      <c r="G14" s="125">
        <v>2</v>
      </c>
      <c r="H14" s="125">
        <v>9</v>
      </c>
      <c r="I14" s="123">
        <v>4</v>
      </c>
      <c r="J14" s="126">
        <v>15</v>
      </c>
      <c r="K14" s="127">
        <v>15</v>
      </c>
      <c r="L14" s="122">
        <v>0</v>
      </c>
      <c r="M14" s="123">
        <v>0</v>
      </c>
      <c r="N14" s="126">
        <v>0</v>
      </c>
      <c r="O14" s="129">
        <v>2</v>
      </c>
      <c r="P14" s="125">
        <v>2</v>
      </c>
      <c r="Q14" s="125">
        <v>2</v>
      </c>
      <c r="R14" s="125">
        <v>3</v>
      </c>
      <c r="S14" s="123">
        <v>2</v>
      </c>
      <c r="T14" s="126">
        <v>11</v>
      </c>
      <c r="U14" s="130">
        <v>11</v>
      </c>
      <c r="V14" s="129">
        <v>0</v>
      </c>
      <c r="W14" s="123">
        <v>0</v>
      </c>
      <c r="X14" s="123">
        <v>0</v>
      </c>
      <c r="Y14" s="124">
        <v>0</v>
      </c>
      <c r="Z14" s="125">
        <v>0</v>
      </c>
      <c r="AA14" s="125">
        <v>0</v>
      </c>
      <c r="AB14" s="125">
        <v>0</v>
      </c>
      <c r="AC14" s="123">
        <v>0</v>
      </c>
      <c r="AD14" s="126">
        <v>0</v>
      </c>
      <c r="AE14" s="127">
        <v>0</v>
      </c>
      <c r="AF14" s="122">
        <v>0</v>
      </c>
      <c r="AG14" s="123">
        <v>0</v>
      </c>
      <c r="AH14" s="123">
        <v>0</v>
      </c>
      <c r="AI14" s="124">
        <v>0</v>
      </c>
      <c r="AJ14" s="125">
        <v>0</v>
      </c>
      <c r="AK14" s="125">
        <v>0</v>
      </c>
      <c r="AL14" s="125">
        <v>1</v>
      </c>
      <c r="AM14" s="123">
        <v>0</v>
      </c>
      <c r="AN14" s="126">
        <v>1</v>
      </c>
      <c r="AO14" s="128">
        <v>1</v>
      </c>
      <c r="AP14" s="36"/>
    </row>
    <row r="15" spans="1:42" ht="20.25" customHeight="1" x14ac:dyDescent="0.2">
      <c r="A15" s="61" t="s">
        <v>12</v>
      </c>
      <c r="B15" s="122">
        <v>0</v>
      </c>
      <c r="C15" s="123">
        <v>0</v>
      </c>
      <c r="D15" s="123">
        <v>0</v>
      </c>
      <c r="E15" s="124">
        <v>0</v>
      </c>
      <c r="F15" s="125">
        <v>1</v>
      </c>
      <c r="G15" s="125">
        <v>6</v>
      </c>
      <c r="H15" s="125">
        <v>10</v>
      </c>
      <c r="I15" s="123">
        <v>6</v>
      </c>
      <c r="J15" s="126">
        <v>23</v>
      </c>
      <c r="K15" s="127">
        <v>23</v>
      </c>
      <c r="L15" s="122">
        <v>0</v>
      </c>
      <c r="M15" s="123">
        <v>0</v>
      </c>
      <c r="N15" s="126">
        <v>0</v>
      </c>
      <c r="O15" s="129">
        <v>0</v>
      </c>
      <c r="P15" s="125">
        <v>4</v>
      </c>
      <c r="Q15" s="125">
        <v>3</v>
      </c>
      <c r="R15" s="125">
        <v>8</v>
      </c>
      <c r="S15" s="123">
        <v>2</v>
      </c>
      <c r="T15" s="126">
        <v>17</v>
      </c>
      <c r="U15" s="130">
        <v>17</v>
      </c>
      <c r="V15" s="129">
        <v>0</v>
      </c>
      <c r="W15" s="123">
        <v>0</v>
      </c>
      <c r="X15" s="123">
        <v>0</v>
      </c>
      <c r="Y15" s="124">
        <v>0</v>
      </c>
      <c r="Z15" s="125">
        <v>0</v>
      </c>
      <c r="AA15" s="125">
        <v>0</v>
      </c>
      <c r="AB15" s="125">
        <v>0</v>
      </c>
      <c r="AC15" s="123">
        <v>1</v>
      </c>
      <c r="AD15" s="126">
        <v>1</v>
      </c>
      <c r="AE15" s="127">
        <v>1</v>
      </c>
      <c r="AF15" s="122">
        <v>0</v>
      </c>
      <c r="AG15" s="123">
        <v>0</v>
      </c>
      <c r="AH15" s="123">
        <v>0</v>
      </c>
      <c r="AI15" s="124">
        <v>0</v>
      </c>
      <c r="AJ15" s="125">
        <v>0</v>
      </c>
      <c r="AK15" s="125">
        <v>0</v>
      </c>
      <c r="AL15" s="125">
        <v>0</v>
      </c>
      <c r="AM15" s="123">
        <v>0</v>
      </c>
      <c r="AN15" s="126">
        <v>0</v>
      </c>
      <c r="AO15" s="128">
        <v>0</v>
      </c>
      <c r="AP15" s="36"/>
    </row>
    <row r="16" spans="1:42" ht="20.25" customHeight="1" x14ac:dyDescent="0.2">
      <c r="A16" s="61" t="s">
        <v>13</v>
      </c>
      <c r="B16" s="122">
        <v>0</v>
      </c>
      <c r="C16" s="123">
        <v>0</v>
      </c>
      <c r="D16" s="123">
        <v>0</v>
      </c>
      <c r="E16" s="124">
        <v>0</v>
      </c>
      <c r="F16" s="125">
        <v>0</v>
      </c>
      <c r="G16" s="125">
        <v>3</v>
      </c>
      <c r="H16" s="125">
        <v>4</v>
      </c>
      <c r="I16" s="123">
        <v>6</v>
      </c>
      <c r="J16" s="126">
        <v>13</v>
      </c>
      <c r="K16" s="127">
        <v>13</v>
      </c>
      <c r="L16" s="122">
        <v>0</v>
      </c>
      <c r="M16" s="123">
        <v>0</v>
      </c>
      <c r="N16" s="126">
        <v>0</v>
      </c>
      <c r="O16" s="129">
        <v>0</v>
      </c>
      <c r="P16" s="125">
        <v>1</v>
      </c>
      <c r="Q16" s="125">
        <v>2</v>
      </c>
      <c r="R16" s="125">
        <v>0</v>
      </c>
      <c r="S16" s="123">
        <v>1</v>
      </c>
      <c r="T16" s="126">
        <v>4</v>
      </c>
      <c r="U16" s="130">
        <v>4</v>
      </c>
      <c r="V16" s="129">
        <v>0</v>
      </c>
      <c r="W16" s="123">
        <v>0</v>
      </c>
      <c r="X16" s="123">
        <v>0</v>
      </c>
      <c r="Y16" s="124">
        <v>0</v>
      </c>
      <c r="Z16" s="125">
        <v>0</v>
      </c>
      <c r="AA16" s="125">
        <v>0</v>
      </c>
      <c r="AB16" s="125">
        <v>0</v>
      </c>
      <c r="AC16" s="123">
        <v>0</v>
      </c>
      <c r="AD16" s="126">
        <v>0</v>
      </c>
      <c r="AE16" s="127">
        <v>0</v>
      </c>
      <c r="AF16" s="122">
        <v>0</v>
      </c>
      <c r="AG16" s="123">
        <v>0</v>
      </c>
      <c r="AH16" s="123">
        <v>0</v>
      </c>
      <c r="AI16" s="124">
        <v>0</v>
      </c>
      <c r="AJ16" s="125">
        <v>0</v>
      </c>
      <c r="AK16" s="125">
        <v>0</v>
      </c>
      <c r="AL16" s="125">
        <v>0</v>
      </c>
      <c r="AM16" s="123">
        <v>0</v>
      </c>
      <c r="AN16" s="126">
        <v>0</v>
      </c>
      <c r="AO16" s="128">
        <v>0</v>
      </c>
      <c r="AP16" s="36"/>
    </row>
    <row r="17" spans="1:42" ht="20.25" customHeight="1" x14ac:dyDescent="0.2">
      <c r="A17" s="61" t="s">
        <v>15</v>
      </c>
      <c r="B17" s="122">
        <v>0</v>
      </c>
      <c r="C17" s="123">
        <v>0</v>
      </c>
      <c r="D17" s="123">
        <v>0</v>
      </c>
      <c r="E17" s="124">
        <v>0</v>
      </c>
      <c r="F17" s="125">
        <v>0</v>
      </c>
      <c r="G17" s="125">
        <v>0</v>
      </c>
      <c r="H17" s="125">
        <v>1</v>
      </c>
      <c r="I17" s="123">
        <v>3</v>
      </c>
      <c r="J17" s="126">
        <v>4</v>
      </c>
      <c r="K17" s="127">
        <v>4</v>
      </c>
      <c r="L17" s="122">
        <v>0</v>
      </c>
      <c r="M17" s="123">
        <v>0</v>
      </c>
      <c r="N17" s="126">
        <v>0</v>
      </c>
      <c r="O17" s="129">
        <v>1</v>
      </c>
      <c r="P17" s="125">
        <v>0</v>
      </c>
      <c r="Q17" s="125">
        <v>1</v>
      </c>
      <c r="R17" s="125">
        <v>1</v>
      </c>
      <c r="S17" s="123">
        <v>0</v>
      </c>
      <c r="T17" s="126">
        <v>3</v>
      </c>
      <c r="U17" s="130">
        <v>3</v>
      </c>
      <c r="V17" s="129">
        <v>0</v>
      </c>
      <c r="W17" s="123">
        <v>0</v>
      </c>
      <c r="X17" s="123">
        <v>0</v>
      </c>
      <c r="Y17" s="124">
        <v>0</v>
      </c>
      <c r="Z17" s="125">
        <v>0</v>
      </c>
      <c r="AA17" s="125">
        <v>0</v>
      </c>
      <c r="AB17" s="125">
        <v>0</v>
      </c>
      <c r="AC17" s="123">
        <v>0</v>
      </c>
      <c r="AD17" s="126">
        <v>0</v>
      </c>
      <c r="AE17" s="127">
        <v>0</v>
      </c>
      <c r="AF17" s="122">
        <v>0</v>
      </c>
      <c r="AG17" s="123">
        <v>0</v>
      </c>
      <c r="AH17" s="123">
        <v>0</v>
      </c>
      <c r="AI17" s="124">
        <v>0</v>
      </c>
      <c r="AJ17" s="125">
        <v>0</v>
      </c>
      <c r="AK17" s="125">
        <v>0</v>
      </c>
      <c r="AL17" s="125">
        <v>0</v>
      </c>
      <c r="AM17" s="123">
        <v>0</v>
      </c>
      <c r="AN17" s="126">
        <v>0</v>
      </c>
      <c r="AO17" s="128">
        <v>0</v>
      </c>
      <c r="AP17" s="36"/>
    </row>
    <row r="18" spans="1:42" ht="20.25" customHeight="1" x14ac:dyDescent="0.2">
      <c r="A18" s="61" t="s">
        <v>16</v>
      </c>
      <c r="B18" s="122">
        <v>0</v>
      </c>
      <c r="C18" s="123">
        <v>0</v>
      </c>
      <c r="D18" s="123">
        <v>0</v>
      </c>
      <c r="E18" s="124">
        <v>0</v>
      </c>
      <c r="F18" s="125">
        <v>0</v>
      </c>
      <c r="G18" s="125">
        <v>9</v>
      </c>
      <c r="H18" s="125">
        <v>2</v>
      </c>
      <c r="I18" s="123">
        <v>0</v>
      </c>
      <c r="J18" s="126">
        <v>11</v>
      </c>
      <c r="K18" s="127">
        <v>11</v>
      </c>
      <c r="L18" s="122">
        <v>0</v>
      </c>
      <c r="M18" s="123">
        <v>0</v>
      </c>
      <c r="N18" s="126">
        <v>0</v>
      </c>
      <c r="O18" s="129">
        <v>3</v>
      </c>
      <c r="P18" s="125">
        <v>2</v>
      </c>
      <c r="Q18" s="125">
        <v>5</v>
      </c>
      <c r="R18" s="125">
        <v>5</v>
      </c>
      <c r="S18" s="123">
        <v>4</v>
      </c>
      <c r="T18" s="126">
        <v>19</v>
      </c>
      <c r="U18" s="130">
        <v>19</v>
      </c>
      <c r="V18" s="129">
        <v>0</v>
      </c>
      <c r="W18" s="123">
        <v>0</v>
      </c>
      <c r="X18" s="123">
        <v>0</v>
      </c>
      <c r="Y18" s="124">
        <v>0</v>
      </c>
      <c r="Z18" s="125">
        <v>0</v>
      </c>
      <c r="AA18" s="125">
        <v>0</v>
      </c>
      <c r="AB18" s="125">
        <v>0</v>
      </c>
      <c r="AC18" s="123">
        <v>0</v>
      </c>
      <c r="AD18" s="126">
        <v>0</v>
      </c>
      <c r="AE18" s="127">
        <v>0</v>
      </c>
      <c r="AF18" s="122">
        <v>0</v>
      </c>
      <c r="AG18" s="123">
        <v>0</v>
      </c>
      <c r="AH18" s="123">
        <v>0</v>
      </c>
      <c r="AI18" s="124">
        <v>0</v>
      </c>
      <c r="AJ18" s="125">
        <v>0</v>
      </c>
      <c r="AK18" s="125">
        <v>0</v>
      </c>
      <c r="AL18" s="125">
        <v>1</v>
      </c>
      <c r="AM18" s="123">
        <v>0</v>
      </c>
      <c r="AN18" s="126">
        <v>1</v>
      </c>
      <c r="AO18" s="128">
        <v>1</v>
      </c>
      <c r="AP18" s="36"/>
    </row>
    <row r="19" spans="1:42" ht="20.25" customHeight="1" x14ac:dyDescent="0.2">
      <c r="A19" s="61" t="s">
        <v>17</v>
      </c>
      <c r="B19" s="122">
        <v>0</v>
      </c>
      <c r="C19" s="123">
        <v>0</v>
      </c>
      <c r="D19" s="123">
        <v>0</v>
      </c>
      <c r="E19" s="124">
        <v>1</v>
      </c>
      <c r="F19" s="125">
        <v>2</v>
      </c>
      <c r="G19" s="125">
        <v>6</v>
      </c>
      <c r="H19" s="125">
        <v>7</v>
      </c>
      <c r="I19" s="123">
        <v>7</v>
      </c>
      <c r="J19" s="126">
        <v>23</v>
      </c>
      <c r="K19" s="127">
        <v>23</v>
      </c>
      <c r="L19" s="122">
        <v>0</v>
      </c>
      <c r="M19" s="123">
        <v>0</v>
      </c>
      <c r="N19" s="126">
        <v>0</v>
      </c>
      <c r="O19" s="129">
        <v>0</v>
      </c>
      <c r="P19" s="125">
        <v>3</v>
      </c>
      <c r="Q19" s="125">
        <v>9</v>
      </c>
      <c r="R19" s="125">
        <v>8</v>
      </c>
      <c r="S19" s="123">
        <v>2</v>
      </c>
      <c r="T19" s="126">
        <v>22</v>
      </c>
      <c r="U19" s="130">
        <v>22</v>
      </c>
      <c r="V19" s="129">
        <v>0</v>
      </c>
      <c r="W19" s="123">
        <v>0</v>
      </c>
      <c r="X19" s="123">
        <v>0</v>
      </c>
      <c r="Y19" s="124">
        <v>0</v>
      </c>
      <c r="Z19" s="125">
        <v>0</v>
      </c>
      <c r="AA19" s="125">
        <v>0</v>
      </c>
      <c r="AB19" s="125">
        <v>0</v>
      </c>
      <c r="AC19" s="123">
        <v>1</v>
      </c>
      <c r="AD19" s="126">
        <v>1</v>
      </c>
      <c r="AE19" s="127">
        <v>1</v>
      </c>
      <c r="AF19" s="122">
        <v>0</v>
      </c>
      <c r="AG19" s="123">
        <v>0</v>
      </c>
      <c r="AH19" s="123">
        <v>0</v>
      </c>
      <c r="AI19" s="124">
        <v>0</v>
      </c>
      <c r="AJ19" s="125">
        <v>0</v>
      </c>
      <c r="AK19" s="125">
        <v>0</v>
      </c>
      <c r="AL19" s="125">
        <v>0</v>
      </c>
      <c r="AM19" s="123">
        <v>0</v>
      </c>
      <c r="AN19" s="126">
        <v>0</v>
      </c>
      <c r="AO19" s="128">
        <v>0</v>
      </c>
      <c r="AP19" s="36"/>
    </row>
    <row r="20" spans="1:42" ht="20.25" customHeight="1" x14ac:dyDescent="0.2">
      <c r="A20" s="61" t="s">
        <v>18</v>
      </c>
      <c r="B20" s="122">
        <v>0</v>
      </c>
      <c r="C20" s="123">
        <v>0</v>
      </c>
      <c r="D20" s="123">
        <v>0</v>
      </c>
      <c r="E20" s="124">
        <v>0</v>
      </c>
      <c r="F20" s="125">
        <v>0</v>
      </c>
      <c r="G20" s="125">
        <v>5</v>
      </c>
      <c r="H20" s="125">
        <v>18</v>
      </c>
      <c r="I20" s="123">
        <v>3</v>
      </c>
      <c r="J20" s="126">
        <v>26</v>
      </c>
      <c r="K20" s="127">
        <v>26</v>
      </c>
      <c r="L20" s="122">
        <v>0</v>
      </c>
      <c r="M20" s="123">
        <v>0</v>
      </c>
      <c r="N20" s="126">
        <v>0</v>
      </c>
      <c r="O20" s="129">
        <v>2</v>
      </c>
      <c r="P20" s="125">
        <v>2</v>
      </c>
      <c r="Q20" s="125">
        <v>6</v>
      </c>
      <c r="R20" s="125">
        <v>5</v>
      </c>
      <c r="S20" s="123">
        <v>5</v>
      </c>
      <c r="T20" s="126">
        <v>20</v>
      </c>
      <c r="U20" s="130">
        <v>20</v>
      </c>
      <c r="V20" s="129">
        <v>0</v>
      </c>
      <c r="W20" s="123">
        <v>0</v>
      </c>
      <c r="X20" s="123">
        <v>0</v>
      </c>
      <c r="Y20" s="124">
        <v>0</v>
      </c>
      <c r="Z20" s="125">
        <v>0</v>
      </c>
      <c r="AA20" s="125">
        <v>0</v>
      </c>
      <c r="AB20" s="125">
        <v>0</v>
      </c>
      <c r="AC20" s="123">
        <v>1</v>
      </c>
      <c r="AD20" s="126">
        <v>1</v>
      </c>
      <c r="AE20" s="127">
        <v>1</v>
      </c>
      <c r="AF20" s="122">
        <v>0</v>
      </c>
      <c r="AG20" s="123">
        <v>0</v>
      </c>
      <c r="AH20" s="123">
        <v>0</v>
      </c>
      <c r="AI20" s="124">
        <v>0</v>
      </c>
      <c r="AJ20" s="125">
        <v>0</v>
      </c>
      <c r="AK20" s="125">
        <v>0</v>
      </c>
      <c r="AL20" s="125">
        <v>0</v>
      </c>
      <c r="AM20" s="123">
        <v>0</v>
      </c>
      <c r="AN20" s="126">
        <v>0</v>
      </c>
      <c r="AO20" s="128">
        <v>0</v>
      </c>
      <c r="AP20" s="36"/>
    </row>
    <row r="21" spans="1:42" ht="20.25" customHeight="1" x14ac:dyDescent="0.2">
      <c r="A21" s="61" t="s">
        <v>19</v>
      </c>
      <c r="B21" s="122">
        <v>0</v>
      </c>
      <c r="C21" s="123">
        <v>0</v>
      </c>
      <c r="D21" s="123">
        <v>0</v>
      </c>
      <c r="E21" s="124">
        <v>0</v>
      </c>
      <c r="F21" s="125">
        <v>0</v>
      </c>
      <c r="G21" s="125">
        <v>2</v>
      </c>
      <c r="H21" s="125">
        <v>4</v>
      </c>
      <c r="I21" s="123">
        <v>3</v>
      </c>
      <c r="J21" s="126">
        <v>9</v>
      </c>
      <c r="K21" s="127">
        <v>9</v>
      </c>
      <c r="L21" s="122">
        <v>0</v>
      </c>
      <c r="M21" s="123">
        <v>0</v>
      </c>
      <c r="N21" s="126">
        <v>0</v>
      </c>
      <c r="O21" s="129">
        <v>1</v>
      </c>
      <c r="P21" s="125">
        <v>3</v>
      </c>
      <c r="Q21" s="125">
        <v>5</v>
      </c>
      <c r="R21" s="125">
        <v>0</v>
      </c>
      <c r="S21" s="123">
        <v>1</v>
      </c>
      <c r="T21" s="126">
        <v>10</v>
      </c>
      <c r="U21" s="130">
        <v>10</v>
      </c>
      <c r="V21" s="129">
        <v>0</v>
      </c>
      <c r="W21" s="123">
        <v>0</v>
      </c>
      <c r="X21" s="123">
        <v>0</v>
      </c>
      <c r="Y21" s="124">
        <v>0</v>
      </c>
      <c r="Z21" s="125">
        <v>0</v>
      </c>
      <c r="AA21" s="125">
        <v>0</v>
      </c>
      <c r="AB21" s="125">
        <v>0</v>
      </c>
      <c r="AC21" s="123">
        <v>0</v>
      </c>
      <c r="AD21" s="126">
        <v>0</v>
      </c>
      <c r="AE21" s="127">
        <v>0</v>
      </c>
      <c r="AF21" s="122">
        <v>0</v>
      </c>
      <c r="AG21" s="123">
        <v>0</v>
      </c>
      <c r="AH21" s="123">
        <v>0</v>
      </c>
      <c r="AI21" s="124">
        <v>0</v>
      </c>
      <c r="AJ21" s="125">
        <v>0</v>
      </c>
      <c r="AK21" s="125">
        <v>0</v>
      </c>
      <c r="AL21" s="125">
        <v>1</v>
      </c>
      <c r="AM21" s="123">
        <v>0</v>
      </c>
      <c r="AN21" s="126">
        <v>1</v>
      </c>
      <c r="AO21" s="128">
        <v>1</v>
      </c>
      <c r="AP21" s="36"/>
    </row>
    <row r="22" spans="1:42" ht="20.25" customHeight="1" x14ac:dyDescent="0.2">
      <c r="A22" s="61" t="s">
        <v>20</v>
      </c>
      <c r="B22" s="122">
        <v>0</v>
      </c>
      <c r="C22" s="123">
        <v>0</v>
      </c>
      <c r="D22" s="123">
        <v>0</v>
      </c>
      <c r="E22" s="124">
        <v>0</v>
      </c>
      <c r="F22" s="125">
        <v>1</v>
      </c>
      <c r="G22" s="125">
        <v>4</v>
      </c>
      <c r="H22" s="125">
        <v>7</v>
      </c>
      <c r="I22" s="123">
        <v>2</v>
      </c>
      <c r="J22" s="126">
        <v>14</v>
      </c>
      <c r="K22" s="127">
        <v>14</v>
      </c>
      <c r="L22" s="122">
        <v>0</v>
      </c>
      <c r="M22" s="123">
        <v>0</v>
      </c>
      <c r="N22" s="126">
        <v>0</v>
      </c>
      <c r="O22" s="129">
        <v>1</v>
      </c>
      <c r="P22" s="125">
        <v>2</v>
      </c>
      <c r="Q22" s="125">
        <v>4</v>
      </c>
      <c r="R22" s="125">
        <v>1</v>
      </c>
      <c r="S22" s="123">
        <v>0</v>
      </c>
      <c r="T22" s="126">
        <v>8</v>
      </c>
      <c r="U22" s="130">
        <v>8</v>
      </c>
      <c r="V22" s="129">
        <v>0</v>
      </c>
      <c r="W22" s="123">
        <v>0</v>
      </c>
      <c r="X22" s="123">
        <v>0</v>
      </c>
      <c r="Y22" s="124">
        <v>0</v>
      </c>
      <c r="Z22" s="125">
        <v>0</v>
      </c>
      <c r="AA22" s="125">
        <v>0</v>
      </c>
      <c r="AB22" s="125">
        <v>0</v>
      </c>
      <c r="AC22" s="123">
        <v>0</v>
      </c>
      <c r="AD22" s="126">
        <v>0</v>
      </c>
      <c r="AE22" s="127">
        <v>0</v>
      </c>
      <c r="AF22" s="122">
        <v>0</v>
      </c>
      <c r="AG22" s="123">
        <v>0</v>
      </c>
      <c r="AH22" s="123">
        <v>0</v>
      </c>
      <c r="AI22" s="124">
        <v>0</v>
      </c>
      <c r="AJ22" s="125">
        <v>0</v>
      </c>
      <c r="AK22" s="125">
        <v>0</v>
      </c>
      <c r="AL22" s="125">
        <v>0</v>
      </c>
      <c r="AM22" s="123">
        <v>0</v>
      </c>
      <c r="AN22" s="126">
        <v>0</v>
      </c>
      <c r="AO22" s="128">
        <v>0</v>
      </c>
      <c r="AP22" s="36"/>
    </row>
    <row r="23" spans="1:42" ht="20.25" customHeight="1" x14ac:dyDescent="0.2">
      <c r="A23" s="61" t="s">
        <v>21</v>
      </c>
      <c r="B23" s="122">
        <v>0</v>
      </c>
      <c r="C23" s="123">
        <v>0</v>
      </c>
      <c r="D23" s="123">
        <v>0</v>
      </c>
      <c r="E23" s="124">
        <v>0</v>
      </c>
      <c r="F23" s="125">
        <v>0</v>
      </c>
      <c r="G23" s="125">
        <v>2</v>
      </c>
      <c r="H23" s="125">
        <v>6</v>
      </c>
      <c r="I23" s="123">
        <v>2</v>
      </c>
      <c r="J23" s="126">
        <v>10</v>
      </c>
      <c r="K23" s="127">
        <v>10</v>
      </c>
      <c r="L23" s="122">
        <v>0</v>
      </c>
      <c r="M23" s="123">
        <v>0</v>
      </c>
      <c r="N23" s="126">
        <v>0</v>
      </c>
      <c r="O23" s="129">
        <v>0</v>
      </c>
      <c r="P23" s="125">
        <v>2</v>
      </c>
      <c r="Q23" s="125">
        <v>2</v>
      </c>
      <c r="R23" s="125">
        <v>4</v>
      </c>
      <c r="S23" s="123">
        <v>2</v>
      </c>
      <c r="T23" s="126">
        <v>10</v>
      </c>
      <c r="U23" s="130">
        <v>10</v>
      </c>
      <c r="V23" s="129">
        <v>0</v>
      </c>
      <c r="W23" s="123">
        <v>0</v>
      </c>
      <c r="X23" s="123">
        <v>0</v>
      </c>
      <c r="Y23" s="124">
        <v>0</v>
      </c>
      <c r="Z23" s="125">
        <v>0</v>
      </c>
      <c r="AA23" s="125">
        <v>0</v>
      </c>
      <c r="AB23" s="125">
        <v>0</v>
      </c>
      <c r="AC23" s="123">
        <v>0</v>
      </c>
      <c r="AD23" s="126">
        <v>0</v>
      </c>
      <c r="AE23" s="127">
        <v>0</v>
      </c>
      <c r="AF23" s="122">
        <v>0</v>
      </c>
      <c r="AG23" s="123">
        <v>0</v>
      </c>
      <c r="AH23" s="123">
        <v>0</v>
      </c>
      <c r="AI23" s="124">
        <v>0</v>
      </c>
      <c r="AJ23" s="125">
        <v>0</v>
      </c>
      <c r="AK23" s="125">
        <v>0</v>
      </c>
      <c r="AL23" s="125">
        <v>0</v>
      </c>
      <c r="AM23" s="123">
        <v>0</v>
      </c>
      <c r="AN23" s="126">
        <v>0</v>
      </c>
      <c r="AO23" s="128">
        <v>0</v>
      </c>
      <c r="AP23" s="36"/>
    </row>
    <row r="24" spans="1:42" ht="20.25" customHeight="1" x14ac:dyDescent="0.2">
      <c r="A24" s="61" t="s">
        <v>22</v>
      </c>
      <c r="B24" s="122">
        <v>0</v>
      </c>
      <c r="C24" s="123">
        <v>0</v>
      </c>
      <c r="D24" s="123">
        <v>0</v>
      </c>
      <c r="E24" s="124">
        <v>0</v>
      </c>
      <c r="F24" s="125">
        <v>0</v>
      </c>
      <c r="G24" s="125">
        <v>0</v>
      </c>
      <c r="H24" s="125">
        <v>0</v>
      </c>
      <c r="I24" s="123">
        <v>0</v>
      </c>
      <c r="J24" s="126">
        <v>0</v>
      </c>
      <c r="K24" s="127">
        <v>0</v>
      </c>
      <c r="L24" s="122">
        <v>0</v>
      </c>
      <c r="M24" s="123">
        <v>0</v>
      </c>
      <c r="N24" s="126">
        <v>0</v>
      </c>
      <c r="O24" s="129">
        <v>1</v>
      </c>
      <c r="P24" s="125">
        <v>1</v>
      </c>
      <c r="Q24" s="125">
        <v>1</v>
      </c>
      <c r="R24" s="125">
        <v>0</v>
      </c>
      <c r="S24" s="123">
        <v>0</v>
      </c>
      <c r="T24" s="126">
        <v>3</v>
      </c>
      <c r="U24" s="130">
        <v>3</v>
      </c>
      <c r="V24" s="129">
        <v>0</v>
      </c>
      <c r="W24" s="123">
        <v>0</v>
      </c>
      <c r="X24" s="123">
        <v>0</v>
      </c>
      <c r="Y24" s="124">
        <v>0</v>
      </c>
      <c r="Z24" s="125">
        <v>0</v>
      </c>
      <c r="AA24" s="125">
        <v>0</v>
      </c>
      <c r="AB24" s="125">
        <v>0</v>
      </c>
      <c r="AC24" s="123">
        <v>0</v>
      </c>
      <c r="AD24" s="126">
        <v>0</v>
      </c>
      <c r="AE24" s="127">
        <v>0</v>
      </c>
      <c r="AF24" s="122">
        <v>0</v>
      </c>
      <c r="AG24" s="123">
        <v>0</v>
      </c>
      <c r="AH24" s="123">
        <v>0</v>
      </c>
      <c r="AI24" s="124">
        <v>0</v>
      </c>
      <c r="AJ24" s="125">
        <v>0</v>
      </c>
      <c r="AK24" s="125">
        <v>0</v>
      </c>
      <c r="AL24" s="125">
        <v>0</v>
      </c>
      <c r="AM24" s="123">
        <v>0</v>
      </c>
      <c r="AN24" s="126">
        <v>0</v>
      </c>
      <c r="AO24" s="128">
        <v>0</v>
      </c>
      <c r="AP24" s="36"/>
    </row>
    <row r="25" spans="1:42" ht="20.25" customHeight="1" x14ac:dyDescent="0.2">
      <c r="A25" s="61" t="s">
        <v>23</v>
      </c>
      <c r="B25" s="122">
        <v>0</v>
      </c>
      <c r="C25" s="123">
        <v>0</v>
      </c>
      <c r="D25" s="123">
        <v>0</v>
      </c>
      <c r="E25" s="124">
        <v>0</v>
      </c>
      <c r="F25" s="125">
        <v>0</v>
      </c>
      <c r="G25" s="125">
        <v>2</v>
      </c>
      <c r="H25" s="125">
        <v>6</v>
      </c>
      <c r="I25" s="123">
        <v>1</v>
      </c>
      <c r="J25" s="126">
        <v>9</v>
      </c>
      <c r="K25" s="127">
        <v>9</v>
      </c>
      <c r="L25" s="122">
        <v>0</v>
      </c>
      <c r="M25" s="123">
        <v>0</v>
      </c>
      <c r="N25" s="126">
        <v>0</v>
      </c>
      <c r="O25" s="129">
        <v>0</v>
      </c>
      <c r="P25" s="125">
        <v>1</v>
      </c>
      <c r="Q25" s="125">
        <v>2</v>
      </c>
      <c r="R25" s="125">
        <v>1</v>
      </c>
      <c r="S25" s="123">
        <v>3</v>
      </c>
      <c r="T25" s="126">
        <v>7</v>
      </c>
      <c r="U25" s="130">
        <v>7</v>
      </c>
      <c r="V25" s="129">
        <v>0</v>
      </c>
      <c r="W25" s="123">
        <v>0</v>
      </c>
      <c r="X25" s="123">
        <v>0</v>
      </c>
      <c r="Y25" s="124">
        <v>0</v>
      </c>
      <c r="Z25" s="125">
        <v>0</v>
      </c>
      <c r="AA25" s="125">
        <v>1</v>
      </c>
      <c r="AB25" s="125">
        <v>0</v>
      </c>
      <c r="AC25" s="123">
        <v>0</v>
      </c>
      <c r="AD25" s="126">
        <v>1</v>
      </c>
      <c r="AE25" s="127">
        <v>1</v>
      </c>
      <c r="AF25" s="122">
        <v>0</v>
      </c>
      <c r="AG25" s="123">
        <v>0</v>
      </c>
      <c r="AH25" s="123">
        <v>0</v>
      </c>
      <c r="AI25" s="124">
        <v>0</v>
      </c>
      <c r="AJ25" s="125">
        <v>0</v>
      </c>
      <c r="AK25" s="125">
        <v>0</v>
      </c>
      <c r="AL25" s="125">
        <v>0</v>
      </c>
      <c r="AM25" s="123">
        <v>0</v>
      </c>
      <c r="AN25" s="126">
        <v>0</v>
      </c>
      <c r="AO25" s="128">
        <v>0</v>
      </c>
      <c r="AP25" s="36"/>
    </row>
    <row r="26" spans="1:42" ht="20.25" customHeight="1" x14ac:dyDescent="0.2">
      <c r="A26" s="61" t="s">
        <v>24</v>
      </c>
      <c r="B26" s="122">
        <v>0</v>
      </c>
      <c r="C26" s="123">
        <v>0</v>
      </c>
      <c r="D26" s="123">
        <v>0</v>
      </c>
      <c r="E26" s="124">
        <v>0</v>
      </c>
      <c r="F26" s="125">
        <v>0</v>
      </c>
      <c r="G26" s="125">
        <v>0</v>
      </c>
      <c r="H26" s="125">
        <v>2</v>
      </c>
      <c r="I26" s="123">
        <v>0</v>
      </c>
      <c r="J26" s="126">
        <v>2</v>
      </c>
      <c r="K26" s="127">
        <v>2</v>
      </c>
      <c r="L26" s="122">
        <v>0</v>
      </c>
      <c r="M26" s="123">
        <v>0</v>
      </c>
      <c r="N26" s="126">
        <v>0</v>
      </c>
      <c r="O26" s="129">
        <v>1</v>
      </c>
      <c r="P26" s="125">
        <v>0</v>
      </c>
      <c r="Q26" s="125">
        <v>0</v>
      </c>
      <c r="R26" s="125">
        <v>2</v>
      </c>
      <c r="S26" s="123">
        <v>0</v>
      </c>
      <c r="T26" s="126">
        <v>3</v>
      </c>
      <c r="U26" s="130">
        <v>3</v>
      </c>
      <c r="V26" s="129">
        <v>0</v>
      </c>
      <c r="W26" s="123">
        <v>0</v>
      </c>
      <c r="X26" s="123">
        <v>0</v>
      </c>
      <c r="Y26" s="124">
        <v>0</v>
      </c>
      <c r="Z26" s="125">
        <v>0</v>
      </c>
      <c r="AA26" s="125">
        <v>0</v>
      </c>
      <c r="AB26" s="125">
        <v>0</v>
      </c>
      <c r="AC26" s="123">
        <v>0</v>
      </c>
      <c r="AD26" s="126">
        <v>0</v>
      </c>
      <c r="AE26" s="127">
        <v>0</v>
      </c>
      <c r="AF26" s="122">
        <v>0</v>
      </c>
      <c r="AG26" s="123">
        <v>0</v>
      </c>
      <c r="AH26" s="123">
        <v>0</v>
      </c>
      <c r="AI26" s="124">
        <v>0</v>
      </c>
      <c r="AJ26" s="125">
        <v>0</v>
      </c>
      <c r="AK26" s="125">
        <v>0</v>
      </c>
      <c r="AL26" s="125">
        <v>0</v>
      </c>
      <c r="AM26" s="123">
        <v>0</v>
      </c>
      <c r="AN26" s="126">
        <v>0</v>
      </c>
      <c r="AO26" s="128">
        <v>0</v>
      </c>
      <c r="AP26" s="36"/>
    </row>
    <row r="27" spans="1:42" ht="20.25" customHeight="1" x14ac:dyDescent="0.2">
      <c r="A27" s="61" t="s">
        <v>25</v>
      </c>
      <c r="B27" s="122">
        <v>0</v>
      </c>
      <c r="C27" s="123">
        <v>0</v>
      </c>
      <c r="D27" s="123">
        <v>0</v>
      </c>
      <c r="E27" s="124">
        <v>0</v>
      </c>
      <c r="F27" s="125">
        <v>0</v>
      </c>
      <c r="G27" s="125">
        <v>0</v>
      </c>
      <c r="H27" s="125">
        <v>1</v>
      </c>
      <c r="I27" s="123">
        <v>2</v>
      </c>
      <c r="J27" s="126">
        <v>3</v>
      </c>
      <c r="K27" s="127">
        <v>3</v>
      </c>
      <c r="L27" s="122">
        <v>0</v>
      </c>
      <c r="M27" s="123">
        <v>0</v>
      </c>
      <c r="N27" s="126">
        <v>0</v>
      </c>
      <c r="O27" s="129">
        <v>0</v>
      </c>
      <c r="P27" s="125">
        <v>0</v>
      </c>
      <c r="Q27" s="125">
        <v>0</v>
      </c>
      <c r="R27" s="125">
        <v>1</v>
      </c>
      <c r="S27" s="123">
        <v>0</v>
      </c>
      <c r="T27" s="126">
        <v>1</v>
      </c>
      <c r="U27" s="130">
        <v>1</v>
      </c>
      <c r="V27" s="129">
        <v>0</v>
      </c>
      <c r="W27" s="123">
        <v>0</v>
      </c>
      <c r="X27" s="123">
        <v>0</v>
      </c>
      <c r="Y27" s="124">
        <v>0</v>
      </c>
      <c r="Z27" s="125">
        <v>0</v>
      </c>
      <c r="AA27" s="125">
        <v>0</v>
      </c>
      <c r="AB27" s="125">
        <v>0</v>
      </c>
      <c r="AC27" s="123">
        <v>0</v>
      </c>
      <c r="AD27" s="126">
        <v>0</v>
      </c>
      <c r="AE27" s="127">
        <v>0</v>
      </c>
      <c r="AF27" s="122">
        <v>0</v>
      </c>
      <c r="AG27" s="123">
        <v>0</v>
      </c>
      <c r="AH27" s="123">
        <v>0</v>
      </c>
      <c r="AI27" s="124">
        <v>0</v>
      </c>
      <c r="AJ27" s="125">
        <v>0</v>
      </c>
      <c r="AK27" s="125">
        <v>0</v>
      </c>
      <c r="AL27" s="125">
        <v>0</v>
      </c>
      <c r="AM27" s="123">
        <v>0</v>
      </c>
      <c r="AN27" s="126">
        <v>0</v>
      </c>
      <c r="AO27" s="128">
        <v>0</v>
      </c>
      <c r="AP27" s="36"/>
    </row>
    <row r="28" spans="1:42" ht="20.25" customHeight="1" x14ac:dyDescent="0.2">
      <c r="A28" s="61" t="s">
        <v>26</v>
      </c>
      <c r="B28" s="122">
        <v>0</v>
      </c>
      <c r="C28" s="123">
        <v>0</v>
      </c>
      <c r="D28" s="123">
        <v>0</v>
      </c>
      <c r="E28" s="124">
        <v>0</v>
      </c>
      <c r="F28" s="125">
        <v>0</v>
      </c>
      <c r="G28" s="125">
        <v>0</v>
      </c>
      <c r="H28" s="125">
        <v>2</v>
      </c>
      <c r="I28" s="123">
        <v>1</v>
      </c>
      <c r="J28" s="126">
        <v>3</v>
      </c>
      <c r="K28" s="127">
        <v>3</v>
      </c>
      <c r="L28" s="122">
        <v>0</v>
      </c>
      <c r="M28" s="123">
        <v>0</v>
      </c>
      <c r="N28" s="126">
        <v>0</v>
      </c>
      <c r="O28" s="129">
        <v>1</v>
      </c>
      <c r="P28" s="125">
        <v>1</v>
      </c>
      <c r="Q28" s="125">
        <v>1</v>
      </c>
      <c r="R28" s="125">
        <v>0</v>
      </c>
      <c r="S28" s="123">
        <v>0</v>
      </c>
      <c r="T28" s="126">
        <v>3</v>
      </c>
      <c r="U28" s="130">
        <v>3</v>
      </c>
      <c r="V28" s="129">
        <v>0</v>
      </c>
      <c r="W28" s="123">
        <v>0</v>
      </c>
      <c r="X28" s="123">
        <v>0</v>
      </c>
      <c r="Y28" s="124">
        <v>0</v>
      </c>
      <c r="Z28" s="125">
        <v>0</v>
      </c>
      <c r="AA28" s="125">
        <v>0</v>
      </c>
      <c r="AB28" s="125">
        <v>0</v>
      </c>
      <c r="AC28" s="123">
        <v>0</v>
      </c>
      <c r="AD28" s="126">
        <v>0</v>
      </c>
      <c r="AE28" s="127">
        <v>0</v>
      </c>
      <c r="AF28" s="122">
        <v>0</v>
      </c>
      <c r="AG28" s="123">
        <v>0</v>
      </c>
      <c r="AH28" s="123">
        <v>0</v>
      </c>
      <c r="AI28" s="124">
        <v>0</v>
      </c>
      <c r="AJ28" s="125">
        <v>0</v>
      </c>
      <c r="AK28" s="125">
        <v>0</v>
      </c>
      <c r="AL28" s="125">
        <v>0</v>
      </c>
      <c r="AM28" s="123">
        <v>0</v>
      </c>
      <c r="AN28" s="126">
        <v>0</v>
      </c>
      <c r="AO28" s="128">
        <v>0</v>
      </c>
      <c r="AP28" s="36"/>
    </row>
    <row r="29" spans="1:42" ht="20.25" customHeight="1" x14ac:dyDescent="0.2">
      <c r="A29" s="61" t="s">
        <v>27</v>
      </c>
      <c r="B29" s="122">
        <v>0</v>
      </c>
      <c r="C29" s="123">
        <v>0</v>
      </c>
      <c r="D29" s="123">
        <v>0</v>
      </c>
      <c r="E29" s="124">
        <v>0</v>
      </c>
      <c r="F29" s="125">
        <v>0</v>
      </c>
      <c r="G29" s="125">
        <v>2</v>
      </c>
      <c r="H29" s="125">
        <v>1</v>
      </c>
      <c r="I29" s="123">
        <v>0</v>
      </c>
      <c r="J29" s="126">
        <v>3</v>
      </c>
      <c r="K29" s="127">
        <v>3</v>
      </c>
      <c r="L29" s="122">
        <v>0</v>
      </c>
      <c r="M29" s="123">
        <v>0</v>
      </c>
      <c r="N29" s="126">
        <v>0</v>
      </c>
      <c r="O29" s="129">
        <v>0</v>
      </c>
      <c r="P29" s="125">
        <v>0</v>
      </c>
      <c r="Q29" s="125">
        <v>1</v>
      </c>
      <c r="R29" s="125">
        <v>1</v>
      </c>
      <c r="S29" s="123">
        <v>0</v>
      </c>
      <c r="T29" s="126">
        <v>2</v>
      </c>
      <c r="U29" s="130">
        <v>2</v>
      </c>
      <c r="V29" s="129">
        <v>0</v>
      </c>
      <c r="W29" s="123">
        <v>0</v>
      </c>
      <c r="X29" s="123">
        <v>0</v>
      </c>
      <c r="Y29" s="124">
        <v>0</v>
      </c>
      <c r="Z29" s="125">
        <v>0</v>
      </c>
      <c r="AA29" s="125">
        <v>0</v>
      </c>
      <c r="AB29" s="125">
        <v>0</v>
      </c>
      <c r="AC29" s="123">
        <v>0</v>
      </c>
      <c r="AD29" s="126">
        <v>0</v>
      </c>
      <c r="AE29" s="127">
        <v>0</v>
      </c>
      <c r="AF29" s="122">
        <v>0</v>
      </c>
      <c r="AG29" s="123">
        <v>0</v>
      </c>
      <c r="AH29" s="123">
        <v>0</v>
      </c>
      <c r="AI29" s="124">
        <v>0</v>
      </c>
      <c r="AJ29" s="125">
        <v>0</v>
      </c>
      <c r="AK29" s="125">
        <v>0</v>
      </c>
      <c r="AL29" s="125">
        <v>0</v>
      </c>
      <c r="AM29" s="123">
        <v>0</v>
      </c>
      <c r="AN29" s="126">
        <v>0</v>
      </c>
      <c r="AO29" s="128">
        <v>0</v>
      </c>
      <c r="AP29" s="36"/>
    </row>
    <row r="30" spans="1:42" ht="20.25" customHeight="1" x14ac:dyDescent="0.2">
      <c r="A30" s="61" t="s">
        <v>28</v>
      </c>
      <c r="B30" s="122">
        <v>0</v>
      </c>
      <c r="C30" s="123">
        <v>0</v>
      </c>
      <c r="D30" s="123">
        <v>0</v>
      </c>
      <c r="E30" s="124">
        <v>0</v>
      </c>
      <c r="F30" s="125">
        <v>0</v>
      </c>
      <c r="G30" s="125">
        <v>0</v>
      </c>
      <c r="H30" s="125">
        <v>2</v>
      </c>
      <c r="I30" s="123">
        <v>0</v>
      </c>
      <c r="J30" s="126">
        <v>2</v>
      </c>
      <c r="K30" s="127">
        <v>2</v>
      </c>
      <c r="L30" s="122">
        <v>0</v>
      </c>
      <c r="M30" s="123">
        <v>0</v>
      </c>
      <c r="N30" s="126">
        <v>0</v>
      </c>
      <c r="O30" s="129">
        <v>0</v>
      </c>
      <c r="P30" s="125">
        <v>0</v>
      </c>
      <c r="Q30" s="125">
        <v>1</v>
      </c>
      <c r="R30" s="125">
        <v>0</v>
      </c>
      <c r="S30" s="123">
        <v>1</v>
      </c>
      <c r="T30" s="126">
        <v>2</v>
      </c>
      <c r="U30" s="130">
        <v>2</v>
      </c>
      <c r="V30" s="129">
        <v>0</v>
      </c>
      <c r="W30" s="123">
        <v>0</v>
      </c>
      <c r="X30" s="123">
        <v>0</v>
      </c>
      <c r="Y30" s="124">
        <v>0</v>
      </c>
      <c r="Z30" s="125">
        <v>0</v>
      </c>
      <c r="AA30" s="125">
        <v>0</v>
      </c>
      <c r="AB30" s="125">
        <v>0</v>
      </c>
      <c r="AC30" s="123">
        <v>0</v>
      </c>
      <c r="AD30" s="126">
        <v>0</v>
      </c>
      <c r="AE30" s="127">
        <v>0</v>
      </c>
      <c r="AF30" s="122">
        <v>0</v>
      </c>
      <c r="AG30" s="123">
        <v>0</v>
      </c>
      <c r="AH30" s="123">
        <v>0</v>
      </c>
      <c r="AI30" s="124">
        <v>0</v>
      </c>
      <c r="AJ30" s="125">
        <v>0</v>
      </c>
      <c r="AK30" s="125">
        <v>0</v>
      </c>
      <c r="AL30" s="125">
        <v>0</v>
      </c>
      <c r="AM30" s="123">
        <v>0</v>
      </c>
      <c r="AN30" s="126">
        <v>0</v>
      </c>
      <c r="AO30" s="128">
        <v>0</v>
      </c>
      <c r="AP30" s="36"/>
    </row>
    <row r="31" spans="1:42" ht="20.25" customHeight="1" x14ac:dyDescent="0.2">
      <c r="A31" s="61" t="s">
        <v>29</v>
      </c>
      <c r="B31" s="122">
        <v>0</v>
      </c>
      <c r="C31" s="123">
        <v>0</v>
      </c>
      <c r="D31" s="123">
        <v>0</v>
      </c>
      <c r="E31" s="124">
        <v>0</v>
      </c>
      <c r="F31" s="125">
        <v>0</v>
      </c>
      <c r="G31" s="125">
        <v>1</v>
      </c>
      <c r="H31" s="125">
        <v>1</v>
      </c>
      <c r="I31" s="123">
        <v>0</v>
      </c>
      <c r="J31" s="126">
        <v>2</v>
      </c>
      <c r="K31" s="127">
        <v>2</v>
      </c>
      <c r="L31" s="122">
        <v>0</v>
      </c>
      <c r="M31" s="123">
        <v>0</v>
      </c>
      <c r="N31" s="126">
        <v>0</v>
      </c>
      <c r="O31" s="129">
        <v>0</v>
      </c>
      <c r="P31" s="125">
        <v>0</v>
      </c>
      <c r="Q31" s="125">
        <v>1</v>
      </c>
      <c r="R31" s="125">
        <v>0</v>
      </c>
      <c r="S31" s="123">
        <v>1</v>
      </c>
      <c r="T31" s="126">
        <v>2</v>
      </c>
      <c r="U31" s="130">
        <v>2</v>
      </c>
      <c r="V31" s="129">
        <v>0</v>
      </c>
      <c r="W31" s="123">
        <v>0</v>
      </c>
      <c r="X31" s="123">
        <v>0</v>
      </c>
      <c r="Y31" s="124">
        <v>0</v>
      </c>
      <c r="Z31" s="125">
        <v>0</v>
      </c>
      <c r="AA31" s="125">
        <v>0</v>
      </c>
      <c r="AB31" s="125">
        <v>0</v>
      </c>
      <c r="AC31" s="123">
        <v>0</v>
      </c>
      <c r="AD31" s="126">
        <v>0</v>
      </c>
      <c r="AE31" s="127">
        <v>0</v>
      </c>
      <c r="AF31" s="122">
        <v>0</v>
      </c>
      <c r="AG31" s="123">
        <v>0</v>
      </c>
      <c r="AH31" s="123">
        <v>0</v>
      </c>
      <c r="AI31" s="124">
        <v>0</v>
      </c>
      <c r="AJ31" s="125">
        <v>0</v>
      </c>
      <c r="AK31" s="125">
        <v>0</v>
      </c>
      <c r="AL31" s="125">
        <v>0</v>
      </c>
      <c r="AM31" s="123">
        <v>0</v>
      </c>
      <c r="AN31" s="126">
        <v>0</v>
      </c>
      <c r="AO31" s="128">
        <v>0</v>
      </c>
      <c r="AP31" s="36"/>
    </row>
    <row r="32" spans="1:42" ht="20.25" customHeight="1" x14ac:dyDescent="0.2">
      <c r="A32" s="61" t="s">
        <v>30</v>
      </c>
      <c r="B32" s="122">
        <v>0</v>
      </c>
      <c r="C32" s="123">
        <v>0</v>
      </c>
      <c r="D32" s="123">
        <v>0</v>
      </c>
      <c r="E32" s="124">
        <v>0</v>
      </c>
      <c r="F32" s="125">
        <v>0</v>
      </c>
      <c r="G32" s="125">
        <v>0</v>
      </c>
      <c r="H32" s="125">
        <v>0</v>
      </c>
      <c r="I32" s="123">
        <v>0</v>
      </c>
      <c r="J32" s="126">
        <v>0</v>
      </c>
      <c r="K32" s="127">
        <v>0</v>
      </c>
      <c r="L32" s="122">
        <v>0</v>
      </c>
      <c r="M32" s="123">
        <v>0</v>
      </c>
      <c r="N32" s="126">
        <v>0</v>
      </c>
      <c r="O32" s="129">
        <v>0</v>
      </c>
      <c r="P32" s="125">
        <v>1</v>
      </c>
      <c r="Q32" s="125">
        <v>0</v>
      </c>
      <c r="R32" s="125">
        <v>0</v>
      </c>
      <c r="S32" s="123">
        <v>1</v>
      </c>
      <c r="T32" s="126">
        <v>2</v>
      </c>
      <c r="U32" s="130">
        <v>2</v>
      </c>
      <c r="V32" s="129">
        <v>0</v>
      </c>
      <c r="W32" s="123">
        <v>0</v>
      </c>
      <c r="X32" s="123">
        <v>0</v>
      </c>
      <c r="Y32" s="124">
        <v>0</v>
      </c>
      <c r="Z32" s="125">
        <v>0</v>
      </c>
      <c r="AA32" s="125">
        <v>0</v>
      </c>
      <c r="AB32" s="125">
        <v>0</v>
      </c>
      <c r="AC32" s="123">
        <v>0</v>
      </c>
      <c r="AD32" s="126">
        <v>0</v>
      </c>
      <c r="AE32" s="127">
        <v>0</v>
      </c>
      <c r="AF32" s="122">
        <v>0</v>
      </c>
      <c r="AG32" s="123">
        <v>0</v>
      </c>
      <c r="AH32" s="123">
        <v>0</v>
      </c>
      <c r="AI32" s="124">
        <v>0</v>
      </c>
      <c r="AJ32" s="125">
        <v>0</v>
      </c>
      <c r="AK32" s="125">
        <v>0</v>
      </c>
      <c r="AL32" s="125">
        <v>0</v>
      </c>
      <c r="AM32" s="123">
        <v>0</v>
      </c>
      <c r="AN32" s="126">
        <v>0</v>
      </c>
      <c r="AO32" s="128">
        <v>0</v>
      </c>
      <c r="AP32" s="36"/>
    </row>
    <row r="33" spans="1:42" ht="20.25" customHeight="1" x14ac:dyDescent="0.2">
      <c r="A33" s="61" t="s">
        <v>31</v>
      </c>
      <c r="B33" s="122">
        <v>0</v>
      </c>
      <c r="C33" s="123">
        <v>0</v>
      </c>
      <c r="D33" s="123">
        <v>0</v>
      </c>
      <c r="E33" s="124">
        <v>0</v>
      </c>
      <c r="F33" s="125">
        <v>0</v>
      </c>
      <c r="G33" s="125">
        <v>2</v>
      </c>
      <c r="H33" s="125">
        <v>0</v>
      </c>
      <c r="I33" s="123">
        <v>0</v>
      </c>
      <c r="J33" s="126">
        <v>2</v>
      </c>
      <c r="K33" s="127">
        <v>2</v>
      </c>
      <c r="L33" s="122">
        <v>0</v>
      </c>
      <c r="M33" s="123">
        <v>0</v>
      </c>
      <c r="N33" s="126">
        <v>0</v>
      </c>
      <c r="O33" s="129">
        <v>0</v>
      </c>
      <c r="P33" s="125">
        <v>1</v>
      </c>
      <c r="Q33" s="125">
        <v>0</v>
      </c>
      <c r="R33" s="125">
        <v>1</v>
      </c>
      <c r="S33" s="123">
        <v>1</v>
      </c>
      <c r="T33" s="126">
        <v>3</v>
      </c>
      <c r="U33" s="130">
        <v>3</v>
      </c>
      <c r="V33" s="129">
        <v>0</v>
      </c>
      <c r="W33" s="123">
        <v>0</v>
      </c>
      <c r="X33" s="123">
        <v>0</v>
      </c>
      <c r="Y33" s="124">
        <v>0</v>
      </c>
      <c r="Z33" s="125">
        <v>0</v>
      </c>
      <c r="AA33" s="125">
        <v>0</v>
      </c>
      <c r="AB33" s="125">
        <v>0</v>
      </c>
      <c r="AC33" s="123">
        <v>0</v>
      </c>
      <c r="AD33" s="126">
        <v>0</v>
      </c>
      <c r="AE33" s="127">
        <v>0</v>
      </c>
      <c r="AF33" s="122">
        <v>0</v>
      </c>
      <c r="AG33" s="123">
        <v>0</v>
      </c>
      <c r="AH33" s="123">
        <v>0</v>
      </c>
      <c r="AI33" s="124">
        <v>0</v>
      </c>
      <c r="AJ33" s="125">
        <v>0</v>
      </c>
      <c r="AK33" s="125">
        <v>0</v>
      </c>
      <c r="AL33" s="125">
        <v>0</v>
      </c>
      <c r="AM33" s="123">
        <v>0</v>
      </c>
      <c r="AN33" s="126">
        <v>0</v>
      </c>
      <c r="AO33" s="128">
        <v>0</v>
      </c>
      <c r="AP33" s="36"/>
    </row>
    <row r="34" spans="1:42" ht="20.25" customHeight="1" x14ac:dyDescent="0.2">
      <c r="A34" s="61" t="s">
        <v>32</v>
      </c>
      <c r="B34" s="122">
        <v>0</v>
      </c>
      <c r="C34" s="123">
        <v>0</v>
      </c>
      <c r="D34" s="123">
        <v>0</v>
      </c>
      <c r="E34" s="124">
        <v>0</v>
      </c>
      <c r="F34" s="125">
        <v>0</v>
      </c>
      <c r="G34" s="125">
        <v>0</v>
      </c>
      <c r="H34" s="125">
        <v>0</v>
      </c>
      <c r="I34" s="123">
        <v>1</v>
      </c>
      <c r="J34" s="126">
        <v>1</v>
      </c>
      <c r="K34" s="127">
        <v>1</v>
      </c>
      <c r="L34" s="122">
        <v>0</v>
      </c>
      <c r="M34" s="123">
        <v>0</v>
      </c>
      <c r="N34" s="126">
        <v>0</v>
      </c>
      <c r="O34" s="129">
        <v>0</v>
      </c>
      <c r="P34" s="125">
        <v>0</v>
      </c>
      <c r="Q34" s="125">
        <v>0</v>
      </c>
      <c r="R34" s="125">
        <v>0</v>
      </c>
      <c r="S34" s="123">
        <v>0</v>
      </c>
      <c r="T34" s="126">
        <v>0</v>
      </c>
      <c r="U34" s="130">
        <v>0</v>
      </c>
      <c r="V34" s="129">
        <v>0</v>
      </c>
      <c r="W34" s="123">
        <v>0</v>
      </c>
      <c r="X34" s="123">
        <v>0</v>
      </c>
      <c r="Y34" s="124">
        <v>0</v>
      </c>
      <c r="Z34" s="125">
        <v>0</v>
      </c>
      <c r="AA34" s="125">
        <v>0</v>
      </c>
      <c r="AB34" s="125">
        <v>0</v>
      </c>
      <c r="AC34" s="123">
        <v>0</v>
      </c>
      <c r="AD34" s="126">
        <v>0</v>
      </c>
      <c r="AE34" s="127">
        <v>0</v>
      </c>
      <c r="AF34" s="122">
        <v>0</v>
      </c>
      <c r="AG34" s="123">
        <v>0</v>
      </c>
      <c r="AH34" s="123">
        <v>0</v>
      </c>
      <c r="AI34" s="124">
        <v>0</v>
      </c>
      <c r="AJ34" s="125">
        <v>0</v>
      </c>
      <c r="AK34" s="125">
        <v>0</v>
      </c>
      <c r="AL34" s="125">
        <v>0</v>
      </c>
      <c r="AM34" s="123">
        <v>0</v>
      </c>
      <c r="AN34" s="126">
        <v>0</v>
      </c>
      <c r="AO34" s="128">
        <v>0</v>
      </c>
      <c r="AP34" s="36"/>
    </row>
    <row r="35" spans="1:42" ht="20.25" customHeight="1" x14ac:dyDescent="0.2">
      <c r="A35" s="61" t="s">
        <v>33</v>
      </c>
      <c r="B35" s="122">
        <v>0</v>
      </c>
      <c r="C35" s="123">
        <v>0</v>
      </c>
      <c r="D35" s="123">
        <v>0</v>
      </c>
      <c r="E35" s="124">
        <v>0</v>
      </c>
      <c r="F35" s="125">
        <v>0</v>
      </c>
      <c r="G35" s="125">
        <v>0</v>
      </c>
      <c r="H35" s="125">
        <v>1</v>
      </c>
      <c r="I35" s="123">
        <v>0</v>
      </c>
      <c r="J35" s="126">
        <v>1</v>
      </c>
      <c r="K35" s="127">
        <v>1</v>
      </c>
      <c r="L35" s="122">
        <v>0</v>
      </c>
      <c r="M35" s="123">
        <v>0</v>
      </c>
      <c r="N35" s="126">
        <v>0</v>
      </c>
      <c r="O35" s="129">
        <v>0</v>
      </c>
      <c r="P35" s="125">
        <v>0</v>
      </c>
      <c r="Q35" s="125">
        <v>0</v>
      </c>
      <c r="R35" s="125">
        <v>0</v>
      </c>
      <c r="S35" s="123">
        <v>0</v>
      </c>
      <c r="T35" s="126">
        <v>0</v>
      </c>
      <c r="U35" s="130">
        <v>0</v>
      </c>
      <c r="V35" s="129">
        <v>0</v>
      </c>
      <c r="W35" s="123">
        <v>0</v>
      </c>
      <c r="X35" s="123">
        <v>0</v>
      </c>
      <c r="Y35" s="124">
        <v>0</v>
      </c>
      <c r="Z35" s="125">
        <v>0</v>
      </c>
      <c r="AA35" s="125">
        <v>0</v>
      </c>
      <c r="AB35" s="125">
        <v>0</v>
      </c>
      <c r="AC35" s="123">
        <v>0</v>
      </c>
      <c r="AD35" s="126">
        <v>0</v>
      </c>
      <c r="AE35" s="127">
        <v>0</v>
      </c>
      <c r="AF35" s="122">
        <v>0</v>
      </c>
      <c r="AG35" s="123">
        <v>0</v>
      </c>
      <c r="AH35" s="123">
        <v>0</v>
      </c>
      <c r="AI35" s="124">
        <v>0</v>
      </c>
      <c r="AJ35" s="125">
        <v>1</v>
      </c>
      <c r="AK35" s="125">
        <v>0</v>
      </c>
      <c r="AL35" s="125">
        <v>0</v>
      </c>
      <c r="AM35" s="123">
        <v>1</v>
      </c>
      <c r="AN35" s="126">
        <v>2</v>
      </c>
      <c r="AO35" s="128">
        <v>2</v>
      </c>
      <c r="AP35" s="36"/>
    </row>
    <row r="36" spans="1:42" ht="20.25" customHeight="1" x14ac:dyDescent="0.2">
      <c r="A36" s="61" t="s">
        <v>34</v>
      </c>
      <c r="B36" s="122">
        <v>0</v>
      </c>
      <c r="C36" s="123">
        <v>0</v>
      </c>
      <c r="D36" s="123">
        <v>0</v>
      </c>
      <c r="E36" s="124">
        <v>0</v>
      </c>
      <c r="F36" s="125">
        <v>0</v>
      </c>
      <c r="G36" s="125">
        <v>0</v>
      </c>
      <c r="H36" s="125">
        <v>0</v>
      </c>
      <c r="I36" s="123">
        <v>0</v>
      </c>
      <c r="J36" s="126">
        <v>0</v>
      </c>
      <c r="K36" s="127">
        <v>0</v>
      </c>
      <c r="L36" s="122">
        <v>0</v>
      </c>
      <c r="M36" s="123">
        <v>0</v>
      </c>
      <c r="N36" s="126">
        <v>0</v>
      </c>
      <c r="O36" s="129">
        <v>0</v>
      </c>
      <c r="P36" s="125">
        <v>0</v>
      </c>
      <c r="Q36" s="125">
        <v>1</v>
      </c>
      <c r="R36" s="125">
        <v>0</v>
      </c>
      <c r="S36" s="123">
        <v>0</v>
      </c>
      <c r="T36" s="126">
        <v>1</v>
      </c>
      <c r="U36" s="130">
        <v>1</v>
      </c>
      <c r="V36" s="129">
        <v>0</v>
      </c>
      <c r="W36" s="123">
        <v>0</v>
      </c>
      <c r="X36" s="123">
        <v>0</v>
      </c>
      <c r="Y36" s="124">
        <v>0</v>
      </c>
      <c r="Z36" s="125">
        <v>0</v>
      </c>
      <c r="AA36" s="125">
        <v>0</v>
      </c>
      <c r="AB36" s="125">
        <v>0</v>
      </c>
      <c r="AC36" s="123">
        <v>0</v>
      </c>
      <c r="AD36" s="126">
        <v>0</v>
      </c>
      <c r="AE36" s="127">
        <v>0</v>
      </c>
      <c r="AF36" s="122">
        <v>0</v>
      </c>
      <c r="AG36" s="123">
        <v>0</v>
      </c>
      <c r="AH36" s="123">
        <v>0</v>
      </c>
      <c r="AI36" s="124">
        <v>0</v>
      </c>
      <c r="AJ36" s="125">
        <v>0</v>
      </c>
      <c r="AK36" s="125">
        <v>0</v>
      </c>
      <c r="AL36" s="125">
        <v>0</v>
      </c>
      <c r="AM36" s="123">
        <v>0</v>
      </c>
      <c r="AN36" s="126">
        <v>0</v>
      </c>
      <c r="AO36" s="128">
        <v>0</v>
      </c>
      <c r="AP36" s="36"/>
    </row>
    <row r="37" spans="1:42" ht="20.25" customHeight="1" x14ac:dyDescent="0.2">
      <c r="A37" s="61" t="s">
        <v>35</v>
      </c>
      <c r="B37" s="122">
        <v>0</v>
      </c>
      <c r="C37" s="123">
        <v>0</v>
      </c>
      <c r="D37" s="123">
        <v>0</v>
      </c>
      <c r="E37" s="124">
        <v>0</v>
      </c>
      <c r="F37" s="125">
        <v>0</v>
      </c>
      <c r="G37" s="125">
        <v>1</v>
      </c>
      <c r="H37" s="125">
        <v>1</v>
      </c>
      <c r="I37" s="123">
        <v>0</v>
      </c>
      <c r="J37" s="126">
        <v>2</v>
      </c>
      <c r="K37" s="127">
        <v>2</v>
      </c>
      <c r="L37" s="122">
        <v>0</v>
      </c>
      <c r="M37" s="123">
        <v>0</v>
      </c>
      <c r="N37" s="126">
        <v>0</v>
      </c>
      <c r="O37" s="129">
        <v>0</v>
      </c>
      <c r="P37" s="125">
        <v>0</v>
      </c>
      <c r="Q37" s="125">
        <v>1</v>
      </c>
      <c r="R37" s="125">
        <v>1</v>
      </c>
      <c r="S37" s="123">
        <v>0</v>
      </c>
      <c r="T37" s="126">
        <v>2</v>
      </c>
      <c r="U37" s="130">
        <v>2</v>
      </c>
      <c r="V37" s="129">
        <v>0</v>
      </c>
      <c r="W37" s="123">
        <v>0</v>
      </c>
      <c r="X37" s="123">
        <v>0</v>
      </c>
      <c r="Y37" s="124">
        <v>0</v>
      </c>
      <c r="Z37" s="125">
        <v>0</v>
      </c>
      <c r="AA37" s="125">
        <v>0</v>
      </c>
      <c r="AB37" s="125">
        <v>0</v>
      </c>
      <c r="AC37" s="123">
        <v>0</v>
      </c>
      <c r="AD37" s="126">
        <v>0</v>
      </c>
      <c r="AE37" s="127">
        <v>0</v>
      </c>
      <c r="AF37" s="122">
        <v>0</v>
      </c>
      <c r="AG37" s="123">
        <v>0</v>
      </c>
      <c r="AH37" s="123">
        <v>0</v>
      </c>
      <c r="AI37" s="124">
        <v>0</v>
      </c>
      <c r="AJ37" s="125">
        <v>0</v>
      </c>
      <c r="AK37" s="125">
        <v>0</v>
      </c>
      <c r="AL37" s="125">
        <v>0</v>
      </c>
      <c r="AM37" s="123">
        <v>0</v>
      </c>
      <c r="AN37" s="126">
        <v>0</v>
      </c>
      <c r="AO37" s="128">
        <v>0</v>
      </c>
      <c r="AP37" s="36"/>
    </row>
    <row r="38" spans="1:42" ht="20.25" customHeight="1" x14ac:dyDescent="0.2">
      <c r="A38" s="61" t="s">
        <v>36</v>
      </c>
      <c r="B38" s="122">
        <v>0</v>
      </c>
      <c r="C38" s="123">
        <v>0</v>
      </c>
      <c r="D38" s="123">
        <v>0</v>
      </c>
      <c r="E38" s="124">
        <v>0</v>
      </c>
      <c r="F38" s="125">
        <v>0</v>
      </c>
      <c r="G38" s="125">
        <v>0</v>
      </c>
      <c r="H38" s="125">
        <v>1</v>
      </c>
      <c r="I38" s="123">
        <v>2</v>
      </c>
      <c r="J38" s="126">
        <v>3</v>
      </c>
      <c r="K38" s="127">
        <v>3</v>
      </c>
      <c r="L38" s="122">
        <v>0</v>
      </c>
      <c r="M38" s="123">
        <v>0</v>
      </c>
      <c r="N38" s="126">
        <v>0</v>
      </c>
      <c r="O38" s="129">
        <v>1</v>
      </c>
      <c r="P38" s="125">
        <v>0</v>
      </c>
      <c r="Q38" s="125">
        <v>0</v>
      </c>
      <c r="R38" s="125">
        <v>0</v>
      </c>
      <c r="S38" s="123">
        <v>1</v>
      </c>
      <c r="T38" s="126">
        <v>2</v>
      </c>
      <c r="U38" s="130">
        <v>2</v>
      </c>
      <c r="V38" s="129">
        <v>0</v>
      </c>
      <c r="W38" s="123">
        <v>0</v>
      </c>
      <c r="X38" s="123">
        <v>0</v>
      </c>
      <c r="Y38" s="124">
        <v>0</v>
      </c>
      <c r="Z38" s="125">
        <v>0</v>
      </c>
      <c r="AA38" s="125">
        <v>0</v>
      </c>
      <c r="AB38" s="125">
        <v>0</v>
      </c>
      <c r="AC38" s="123">
        <v>0</v>
      </c>
      <c r="AD38" s="126">
        <v>0</v>
      </c>
      <c r="AE38" s="127">
        <v>0</v>
      </c>
      <c r="AF38" s="122">
        <v>0</v>
      </c>
      <c r="AG38" s="123">
        <v>0</v>
      </c>
      <c r="AH38" s="123">
        <v>0</v>
      </c>
      <c r="AI38" s="124">
        <v>0</v>
      </c>
      <c r="AJ38" s="125">
        <v>0</v>
      </c>
      <c r="AK38" s="125">
        <v>0</v>
      </c>
      <c r="AL38" s="125">
        <v>1</v>
      </c>
      <c r="AM38" s="123">
        <v>0</v>
      </c>
      <c r="AN38" s="126">
        <v>1</v>
      </c>
      <c r="AO38" s="128">
        <v>1</v>
      </c>
      <c r="AP38" s="36"/>
    </row>
    <row r="39" spans="1:42" ht="20.25" customHeight="1" thickBot="1" x14ac:dyDescent="0.25">
      <c r="A39" s="62" t="s">
        <v>37</v>
      </c>
      <c r="B39" s="131">
        <v>0</v>
      </c>
      <c r="C39" s="132">
        <v>0</v>
      </c>
      <c r="D39" s="132">
        <v>0</v>
      </c>
      <c r="E39" s="133">
        <v>0</v>
      </c>
      <c r="F39" s="134">
        <v>0</v>
      </c>
      <c r="G39" s="134">
        <v>0</v>
      </c>
      <c r="H39" s="134">
        <v>0</v>
      </c>
      <c r="I39" s="132">
        <v>0</v>
      </c>
      <c r="J39" s="135">
        <v>0</v>
      </c>
      <c r="K39" s="136">
        <v>0</v>
      </c>
      <c r="L39" s="131">
        <v>0</v>
      </c>
      <c r="M39" s="132">
        <v>0</v>
      </c>
      <c r="N39" s="135">
        <v>0</v>
      </c>
      <c r="O39" s="138">
        <v>0</v>
      </c>
      <c r="P39" s="134">
        <v>0</v>
      </c>
      <c r="Q39" s="134">
        <v>0</v>
      </c>
      <c r="R39" s="134">
        <v>1</v>
      </c>
      <c r="S39" s="132">
        <v>0</v>
      </c>
      <c r="T39" s="135">
        <v>1</v>
      </c>
      <c r="U39" s="139">
        <v>1</v>
      </c>
      <c r="V39" s="138">
        <v>0</v>
      </c>
      <c r="W39" s="132">
        <v>0</v>
      </c>
      <c r="X39" s="132">
        <v>0</v>
      </c>
      <c r="Y39" s="133">
        <v>0</v>
      </c>
      <c r="Z39" s="134">
        <v>0</v>
      </c>
      <c r="AA39" s="134">
        <v>0</v>
      </c>
      <c r="AB39" s="134">
        <v>0</v>
      </c>
      <c r="AC39" s="132">
        <v>0</v>
      </c>
      <c r="AD39" s="135">
        <v>0</v>
      </c>
      <c r="AE39" s="136">
        <v>0</v>
      </c>
      <c r="AF39" s="131">
        <v>0</v>
      </c>
      <c r="AG39" s="132">
        <v>0</v>
      </c>
      <c r="AH39" s="132">
        <v>0</v>
      </c>
      <c r="AI39" s="133">
        <v>0</v>
      </c>
      <c r="AJ39" s="134">
        <v>0</v>
      </c>
      <c r="AK39" s="134">
        <v>0</v>
      </c>
      <c r="AL39" s="134">
        <v>0</v>
      </c>
      <c r="AM39" s="132">
        <v>1</v>
      </c>
      <c r="AN39" s="135">
        <v>1</v>
      </c>
      <c r="AO39" s="137">
        <v>1</v>
      </c>
      <c r="AP39" s="36"/>
    </row>
    <row r="40" spans="1:42" x14ac:dyDescent="0.2">
      <c r="B40" s="37"/>
      <c r="C40" s="37"/>
      <c r="D40" s="37"/>
      <c r="E40" s="37"/>
      <c r="F40" s="37"/>
      <c r="G40" s="37"/>
      <c r="H40" s="37"/>
      <c r="I40" s="37"/>
      <c r="J40" s="37"/>
      <c r="K40" s="37"/>
      <c r="L40" s="36"/>
      <c r="M40" s="36"/>
      <c r="N40" s="36"/>
      <c r="O40" s="36"/>
      <c r="P40" s="36"/>
      <c r="Q40" s="36"/>
      <c r="R40" s="36"/>
      <c r="S40" s="36"/>
      <c r="T40" s="36"/>
      <c r="U40" s="36"/>
      <c r="V40" s="36"/>
      <c r="W40" s="36"/>
      <c r="X40" s="36"/>
      <c r="Y40" s="36"/>
      <c r="Z40" s="36"/>
      <c r="AA40" s="36"/>
      <c r="AB40" s="36"/>
      <c r="AC40" s="36"/>
      <c r="AD40" s="36"/>
      <c r="AE40" s="36"/>
      <c r="AF40" s="36"/>
      <c r="AG40" s="36"/>
      <c r="AH40" s="36"/>
      <c r="AI40" s="36"/>
      <c r="AJ40" s="36"/>
      <c r="AK40" s="36"/>
      <c r="AL40" s="36"/>
      <c r="AM40" s="36"/>
      <c r="AN40" s="36"/>
      <c r="AO40" s="36"/>
      <c r="AP40" s="36"/>
    </row>
    <row r="41" spans="1:42" x14ac:dyDescent="0.2">
      <c r="B41" s="37"/>
      <c r="C41" s="37"/>
      <c r="D41" s="37"/>
      <c r="E41" s="37"/>
      <c r="F41" s="37"/>
      <c r="G41" s="37"/>
      <c r="H41" s="37"/>
      <c r="I41" s="37"/>
      <c r="J41" s="37"/>
      <c r="K41" s="37"/>
      <c r="L41" s="36"/>
      <c r="M41" s="36"/>
      <c r="N41" s="36"/>
      <c r="O41" s="36"/>
      <c r="P41" s="36"/>
      <c r="Q41" s="36"/>
      <c r="R41" s="36"/>
      <c r="S41" s="36"/>
      <c r="T41" s="36"/>
      <c r="U41" s="36"/>
      <c r="V41" s="36"/>
      <c r="W41" s="36"/>
      <c r="X41" s="36"/>
      <c r="Y41" s="36"/>
      <c r="Z41" s="36"/>
      <c r="AA41" s="36"/>
      <c r="AB41" s="36"/>
      <c r="AC41" s="36"/>
      <c r="AD41" s="36"/>
      <c r="AE41" s="36"/>
      <c r="AF41" s="36"/>
      <c r="AG41" s="36"/>
      <c r="AH41" s="36"/>
      <c r="AI41" s="36"/>
      <c r="AJ41" s="36"/>
      <c r="AK41" s="36"/>
      <c r="AL41" s="36"/>
      <c r="AM41" s="36"/>
      <c r="AN41" s="36"/>
      <c r="AO41" s="36"/>
      <c r="AP41" s="36"/>
    </row>
    <row r="42" spans="1:42" x14ac:dyDescent="0.2">
      <c r="B42" s="37"/>
      <c r="C42" s="37"/>
      <c r="D42" s="37"/>
      <c r="E42" s="37"/>
      <c r="F42" s="37"/>
      <c r="G42" s="37"/>
      <c r="H42" s="37"/>
      <c r="I42" s="37"/>
      <c r="J42" s="37"/>
      <c r="K42" s="37"/>
      <c r="L42" s="36"/>
      <c r="M42" s="36"/>
      <c r="N42" s="36"/>
      <c r="O42" s="36"/>
      <c r="P42" s="36"/>
      <c r="Q42" s="36"/>
      <c r="R42" s="36"/>
      <c r="S42" s="36"/>
      <c r="T42" s="36"/>
      <c r="U42" s="36"/>
      <c r="V42" s="36"/>
      <c r="W42" s="36"/>
      <c r="X42" s="36"/>
      <c r="Y42" s="36"/>
      <c r="Z42" s="36"/>
      <c r="AA42" s="36"/>
      <c r="AB42" s="36"/>
      <c r="AC42" s="36"/>
      <c r="AD42" s="36"/>
      <c r="AE42" s="36"/>
      <c r="AF42" s="36"/>
      <c r="AG42" s="36"/>
      <c r="AH42" s="36"/>
      <c r="AI42" s="36"/>
      <c r="AJ42" s="36"/>
      <c r="AK42" s="36"/>
      <c r="AL42" s="36"/>
      <c r="AM42" s="36"/>
      <c r="AN42" s="36"/>
      <c r="AO42" s="36"/>
      <c r="AP42" s="36"/>
    </row>
    <row r="43" spans="1:42" x14ac:dyDescent="0.2">
      <c r="B43" s="37"/>
      <c r="C43" s="37"/>
      <c r="D43" s="37"/>
      <c r="E43" s="37"/>
      <c r="F43" s="37"/>
      <c r="G43" s="37"/>
      <c r="H43" s="37"/>
      <c r="I43" s="37"/>
      <c r="J43" s="37"/>
      <c r="K43" s="37"/>
      <c r="L43" s="36"/>
      <c r="M43" s="36"/>
      <c r="N43" s="36"/>
      <c r="O43" s="36"/>
      <c r="P43" s="36"/>
      <c r="Q43" s="36"/>
      <c r="R43" s="36"/>
      <c r="S43" s="36"/>
      <c r="T43" s="36"/>
      <c r="U43" s="36"/>
      <c r="V43" s="36"/>
      <c r="W43" s="36"/>
      <c r="X43" s="36"/>
      <c r="Y43" s="36"/>
      <c r="Z43" s="36"/>
      <c r="AA43" s="36"/>
      <c r="AB43" s="36"/>
      <c r="AC43" s="36"/>
      <c r="AD43" s="36"/>
      <c r="AE43" s="36"/>
      <c r="AF43" s="36"/>
      <c r="AG43" s="36"/>
      <c r="AH43" s="36"/>
      <c r="AI43" s="36"/>
      <c r="AJ43" s="36"/>
      <c r="AK43" s="36"/>
      <c r="AL43" s="36"/>
      <c r="AM43" s="36"/>
      <c r="AN43" s="36"/>
      <c r="AO43" s="36"/>
      <c r="AP43" s="36"/>
    </row>
    <row r="44" spans="1:42" x14ac:dyDescent="0.2">
      <c r="B44" s="37"/>
      <c r="C44" s="37"/>
      <c r="D44" s="37"/>
      <c r="E44" s="37"/>
      <c r="F44" s="37"/>
      <c r="G44" s="37"/>
      <c r="H44" s="37"/>
      <c r="I44" s="37"/>
      <c r="J44" s="37"/>
      <c r="K44" s="37"/>
      <c r="L44" s="36"/>
      <c r="M44" s="36"/>
      <c r="N44" s="36"/>
      <c r="O44" s="36"/>
      <c r="P44" s="36"/>
      <c r="Q44" s="36"/>
      <c r="R44" s="36"/>
      <c r="S44" s="36"/>
      <c r="T44" s="36"/>
      <c r="U44" s="36"/>
      <c r="V44" s="36"/>
      <c r="W44" s="36"/>
      <c r="X44" s="36"/>
      <c r="Y44" s="36"/>
      <c r="Z44" s="36"/>
      <c r="AA44" s="36"/>
      <c r="AB44" s="36"/>
      <c r="AC44" s="36"/>
      <c r="AD44" s="36"/>
      <c r="AE44" s="36"/>
      <c r="AF44" s="36"/>
      <c r="AG44" s="36"/>
      <c r="AH44" s="36"/>
      <c r="AI44" s="36"/>
      <c r="AJ44" s="36"/>
      <c r="AK44" s="36"/>
      <c r="AL44" s="36"/>
      <c r="AM44" s="36"/>
      <c r="AN44" s="36"/>
      <c r="AO44" s="36"/>
      <c r="AP44" s="36"/>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F1:G1"/>
    <mergeCell ref="AF4:AH4"/>
    <mergeCell ref="AI4:AN4"/>
    <mergeCell ref="AO4:AO5"/>
    <mergeCell ref="A3:A4"/>
    <mergeCell ref="B3:K3"/>
    <mergeCell ref="L3:U3"/>
    <mergeCell ref="V3:AE3"/>
    <mergeCell ref="AF3:AO3"/>
    <mergeCell ref="B4:D4"/>
    <mergeCell ref="E4:J4"/>
    <mergeCell ref="K4:K5"/>
    <mergeCell ref="L4:N4"/>
    <mergeCell ref="O4:T4"/>
    <mergeCell ref="U4:U5"/>
    <mergeCell ref="V4:X4"/>
    <mergeCell ref="Y4:AD4"/>
    <mergeCell ref="AE4:AE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1" max="1048575" man="1"/>
    <brk id="21"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1" customWidth="1"/>
    <col min="2" max="2" width="8.21875" style="255" customWidth="1"/>
    <col min="3" max="4" width="10" style="255" customWidth="1"/>
    <col min="5" max="5" width="7" style="255" customWidth="1"/>
    <col min="6" max="12" width="10.33203125" style="255" customWidth="1"/>
    <col min="13" max="15" width="8.88671875" style="255" customWidth="1"/>
    <col min="16" max="16" width="7.6640625" style="255" customWidth="1"/>
    <col min="17" max="23" width="10.6640625" style="255" customWidth="1"/>
    <col min="24" max="26" width="8.88671875" style="255" customWidth="1"/>
    <col min="27" max="27" width="7.6640625" style="255" customWidth="1"/>
    <col min="28" max="28" width="8.88671875" style="255" customWidth="1"/>
    <col min="29" max="29" width="10.44140625" style="255" customWidth="1"/>
    <col min="30" max="32" width="8.88671875" style="255" customWidth="1"/>
    <col min="33" max="34" width="10" style="255" customWidth="1"/>
    <col min="35" max="37" width="8.88671875" style="255" customWidth="1"/>
    <col min="38" max="38" width="7.77734375" style="255" customWidth="1"/>
    <col min="39" max="48" width="8.88671875" style="255" customWidth="1"/>
    <col min="49" max="49" width="7.77734375" style="255" customWidth="1"/>
    <col min="50" max="54" width="8.88671875" style="255" customWidth="1"/>
    <col min="55" max="56" width="10.33203125" style="255" customWidth="1"/>
    <col min="57" max="59" width="8.88671875" style="255" customWidth="1"/>
    <col min="60" max="60" width="8" style="255" customWidth="1"/>
    <col min="61" max="70" width="8.88671875" style="255" customWidth="1"/>
    <col min="71" max="71" width="7.44140625" style="255" customWidth="1"/>
    <col min="72" max="76" width="8.88671875" style="255" customWidth="1"/>
    <col min="77" max="77" width="11.77734375" style="255" customWidth="1"/>
    <col min="78" max="78" width="12" style="255" customWidth="1"/>
    <col min="79" max="81" width="8.88671875" style="258" customWidth="1"/>
    <col min="82" max="82" width="7.77734375" style="258" customWidth="1"/>
    <col min="83" max="89" width="9" style="258" customWidth="1"/>
    <col min="90" max="92" width="8.88671875" style="255" customWidth="1"/>
    <col min="93" max="93" width="7.44140625" style="255" customWidth="1"/>
    <col min="94" max="96" width="10.109375" style="255" customWidth="1"/>
    <col min="97" max="98" width="8.88671875" style="255" customWidth="1"/>
    <col min="99" max="100" width="10.21875" style="255" customWidth="1"/>
    <col min="101" max="103" width="8.88671875" style="255" customWidth="1"/>
    <col min="104" max="104" width="7.33203125" style="255" customWidth="1"/>
    <col min="105" max="109" width="8.88671875" style="255" customWidth="1"/>
    <col min="110" max="111" width="9.21875" style="255" customWidth="1"/>
    <col min="112" max="114" width="8.88671875" style="258" customWidth="1"/>
    <col min="115" max="115" width="7.33203125" style="258" customWidth="1"/>
    <col min="116" max="120" width="8.88671875" style="258" customWidth="1"/>
    <col min="121" max="122" width="9.6640625" style="258" customWidth="1"/>
    <col min="123" max="125" width="8.88671875" style="255" customWidth="1"/>
    <col min="126" max="126" width="7.77734375" style="255" customWidth="1"/>
    <col min="127" max="131" width="8.88671875" style="255" customWidth="1"/>
    <col min="132" max="133" width="9.33203125" style="255" customWidth="1"/>
    <col min="134" max="136" width="8.88671875" style="255" customWidth="1"/>
    <col min="137" max="137" width="7.44140625" style="255" customWidth="1"/>
    <col min="138" max="147" width="8.88671875" style="255" customWidth="1"/>
    <col min="148" max="148" width="7.21875" style="255" customWidth="1"/>
    <col min="149" max="158" width="8.88671875" style="255" customWidth="1"/>
    <col min="159" max="159" width="7.21875" style="255" customWidth="1"/>
    <col min="160" max="166" width="8.88671875" style="255" customWidth="1"/>
    <col min="167" max="169" width="8.88671875" style="258" customWidth="1"/>
    <col min="170" max="170" width="7.33203125" style="258" customWidth="1"/>
    <col min="171" max="175" width="8.88671875" style="258" customWidth="1"/>
    <col min="176" max="177" width="9.6640625" style="258" customWidth="1"/>
    <col min="178" max="180" width="8.88671875" style="255" customWidth="1"/>
    <col min="181" max="181" width="7.21875" style="255" customWidth="1"/>
    <col min="182" max="186" width="8.88671875" style="255" customWidth="1"/>
    <col min="187" max="188" width="9.44140625" style="255" customWidth="1"/>
    <col min="189" max="191" width="8.88671875" style="255" customWidth="1"/>
    <col min="192" max="192" width="7.77734375" style="255" customWidth="1"/>
    <col min="193" max="202" width="8.88671875" style="255" customWidth="1"/>
    <col min="203" max="203" width="7.44140625" style="255" customWidth="1"/>
    <col min="204" max="213" width="8.88671875" style="255" customWidth="1"/>
    <col min="214" max="214" width="7.33203125" style="255" customWidth="1"/>
    <col min="215" max="217" width="8.88671875" style="255" customWidth="1"/>
    <col min="218" max="218" width="10.44140625" style="255" customWidth="1"/>
    <col min="219" max="219" width="8.88671875" style="255" customWidth="1"/>
    <col min="220" max="221" width="9.6640625" style="255" customWidth="1"/>
    <col min="222" max="224" width="8.88671875" style="255" customWidth="1"/>
    <col min="225" max="225" width="7.6640625" style="255" customWidth="1"/>
    <col min="226" max="230" width="8.88671875" style="255" customWidth="1"/>
    <col min="231" max="232" width="10" style="255" customWidth="1"/>
    <col min="233" max="234" width="7.44140625" style="258" customWidth="1"/>
    <col min="235" max="235" width="9.33203125" style="258" customWidth="1"/>
    <col min="236" max="236" width="7.44140625" style="258" customWidth="1"/>
    <col min="237" max="243" width="10.109375" style="258" customWidth="1"/>
    <col min="244" max="246" width="10.109375" style="255" customWidth="1"/>
    <col min="247" max="247" width="7.109375" style="255" customWidth="1"/>
    <col min="248" max="257" width="10.109375" style="255" customWidth="1"/>
    <col min="258" max="258" width="7.33203125" style="255" customWidth="1"/>
    <col min="259" max="268" width="10.109375" style="255" customWidth="1"/>
    <col min="269" max="269" width="7.21875" style="255" customWidth="1"/>
    <col min="270" max="279" width="10.109375" style="255" customWidth="1"/>
    <col min="280" max="280" width="7.6640625" style="255" customWidth="1"/>
    <col min="281" max="290" width="10.109375" style="255" customWidth="1"/>
    <col min="291" max="291" width="7" style="255" customWidth="1"/>
    <col min="292" max="301" width="10.109375" style="255" customWidth="1"/>
    <col min="302" max="302" width="7.44140625" style="255" customWidth="1"/>
    <col min="303" max="309" width="10.109375" style="255" customWidth="1"/>
    <col min="310" max="312" width="10.109375" style="258" customWidth="1"/>
    <col min="313" max="313" width="7.109375" style="258" customWidth="1"/>
    <col min="314" max="323" width="10.109375" style="258" customWidth="1"/>
    <col min="324" max="324" width="7.44140625" style="258" customWidth="1"/>
    <col min="325" max="334" width="10.109375" style="258" customWidth="1"/>
    <col min="335" max="335" width="6.88671875" style="258" customWidth="1"/>
    <col min="336" max="342" width="10.109375" style="258" customWidth="1"/>
    <col min="343" max="345" width="10.109375" style="255" customWidth="1"/>
    <col min="346" max="346" width="7.21875" style="255" customWidth="1"/>
    <col min="347" max="356" width="10.109375" style="255" customWidth="1"/>
    <col min="357" max="357" width="7.21875" style="255" customWidth="1"/>
    <col min="358" max="367" width="10.109375" style="255" customWidth="1"/>
    <col min="368" max="368" width="7" style="255" customWidth="1"/>
    <col min="369" max="378" width="10.109375" style="255" customWidth="1"/>
    <col min="379" max="379" width="6.88671875" style="255" customWidth="1"/>
    <col min="380" max="384" width="10.109375" style="255" customWidth="1"/>
    <col min="385" max="386" width="10.33203125" style="255" customWidth="1"/>
    <col min="387" max="389" width="10.109375" style="255" customWidth="1"/>
    <col min="390" max="390" width="6.88671875" style="255" customWidth="1"/>
    <col min="391" max="395" width="10.109375" style="255" customWidth="1"/>
    <col min="396" max="397" width="10.33203125" style="255" customWidth="1"/>
    <col min="398" max="400" width="9.21875" style="255" customWidth="1"/>
    <col min="401" max="401" width="7" style="255" customWidth="1"/>
    <col min="402" max="403" width="9.21875" style="255" customWidth="1"/>
    <col min="404" max="404" width="10.44140625" style="255" customWidth="1"/>
    <col min="405" max="405" width="12.109375" style="255" customWidth="1"/>
    <col min="406" max="406" width="10.109375" style="255" customWidth="1"/>
    <col min="407" max="408" width="10.33203125" style="255" customWidth="1"/>
    <col min="409" max="16384" width="8.21875" style="1"/>
  </cols>
  <sheetData>
    <row r="1" spans="1:408" ht="21" customHeight="1" x14ac:dyDescent="0.2">
      <c r="A1" s="19" t="s">
        <v>146</v>
      </c>
      <c r="F1" s="256">
        <f>第１表!F2</f>
        <v>4</v>
      </c>
      <c r="G1" s="257">
        <f>第１表!G2</f>
        <v>1</v>
      </c>
      <c r="H1" s="612">
        <f>IF(G1&lt;3,G1-2+12,G1-2)</f>
        <v>11</v>
      </c>
      <c r="I1" s="612"/>
      <c r="IA1" s="256"/>
      <c r="IB1" s="259"/>
      <c r="IC1" s="612"/>
      <c r="ID1" s="612"/>
    </row>
    <row r="2" spans="1:408" s="42" customFormat="1" ht="16.5" customHeight="1" x14ac:dyDescent="0.2">
      <c r="A2" s="19" t="s">
        <v>147</v>
      </c>
      <c r="B2" s="260"/>
      <c r="C2" s="260"/>
      <c r="D2" s="261"/>
      <c r="E2" s="257"/>
      <c r="F2" s="622"/>
      <c r="G2" s="622"/>
      <c r="H2" s="260"/>
      <c r="I2" s="260"/>
      <c r="J2" s="260"/>
      <c r="K2" s="260"/>
      <c r="L2" s="260"/>
      <c r="M2" s="260"/>
      <c r="N2" s="260"/>
      <c r="O2" s="260"/>
      <c r="P2" s="260"/>
      <c r="Q2" s="260"/>
      <c r="R2" s="260"/>
      <c r="S2" s="260"/>
      <c r="T2" s="260"/>
      <c r="U2" s="260"/>
      <c r="V2" s="260"/>
      <c r="W2" s="260"/>
      <c r="X2" s="260"/>
      <c r="Y2" s="260"/>
      <c r="Z2" s="260"/>
      <c r="AA2" s="260"/>
      <c r="AB2" s="260"/>
      <c r="AC2" s="260"/>
      <c r="AD2" s="260"/>
      <c r="AE2" s="260"/>
      <c r="AF2" s="260"/>
      <c r="AG2" s="260"/>
      <c r="AH2" s="260"/>
      <c r="AI2" s="260"/>
      <c r="AJ2" s="260"/>
      <c r="AK2" s="260"/>
      <c r="AL2" s="260"/>
      <c r="AM2" s="260"/>
      <c r="AN2" s="260"/>
      <c r="AO2" s="260"/>
      <c r="AP2" s="260"/>
      <c r="AQ2" s="260"/>
      <c r="AR2" s="260"/>
      <c r="AS2" s="260"/>
      <c r="AT2" s="260"/>
      <c r="AU2" s="260"/>
      <c r="AV2" s="260"/>
      <c r="AW2" s="260"/>
      <c r="AX2" s="260"/>
      <c r="AY2" s="260"/>
      <c r="AZ2" s="260"/>
      <c r="BA2" s="260"/>
      <c r="BB2" s="260"/>
      <c r="BC2" s="260"/>
      <c r="BD2" s="260"/>
      <c r="BE2" s="260"/>
      <c r="BF2" s="260"/>
      <c r="BG2" s="260"/>
      <c r="BH2" s="260"/>
      <c r="BI2" s="260"/>
      <c r="BJ2" s="260"/>
      <c r="BK2" s="260"/>
      <c r="BL2" s="260"/>
      <c r="BM2" s="260"/>
      <c r="BN2" s="260"/>
      <c r="BO2" s="260"/>
      <c r="BP2" s="260"/>
      <c r="BQ2" s="260"/>
      <c r="BR2" s="260"/>
      <c r="BS2" s="260"/>
      <c r="BT2" s="260"/>
      <c r="BU2" s="260"/>
      <c r="BV2" s="260"/>
      <c r="BW2" s="260"/>
      <c r="BX2" s="260"/>
      <c r="BY2" s="260"/>
      <c r="BZ2" s="260"/>
      <c r="CA2" s="262"/>
      <c r="CB2" s="262"/>
      <c r="CC2" s="262"/>
      <c r="CD2" s="262"/>
      <c r="CE2" s="262"/>
      <c r="CF2" s="262"/>
      <c r="CG2" s="262"/>
      <c r="CH2" s="262"/>
      <c r="CI2" s="262"/>
      <c r="CJ2" s="262"/>
      <c r="CK2" s="262"/>
      <c r="CL2" s="260"/>
      <c r="CM2" s="260"/>
      <c r="CN2" s="260"/>
      <c r="CO2" s="260"/>
      <c r="CP2" s="260"/>
      <c r="CQ2" s="260"/>
      <c r="CR2" s="260"/>
      <c r="CS2" s="260"/>
      <c r="CT2" s="260"/>
      <c r="CU2" s="260"/>
      <c r="CV2" s="260"/>
      <c r="CW2" s="260"/>
      <c r="CX2" s="260"/>
      <c r="CY2" s="260"/>
      <c r="CZ2" s="260"/>
      <c r="DA2" s="260"/>
      <c r="DB2" s="260"/>
      <c r="DC2" s="260"/>
      <c r="DD2" s="260"/>
      <c r="DE2" s="260"/>
      <c r="DF2" s="260"/>
      <c r="DG2" s="260"/>
      <c r="DH2" s="262"/>
      <c r="DI2" s="262"/>
      <c r="DJ2" s="262"/>
      <c r="DK2" s="262"/>
      <c r="DL2" s="262"/>
      <c r="DM2" s="262"/>
      <c r="DN2" s="262"/>
      <c r="DO2" s="262"/>
      <c r="DP2" s="262"/>
      <c r="DQ2" s="262"/>
      <c r="DR2" s="262"/>
      <c r="DS2" s="260"/>
      <c r="DT2" s="260"/>
      <c r="DU2" s="260"/>
      <c r="DV2" s="260"/>
      <c r="DW2" s="260"/>
      <c r="DX2" s="260"/>
      <c r="DY2" s="260"/>
      <c r="DZ2" s="260"/>
      <c r="EA2" s="260"/>
      <c r="EB2" s="260"/>
      <c r="EC2" s="260"/>
      <c r="ED2" s="260"/>
      <c r="EE2" s="260"/>
      <c r="EF2" s="260"/>
      <c r="EG2" s="260"/>
      <c r="EH2" s="260"/>
      <c r="EI2" s="260"/>
      <c r="EJ2" s="260"/>
      <c r="EK2" s="260"/>
      <c r="EL2" s="260"/>
      <c r="EM2" s="260"/>
      <c r="EN2" s="260"/>
      <c r="EO2" s="260"/>
      <c r="EP2" s="260"/>
      <c r="EQ2" s="260"/>
      <c r="ER2" s="260"/>
      <c r="ES2" s="260"/>
      <c r="ET2" s="260"/>
      <c r="EU2" s="260"/>
      <c r="EV2" s="260"/>
      <c r="EW2" s="260"/>
      <c r="EX2" s="260"/>
      <c r="EY2" s="260"/>
      <c r="EZ2" s="260"/>
      <c r="FA2" s="260"/>
      <c r="FB2" s="260"/>
      <c r="FC2" s="260"/>
      <c r="FD2" s="260"/>
      <c r="FE2" s="260"/>
      <c r="FF2" s="260"/>
      <c r="FG2" s="260"/>
      <c r="FH2" s="260"/>
      <c r="FI2" s="260"/>
      <c r="FJ2" s="260"/>
      <c r="FK2" s="262"/>
      <c r="FL2" s="262"/>
      <c r="FM2" s="262"/>
      <c r="FN2" s="262"/>
      <c r="FO2" s="262"/>
      <c r="FP2" s="262"/>
      <c r="FQ2" s="262"/>
      <c r="FR2" s="262"/>
      <c r="FS2" s="262"/>
      <c r="FT2" s="262"/>
      <c r="FU2" s="262"/>
      <c r="FV2" s="260"/>
      <c r="FW2" s="260"/>
      <c r="FX2" s="260"/>
      <c r="FY2" s="260"/>
      <c r="FZ2" s="260"/>
      <c r="GA2" s="260"/>
      <c r="GB2" s="260"/>
      <c r="GC2" s="260"/>
      <c r="GD2" s="260"/>
      <c r="GE2" s="260"/>
      <c r="GF2" s="260"/>
      <c r="GG2" s="260"/>
      <c r="GH2" s="260"/>
      <c r="GI2" s="260"/>
      <c r="GJ2" s="260"/>
      <c r="GK2" s="260"/>
      <c r="GL2" s="260"/>
      <c r="GM2" s="260"/>
      <c r="GN2" s="260"/>
      <c r="GO2" s="260"/>
      <c r="GP2" s="260"/>
      <c r="GQ2" s="260"/>
      <c r="GR2" s="260"/>
      <c r="GS2" s="260"/>
      <c r="GT2" s="260"/>
      <c r="GU2" s="260"/>
      <c r="GV2" s="260"/>
      <c r="GW2" s="260"/>
      <c r="GX2" s="260"/>
      <c r="GY2" s="260"/>
      <c r="GZ2" s="260"/>
      <c r="HA2" s="260"/>
      <c r="HB2" s="260"/>
      <c r="HC2" s="260"/>
      <c r="HD2" s="260"/>
      <c r="HE2" s="260"/>
      <c r="HF2" s="260"/>
      <c r="HG2" s="260"/>
      <c r="HH2" s="260"/>
      <c r="HI2" s="260"/>
      <c r="HJ2" s="260"/>
      <c r="HK2" s="260"/>
      <c r="HL2" s="260"/>
      <c r="HM2" s="260"/>
      <c r="HN2" s="260"/>
      <c r="HO2" s="260"/>
      <c r="HP2" s="260"/>
      <c r="HQ2" s="260"/>
      <c r="HR2" s="260"/>
      <c r="HS2" s="260"/>
      <c r="HT2" s="260"/>
      <c r="HU2" s="260"/>
      <c r="HV2" s="260"/>
      <c r="HW2" s="260"/>
      <c r="HX2" s="260"/>
      <c r="HY2" s="258"/>
      <c r="HZ2" s="258"/>
      <c r="IA2" s="263"/>
      <c r="IB2" s="259"/>
      <c r="IC2" s="264"/>
      <c r="ID2" s="264"/>
      <c r="IE2" s="258"/>
      <c r="IF2" s="258"/>
      <c r="IG2" s="258"/>
      <c r="IH2" s="258"/>
      <c r="II2" s="258"/>
      <c r="IJ2" s="255"/>
      <c r="IK2" s="255"/>
      <c r="IL2" s="255"/>
      <c r="IM2" s="255"/>
      <c r="IN2" s="255"/>
      <c r="IO2" s="255"/>
      <c r="IP2" s="255"/>
      <c r="IQ2" s="255"/>
      <c r="IR2" s="255"/>
      <c r="IS2" s="255"/>
      <c r="IT2" s="255"/>
      <c r="IU2" s="255"/>
      <c r="IV2" s="255"/>
      <c r="IW2" s="255"/>
      <c r="IX2" s="255"/>
      <c r="IY2" s="255"/>
      <c r="IZ2" s="255"/>
      <c r="JA2" s="255"/>
      <c r="JB2" s="255"/>
      <c r="JC2" s="255"/>
      <c r="JD2" s="255"/>
      <c r="JE2" s="255"/>
      <c r="JF2" s="255"/>
      <c r="JG2" s="255"/>
      <c r="JH2" s="255"/>
      <c r="JI2" s="255"/>
      <c r="JJ2" s="255"/>
      <c r="JK2" s="255"/>
      <c r="JL2" s="255"/>
      <c r="JM2" s="255"/>
      <c r="JN2" s="255"/>
      <c r="JO2" s="255"/>
      <c r="JP2" s="255"/>
      <c r="JQ2" s="255"/>
      <c r="JR2" s="255"/>
      <c r="JS2" s="255"/>
      <c r="JT2" s="255"/>
      <c r="JU2" s="255"/>
      <c r="JV2" s="255"/>
      <c r="JW2" s="255"/>
      <c r="JX2" s="255"/>
      <c r="JY2" s="255"/>
      <c r="JZ2" s="255"/>
      <c r="KA2" s="255"/>
      <c r="KB2" s="255"/>
      <c r="KC2" s="255"/>
      <c r="KD2" s="255"/>
      <c r="KE2" s="255"/>
      <c r="KF2" s="255"/>
      <c r="KG2" s="255"/>
      <c r="KH2" s="255"/>
      <c r="KI2" s="255"/>
      <c r="KJ2" s="255"/>
      <c r="KK2" s="255"/>
      <c r="KL2" s="255"/>
      <c r="KM2" s="255"/>
      <c r="KN2" s="255"/>
      <c r="KO2" s="255"/>
      <c r="KP2" s="255"/>
      <c r="KQ2" s="255"/>
      <c r="KR2" s="255"/>
      <c r="KS2" s="255"/>
      <c r="KT2" s="255"/>
      <c r="KU2" s="255"/>
      <c r="KV2" s="255"/>
      <c r="KW2" s="255"/>
      <c r="KX2" s="258"/>
      <c r="KY2" s="258"/>
      <c r="KZ2" s="258"/>
      <c r="LA2" s="258"/>
      <c r="LB2" s="258"/>
      <c r="LC2" s="258"/>
      <c r="LD2" s="258"/>
      <c r="LE2" s="258"/>
      <c r="LF2" s="258"/>
      <c r="LG2" s="258"/>
      <c r="LH2" s="258"/>
      <c r="LI2" s="258"/>
      <c r="LJ2" s="258"/>
      <c r="LK2" s="258"/>
      <c r="LL2" s="258"/>
      <c r="LM2" s="258"/>
      <c r="LN2" s="258"/>
      <c r="LO2" s="258"/>
      <c r="LP2" s="258"/>
      <c r="LQ2" s="258"/>
      <c r="LR2" s="258"/>
      <c r="LS2" s="258"/>
      <c r="LT2" s="258"/>
      <c r="LU2" s="258"/>
      <c r="LV2" s="258"/>
      <c r="LW2" s="258"/>
      <c r="LX2" s="258"/>
      <c r="LY2" s="258"/>
      <c r="LZ2" s="258"/>
      <c r="MA2" s="258"/>
      <c r="MB2" s="258"/>
      <c r="MC2" s="258"/>
      <c r="MD2" s="258"/>
      <c r="ME2" s="255"/>
      <c r="MF2" s="255"/>
      <c r="MG2" s="255"/>
      <c r="MH2" s="255"/>
      <c r="MI2" s="255"/>
      <c r="MJ2" s="255"/>
      <c r="MK2" s="255"/>
      <c r="ML2" s="255"/>
      <c r="MM2" s="255"/>
      <c r="MN2" s="255"/>
      <c r="MO2" s="255"/>
      <c r="MP2" s="255"/>
      <c r="MQ2" s="255"/>
      <c r="MR2" s="255"/>
      <c r="MS2" s="255"/>
      <c r="MT2" s="255"/>
      <c r="MU2" s="255"/>
      <c r="MV2" s="255"/>
      <c r="MW2" s="255"/>
      <c r="MX2" s="255"/>
      <c r="MY2" s="255"/>
      <c r="MZ2" s="255"/>
      <c r="NA2" s="255"/>
      <c r="NB2" s="255"/>
      <c r="NC2" s="255"/>
      <c r="ND2" s="255"/>
      <c r="NE2" s="255"/>
      <c r="NF2" s="255"/>
      <c r="NG2" s="255"/>
      <c r="NH2" s="255"/>
      <c r="NI2" s="255"/>
      <c r="NJ2" s="255"/>
      <c r="NK2" s="255"/>
      <c r="NL2" s="255"/>
      <c r="NM2" s="255"/>
      <c r="NN2" s="255"/>
      <c r="NO2" s="255"/>
      <c r="NP2" s="255"/>
      <c r="NQ2" s="255"/>
      <c r="NR2" s="255"/>
      <c r="NS2" s="255"/>
      <c r="NT2" s="255"/>
      <c r="NU2" s="255"/>
      <c r="NV2" s="255"/>
      <c r="NW2" s="255"/>
      <c r="NX2" s="255"/>
      <c r="NY2" s="255"/>
      <c r="NZ2" s="255"/>
      <c r="OA2" s="255"/>
      <c r="OB2" s="255"/>
      <c r="OC2" s="255"/>
      <c r="OD2" s="255"/>
      <c r="OE2" s="255"/>
      <c r="OF2" s="255"/>
      <c r="OG2" s="255"/>
      <c r="OH2" s="255"/>
      <c r="OI2" s="255"/>
      <c r="OJ2" s="255"/>
      <c r="OK2" s="255"/>
      <c r="OL2" s="255"/>
      <c r="OM2" s="255"/>
      <c r="ON2" s="255"/>
      <c r="OO2" s="255"/>
      <c r="OP2" s="255"/>
      <c r="OQ2" s="255"/>
      <c r="OR2" s="255"/>
    </row>
    <row r="3" spans="1:408" s="42" customFormat="1" ht="18.75" customHeight="1" thickBot="1" x14ac:dyDescent="0.25">
      <c r="A3" s="19" t="s">
        <v>148</v>
      </c>
      <c r="B3" s="260"/>
      <c r="C3" s="260"/>
      <c r="D3" s="260"/>
      <c r="E3" s="260"/>
      <c r="F3" s="260"/>
      <c r="G3" s="260"/>
      <c r="H3" s="260"/>
      <c r="I3" s="260"/>
      <c r="J3" s="260"/>
      <c r="K3" s="260"/>
      <c r="L3" s="260"/>
      <c r="M3" s="260"/>
      <c r="N3" s="260"/>
      <c r="O3" s="260"/>
      <c r="P3" s="260"/>
      <c r="Q3" s="260"/>
      <c r="R3" s="260"/>
      <c r="S3" s="260"/>
      <c r="T3" s="260"/>
      <c r="U3" s="260"/>
      <c r="V3" s="260"/>
      <c r="W3" s="260"/>
      <c r="X3" s="260"/>
      <c r="Y3" s="260"/>
      <c r="Z3" s="260"/>
      <c r="AA3" s="260"/>
      <c r="AB3" s="260"/>
      <c r="AC3" s="260"/>
      <c r="AD3" s="260"/>
      <c r="AE3" s="260"/>
      <c r="AF3" s="260"/>
      <c r="AG3" s="260"/>
      <c r="AH3" s="260"/>
      <c r="AI3" s="260"/>
      <c r="AJ3" s="260"/>
      <c r="AK3" s="260"/>
      <c r="AL3" s="260"/>
      <c r="AM3" s="260"/>
      <c r="AN3" s="260"/>
      <c r="AO3" s="260"/>
      <c r="AP3" s="260"/>
      <c r="AQ3" s="260"/>
      <c r="AR3" s="260"/>
      <c r="AS3" s="260"/>
      <c r="AT3" s="260"/>
      <c r="AU3" s="260"/>
      <c r="AV3" s="260"/>
      <c r="AW3" s="260"/>
      <c r="AX3" s="260"/>
      <c r="AY3" s="260"/>
      <c r="AZ3" s="260"/>
      <c r="BA3" s="260"/>
      <c r="BB3" s="260"/>
      <c r="BC3" s="260"/>
      <c r="BD3" s="260"/>
      <c r="BE3" s="260"/>
      <c r="BF3" s="260"/>
      <c r="BG3" s="260"/>
      <c r="BH3" s="260"/>
      <c r="BI3" s="260"/>
      <c r="BJ3" s="260"/>
      <c r="BK3" s="260"/>
      <c r="BL3" s="260"/>
      <c r="BM3" s="260"/>
      <c r="BN3" s="260"/>
      <c r="BO3" s="260"/>
      <c r="BP3" s="260"/>
      <c r="BQ3" s="260"/>
      <c r="BR3" s="260"/>
      <c r="BS3" s="260"/>
      <c r="BT3" s="260"/>
      <c r="BU3" s="260"/>
      <c r="BV3" s="260"/>
      <c r="BW3" s="260"/>
      <c r="BX3" s="260"/>
      <c r="BY3" s="260"/>
      <c r="BZ3" s="260"/>
      <c r="CA3" s="262"/>
      <c r="CB3" s="262"/>
      <c r="CC3" s="262"/>
      <c r="CD3" s="262"/>
      <c r="CE3" s="262"/>
      <c r="CF3" s="262"/>
      <c r="CG3" s="262"/>
      <c r="CH3" s="262"/>
      <c r="CI3" s="262"/>
      <c r="CJ3" s="262"/>
      <c r="CK3" s="262"/>
      <c r="CL3" s="260"/>
      <c r="CM3" s="260"/>
      <c r="CN3" s="260"/>
      <c r="CO3" s="260"/>
      <c r="CP3" s="260"/>
      <c r="CQ3" s="260"/>
      <c r="CR3" s="260"/>
      <c r="CS3" s="260"/>
      <c r="CT3" s="260"/>
      <c r="CU3" s="260"/>
      <c r="CV3" s="260"/>
      <c r="CW3" s="260"/>
      <c r="CX3" s="260"/>
      <c r="CY3" s="260"/>
      <c r="CZ3" s="260"/>
      <c r="DA3" s="260"/>
      <c r="DB3" s="260"/>
      <c r="DC3" s="260"/>
      <c r="DD3" s="260"/>
      <c r="DE3" s="260"/>
      <c r="DF3" s="260"/>
      <c r="DG3" s="260"/>
      <c r="DH3" s="262"/>
      <c r="DI3" s="262"/>
      <c r="DJ3" s="262"/>
      <c r="DK3" s="262"/>
      <c r="DL3" s="262"/>
      <c r="DM3" s="262"/>
      <c r="DN3" s="262"/>
      <c r="DO3" s="262"/>
      <c r="DP3" s="262"/>
      <c r="DQ3" s="262"/>
      <c r="DR3" s="262"/>
      <c r="DS3" s="260"/>
      <c r="DT3" s="260"/>
      <c r="DU3" s="260"/>
      <c r="DV3" s="260"/>
      <c r="DW3" s="260"/>
      <c r="DX3" s="260"/>
      <c r="DY3" s="260"/>
      <c r="DZ3" s="260"/>
      <c r="EA3" s="260"/>
      <c r="EB3" s="260"/>
      <c r="EC3" s="260"/>
      <c r="ED3" s="260"/>
      <c r="EE3" s="260"/>
      <c r="EF3" s="260"/>
      <c r="EG3" s="260"/>
      <c r="EH3" s="260"/>
      <c r="EI3" s="260"/>
      <c r="EJ3" s="260"/>
      <c r="EK3" s="260"/>
      <c r="EL3" s="260"/>
      <c r="EM3" s="260"/>
      <c r="EN3" s="260"/>
      <c r="EO3" s="260"/>
      <c r="EP3" s="260"/>
      <c r="EQ3" s="260"/>
      <c r="ER3" s="260"/>
      <c r="ES3" s="260"/>
      <c r="ET3" s="260"/>
      <c r="EU3" s="260"/>
      <c r="EV3" s="260"/>
      <c r="EW3" s="260"/>
      <c r="EX3" s="260"/>
      <c r="EY3" s="260"/>
      <c r="EZ3" s="260"/>
      <c r="FA3" s="260"/>
      <c r="FB3" s="260"/>
      <c r="FC3" s="260"/>
      <c r="FD3" s="260"/>
      <c r="FE3" s="260"/>
      <c r="FF3" s="260"/>
      <c r="FG3" s="260"/>
      <c r="FH3" s="260"/>
      <c r="FI3" s="260"/>
      <c r="FJ3" s="260"/>
      <c r="FK3" s="262"/>
      <c r="FL3" s="262"/>
      <c r="FM3" s="262"/>
      <c r="FN3" s="262"/>
      <c r="FO3" s="262"/>
      <c r="FP3" s="262"/>
      <c r="FQ3" s="262"/>
      <c r="FR3" s="262"/>
      <c r="FS3" s="262"/>
      <c r="FT3" s="262"/>
      <c r="FU3" s="262"/>
      <c r="FV3" s="260"/>
      <c r="FW3" s="260"/>
      <c r="FX3" s="260"/>
      <c r="FY3" s="260"/>
      <c r="FZ3" s="260"/>
      <c r="GA3" s="260"/>
      <c r="GB3" s="260"/>
      <c r="GC3" s="260"/>
      <c r="GD3" s="260"/>
      <c r="GE3" s="260"/>
      <c r="GF3" s="260"/>
      <c r="GG3" s="260"/>
      <c r="GH3" s="260"/>
      <c r="GI3" s="260"/>
      <c r="GJ3" s="260"/>
      <c r="GK3" s="260"/>
      <c r="GL3" s="260"/>
      <c r="GM3" s="260"/>
      <c r="GN3" s="260"/>
      <c r="GO3" s="260"/>
      <c r="GP3" s="260"/>
      <c r="GQ3" s="260"/>
      <c r="GR3" s="260"/>
      <c r="GS3" s="260"/>
      <c r="GT3" s="260"/>
      <c r="GU3" s="260"/>
      <c r="GV3" s="260"/>
      <c r="GW3" s="260"/>
      <c r="GX3" s="260"/>
      <c r="GY3" s="260"/>
      <c r="GZ3" s="260"/>
      <c r="HA3" s="260"/>
      <c r="HB3" s="260"/>
      <c r="HC3" s="260"/>
      <c r="HD3" s="260"/>
      <c r="HE3" s="260"/>
      <c r="HF3" s="260"/>
      <c r="HG3" s="260"/>
      <c r="HH3" s="260"/>
      <c r="HI3" s="260"/>
      <c r="HJ3" s="260"/>
      <c r="HK3" s="260"/>
      <c r="HL3" s="260"/>
      <c r="HM3" s="260"/>
      <c r="HN3" s="260"/>
      <c r="HO3" s="260"/>
      <c r="HP3" s="260"/>
      <c r="HQ3" s="260"/>
      <c r="HR3" s="260"/>
      <c r="HS3" s="260"/>
      <c r="HT3" s="260"/>
      <c r="HU3" s="260"/>
      <c r="HV3" s="260"/>
      <c r="HW3" s="260"/>
      <c r="HX3" s="260"/>
      <c r="HY3" s="258"/>
      <c r="HZ3" s="258"/>
      <c r="IA3" s="258"/>
      <c r="IB3" s="258"/>
      <c r="IC3" s="258"/>
      <c r="ID3" s="258"/>
      <c r="IE3" s="258"/>
      <c r="IF3" s="258"/>
      <c r="IG3" s="258"/>
      <c r="IH3" s="258"/>
      <c r="II3" s="258"/>
      <c r="IJ3" s="255"/>
      <c r="IK3" s="255"/>
      <c r="IL3" s="255"/>
      <c r="IM3" s="255"/>
      <c r="IN3" s="255"/>
      <c r="IO3" s="255"/>
      <c r="IP3" s="255"/>
      <c r="IQ3" s="255"/>
      <c r="IR3" s="255"/>
      <c r="IS3" s="255"/>
      <c r="IT3" s="255"/>
      <c r="IU3" s="255"/>
      <c r="IV3" s="255"/>
      <c r="IW3" s="255"/>
      <c r="IX3" s="255"/>
      <c r="IY3" s="255"/>
      <c r="IZ3" s="255"/>
      <c r="JA3" s="255"/>
      <c r="JB3" s="255"/>
      <c r="JC3" s="255"/>
      <c r="JD3" s="255"/>
      <c r="JE3" s="255"/>
      <c r="JF3" s="255"/>
      <c r="JG3" s="255"/>
      <c r="JH3" s="255"/>
      <c r="JI3" s="255"/>
      <c r="JJ3" s="255"/>
      <c r="JK3" s="255"/>
      <c r="JL3" s="255"/>
      <c r="JM3" s="255"/>
      <c r="JN3" s="255"/>
      <c r="JO3" s="255"/>
      <c r="JP3" s="255"/>
      <c r="JQ3" s="255"/>
      <c r="JR3" s="255"/>
      <c r="JS3" s="255"/>
      <c r="JT3" s="255"/>
      <c r="JU3" s="255"/>
      <c r="JV3" s="255"/>
      <c r="JW3" s="255"/>
      <c r="JX3" s="255"/>
      <c r="JY3" s="255"/>
      <c r="JZ3" s="255"/>
      <c r="KA3" s="255"/>
      <c r="KB3" s="255"/>
      <c r="KC3" s="255"/>
      <c r="KD3" s="255"/>
      <c r="KE3" s="255"/>
      <c r="KF3" s="255"/>
      <c r="KG3" s="255"/>
      <c r="KH3" s="255"/>
      <c r="KI3" s="255"/>
      <c r="KJ3" s="255"/>
      <c r="KK3" s="255"/>
      <c r="KL3" s="255"/>
      <c r="KM3" s="255"/>
      <c r="KN3" s="255"/>
      <c r="KO3" s="255"/>
      <c r="KP3" s="255"/>
      <c r="KQ3" s="255"/>
      <c r="KR3" s="255"/>
      <c r="KS3" s="255"/>
      <c r="KT3" s="255"/>
      <c r="KU3" s="255"/>
      <c r="KV3" s="255"/>
      <c r="KW3" s="255"/>
      <c r="KX3" s="258"/>
      <c r="KY3" s="258"/>
      <c r="KZ3" s="258"/>
      <c r="LA3" s="258"/>
      <c r="LB3" s="258"/>
      <c r="LC3" s="258"/>
      <c r="LD3" s="258"/>
      <c r="LE3" s="258"/>
      <c r="LF3" s="258"/>
      <c r="LG3" s="258"/>
      <c r="LH3" s="258"/>
      <c r="LI3" s="258"/>
      <c r="LJ3" s="258"/>
      <c r="LK3" s="258"/>
      <c r="LL3" s="258"/>
      <c r="LM3" s="258"/>
      <c r="LN3" s="258"/>
      <c r="LO3" s="258"/>
      <c r="LP3" s="258"/>
      <c r="LQ3" s="258"/>
      <c r="LR3" s="258"/>
      <c r="LS3" s="258"/>
      <c r="LT3" s="258"/>
      <c r="LU3" s="258"/>
      <c r="LV3" s="258"/>
      <c r="LW3" s="258"/>
      <c r="LX3" s="258"/>
      <c r="LY3" s="258"/>
      <c r="LZ3" s="258"/>
      <c r="MA3" s="258"/>
      <c r="MB3" s="258"/>
      <c r="MC3" s="258"/>
      <c r="MD3" s="258"/>
      <c r="ME3" s="255"/>
      <c r="MF3" s="255"/>
      <c r="MG3" s="255"/>
      <c r="MH3" s="255"/>
      <c r="MI3" s="255"/>
      <c r="MJ3" s="255"/>
      <c r="MK3" s="255"/>
      <c r="ML3" s="255"/>
      <c r="MM3" s="255"/>
      <c r="MN3" s="255"/>
      <c r="MO3" s="255"/>
      <c r="MP3" s="255"/>
      <c r="MQ3" s="255"/>
      <c r="MR3" s="255"/>
      <c r="MS3" s="255"/>
      <c r="MT3" s="255"/>
      <c r="MU3" s="255"/>
      <c r="MV3" s="255"/>
      <c r="MW3" s="255"/>
      <c r="MX3" s="255"/>
      <c r="MY3" s="255"/>
      <c r="MZ3" s="255"/>
      <c r="NA3" s="255"/>
      <c r="NB3" s="255"/>
      <c r="NC3" s="255"/>
      <c r="ND3" s="255"/>
      <c r="NE3" s="255"/>
      <c r="NF3" s="255"/>
      <c r="NG3" s="255"/>
      <c r="NH3" s="255"/>
      <c r="NI3" s="255"/>
      <c r="NJ3" s="255"/>
      <c r="NK3" s="255"/>
      <c r="NL3" s="255"/>
      <c r="NM3" s="255"/>
      <c r="NN3" s="255"/>
      <c r="NO3" s="255"/>
      <c r="NP3" s="255"/>
      <c r="NQ3" s="255"/>
      <c r="NR3" s="255"/>
      <c r="NS3" s="255"/>
      <c r="NT3" s="255"/>
      <c r="NU3" s="255"/>
      <c r="NV3" s="255"/>
      <c r="NW3" s="255"/>
      <c r="NX3" s="255"/>
      <c r="NY3" s="255"/>
      <c r="NZ3" s="255"/>
      <c r="OA3" s="255"/>
      <c r="OB3" s="255"/>
      <c r="OC3" s="255"/>
      <c r="OD3" s="255"/>
      <c r="OE3" s="255"/>
      <c r="OF3" s="255"/>
      <c r="OG3" s="255"/>
      <c r="OH3" s="255"/>
      <c r="OI3" s="255"/>
      <c r="OJ3" s="255"/>
      <c r="OK3" s="255"/>
      <c r="OL3" s="255"/>
      <c r="OM3" s="255"/>
      <c r="ON3" s="255"/>
      <c r="OO3" s="255"/>
      <c r="OP3" s="255"/>
      <c r="OQ3" s="255"/>
      <c r="OR3" s="255"/>
    </row>
    <row r="4" spans="1:408" ht="18" customHeight="1" thickBot="1" x14ac:dyDescent="0.25">
      <c r="A4" s="629" t="s">
        <v>42</v>
      </c>
      <c r="B4" s="632" t="s">
        <v>63</v>
      </c>
      <c r="C4" s="632"/>
      <c r="D4" s="632"/>
      <c r="E4" s="632"/>
      <c r="F4" s="632"/>
      <c r="G4" s="632"/>
      <c r="H4" s="632"/>
      <c r="I4" s="632"/>
      <c r="J4" s="632"/>
      <c r="K4" s="632"/>
      <c r="L4" s="632"/>
      <c r="M4" s="635"/>
      <c r="N4" s="635"/>
      <c r="O4" s="635"/>
      <c r="P4" s="635"/>
      <c r="Q4" s="635"/>
      <c r="R4" s="635"/>
      <c r="S4" s="635"/>
      <c r="T4" s="635"/>
      <c r="U4" s="635"/>
      <c r="V4" s="635"/>
      <c r="W4" s="635"/>
      <c r="X4" s="635"/>
      <c r="Y4" s="635"/>
      <c r="Z4" s="635"/>
      <c r="AA4" s="635"/>
      <c r="AB4" s="635"/>
      <c r="AC4" s="635"/>
      <c r="AD4" s="635"/>
      <c r="AE4" s="635"/>
      <c r="AF4" s="635"/>
      <c r="AG4" s="635"/>
      <c r="AH4" s="635"/>
      <c r="AI4" s="635"/>
      <c r="AJ4" s="635"/>
      <c r="AK4" s="635"/>
      <c r="AL4" s="635"/>
      <c r="AM4" s="635"/>
      <c r="AN4" s="635"/>
      <c r="AO4" s="635"/>
      <c r="AP4" s="635"/>
      <c r="AQ4" s="635"/>
      <c r="AR4" s="635"/>
      <c r="AS4" s="635"/>
      <c r="AT4" s="635"/>
      <c r="AU4" s="635"/>
      <c r="AV4" s="635"/>
      <c r="AW4" s="635"/>
      <c r="AX4" s="635"/>
      <c r="AY4" s="635"/>
      <c r="AZ4" s="635"/>
      <c r="BA4" s="635"/>
      <c r="BB4" s="635"/>
      <c r="BC4" s="635"/>
      <c r="BD4" s="635"/>
      <c r="BE4" s="635"/>
      <c r="BF4" s="635"/>
      <c r="BG4" s="635"/>
      <c r="BH4" s="635"/>
      <c r="BI4" s="635"/>
      <c r="BJ4" s="635"/>
      <c r="BK4" s="635"/>
      <c r="BL4" s="635"/>
      <c r="BM4" s="635"/>
      <c r="BN4" s="635"/>
      <c r="BO4" s="635"/>
      <c r="BP4" s="635"/>
      <c r="BQ4" s="635"/>
      <c r="BR4" s="635"/>
      <c r="BS4" s="635"/>
      <c r="BT4" s="635"/>
      <c r="BU4" s="635"/>
      <c r="BV4" s="635"/>
      <c r="BW4" s="635"/>
      <c r="BX4" s="635"/>
      <c r="BY4" s="635"/>
      <c r="BZ4" s="635"/>
      <c r="CA4" s="635"/>
      <c r="CB4" s="635"/>
      <c r="CC4" s="635"/>
      <c r="CD4" s="635"/>
      <c r="CE4" s="635"/>
      <c r="CF4" s="635"/>
      <c r="CG4" s="635"/>
      <c r="CH4" s="635"/>
      <c r="CI4" s="635"/>
      <c r="CJ4" s="635"/>
      <c r="CK4" s="635"/>
      <c r="CL4" s="635"/>
      <c r="CM4" s="635"/>
      <c r="CN4" s="635"/>
      <c r="CO4" s="635"/>
      <c r="CP4" s="635"/>
      <c r="CQ4" s="635"/>
      <c r="CR4" s="635"/>
      <c r="CS4" s="635"/>
      <c r="CT4" s="635"/>
      <c r="CU4" s="635"/>
      <c r="CV4" s="635"/>
      <c r="CW4" s="635"/>
      <c r="CX4" s="635"/>
      <c r="CY4" s="635"/>
      <c r="CZ4" s="635"/>
      <c r="DA4" s="635"/>
      <c r="DB4" s="635"/>
      <c r="DC4" s="635"/>
      <c r="DD4" s="635"/>
      <c r="DE4" s="635"/>
      <c r="DF4" s="635"/>
      <c r="DG4" s="635"/>
      <c r="DH4" s="635"/>
      <c r="DI4" s="635"/>
      <c r="DJ4" s="635"/>
      <c r="DK4" s="635"/>
      <c r="DL4" s="635"/>
      <c r="DM4" s="635"/>
      <c r="DN4" s="635"/>
      <c r="DO4" s="635"/>
      <c r="DP4" s="635"/>
      <c r="DQ4" s="635"/>
      <c r="DR4" s="635"/>
      <c r="DS4" s="635"/>
      <c r="DT4" s="635"/>
      <c r="DU4" s="635"/>
      <c r="DV4" s="635"/>
      <c r="DW4" s="635"/>
      <c r="DX4" s="635"/>
      <c r="DY4" s="635"/>
      <c r="DZ4" s="635"/>
      <c r="EA4" s="635"/>
      <c r="EB4" s="635"/>
      <c r="EC4" s="635"/>
      <c r="ED4" s="635"/>
      <c r="EE4" s="635"/>
      <c r="EF4" s="635"/>
      <c r="EG4" s="635"/>
      <c r="EH4" s="635"/>
      <c r="EI4" s="635"/>
      <c r="EJ4" s="635"/>
      <c r="EK4" s="635"/>
      <c r="EL4" s="635"/>
      <c r="EM4" s="635"/>
      <c r="EN4" s="635"/>
      <c r="EO4" s="635"/>
      <c r="EP4" s="635"/>
      <c r="EQ4" s="635"/>
      <c r="ER4" s="635"/>
      <c r="ES4" s="635"/>
      <c r="ET4" s="635"/>
      <c r="EU4" s="635"/>
      <c r="EV4" s="635"/>
      <c r="EW4" s="635"/>
      <c r="EX4" s="635"/>
      <c r="EY4" s="635"/>
      <c r="EZ4" s="635"/>
      <c r="FA4" s="635"/>
      <c r="FB4" s="635"/>
      <c r="FC4" s="635"/>
      <c r="FD4" s="635"/>
      <c r="FE4" s="635"/>
      <c r="FF4" s="635"/>
      <c r="FG4" s="635"/>
      <c r="FH4" s="635"/>
      <c r="FI4" s="635"/>
      <c r="FJ4" s="635"/>
      <c r="FK4" s="635"/>
      <c r="FL4" s="635"/>
      <c r="FM4" s="635"/>
      <c r="FN4" s="635"/>
      <c r="FO4" s="635"/>
      <c r="FP4" s="635"/>
      <c r="FQ4" s="635"/>
      <c r="FR4" s="635"/>
      <c r="FS4" s="635"/>
      <c r="FT4" s="635"/>
      <c r="FU4" s="635"/>
      <c r="FV4" s="635"/>
      <c r="FW4" s="635"/>
      <c r="FX4" s="635"/>
      <c r="FY4" s="635"/>
      <c r="FZ4" s="635"/>
      <c r="GA4" s="635"/>
      <c r="GB4" s="635"/>
      <c r="GC4" s="635"/>
      <c r="GD4" s="635"/>
      <c r="GE4" s="635"/>
      <c r="GF4" s="635"/>
      <c r="GG4" s="635"/>
      <c r="GH4" s="635"/>
      <c r="GI4" s="635"/>
      <c r="GJ4" s="635"/>
      <c r="GK4" s="635"/>
      <c r="GL4" s="635"/>
      <c r="GM4" s="635"/>
      <c r="GN4" s="635"/>
      <c r="GO4" s="635"/>
      <c r="GP4" s="635"/>
      <c r="GQ4" s="635"/>
      <c r="GR4" s="635"/>
      <c r="GS4" s="635"/>
      <c r="GT4" s="635"/>
      <c r="GU4" s="635"/>
      <c r="GV4" s="635"/>
      <c r="GW4" s="635"/>
      <c r="GX4" s="635"/>
      <c r="GY4" s="635"/>
      <c r="GZ4" s="635"/>
      <c r="HA4" s="635"/>
      <c r="HB4" s="635"/>
      <c r="HC4" s="635"/>
      <c r="HD4" s="635"/>
      <c r="HE4" s="635"/>
      <c r="HF4" s="635"/>
      <c r="HG4" s="635"/>
      <c r="HH4" s="635"/>
      <c r="HI4" s="635"/>
      <c r="HJ4" s="635"/>
      <c r="HK4" s="635"/>
      <c r="HL4" s="635"/>
      <c r="HM4" s="635"/>
      <c r="HN4" s="635"/>
      <c r="HO4" s="635"/>
      <c r="HP4" s="635"/>
      <c r="HQ4" s="635"/>
      <c r="HR4" s="635"/>
      <c r="HS4" s="635"/>
      <c r="HT4" s="635"/>
      <c r="HU4" s="635"/>
      <c r="HV4" s="635"/>
      <c r="HW4" s="635"/>
      <c r="HX4" s="636"/>
      <c r="HY4" s="609" t="s">
        <v>85</v>
      </c>
      <c r="HZ4" s="610"/>
      <c r="IA4" s="610"/>
      <c r="IB4" s="610"/>
      <c r="IC4" s="610"/>
      <c r="ID4" s="610"/>
      <c r="IE4" s="610"/>
      <c r="IF4" s="610"/>
      <c r="IG4" s="610"/>
      <c r="IH4" s="610"/>
      <c r="II4" s="610"/>
      <c r="IJ4" s="610"/>
      <c r="IK4" s="610"/>
      <c r="IL4" s="610"/>
      <c r="IM4" s="610"/>
      <c r="IN4" s="610"/>
      <c r="IO4" s="610"/>
      <c r="IP4" s="610"/>
      <c r="IQ4" s="610"/>
      <c r="IR4" s="610"/>
      <c r="IS4" s="610"/>
      <c r="IT4" s="610"/>
      <c r="IU4" s="610"/>
      <c r="IV4" s="610"/>
      <c r="IW4" s="610"/>
      <c r="IX4" s="610"/>
      <c r="IY4" s="610"/>
      <c r="IZ4" s="610"/>
      <c r="JA4" s="610"/>
      <c r="JB4" s="610"/>
      <c r="JC4" s="610"/>
      <c r="JD4" s="610"/>
      <c r="JE4" s="610"/>
      <c r="JF4" s="610"/>
      <c r="JG4" s="610"/>
      <c r="JH4" s="610"/>
      <c r="JI4" s="610"/>
      <c r="JJ4" s="610"/>
      <c r="JK4" s="610"/>
      <c r="JL4" s="610"/>
      <c r="JM4" s="610"/>
      <c r="JN4" s="610"/>
      <c r="JO4" s="610"/>
      <c r="JP4" s="610"/>
      <c r="JQ4" s="610"/>
      <c r="JR4" s="610"/>
      <c r="JS4" s="610"/>
      <c r="JT4" s="610"/>
      <c r="JU4" s="610"/>
      <c r="JV4" s="610"/>
      <c r="JW4" s="610"/>
      <c r="JX4" s="610"/>
      <c r="JY4" s="610"/>
      <c r="JZ4" s="610"/>
      <c r="KA4" s="610"/>
      <c r="KB4" s="610"/>
      <c r="KC4" s="610"/>
      <c r="KD4" s="610"/>
      <c r="KE4" s="610"/>
      <c r="KF4" s="610"/>
      <c r="KG4" s="610"/>
      <c r="KH4" s="610"/>
      <c r="KI4" s="610"/>
      <c r="KJ4" s="610"/>
      <c r="KK4" s="610"/>
      <c r="KL4" s="610"/>
      <c r="KM4" s="610"/>
      <c r="KN4" s="610"/>
      <c r="KO4" s="610"/>
      <c r="KP4" s="610"/>
      <c r="KQ4" s="610"/>
      <c r="KR4" s="610"/>
      <c r="KS4" s="610"/>
      <c r="KT4" s="610"/>
      <c r="KU4" s="610"/>
      <c r="KV4" s="610"/>
      <c r="KW4" s="610"/>
      <c r="KX4" s="610"/>
      <c r="KY4" s="610"/>
      <c r="KZ4" s="610"/>
      <c r="LA4" s="610"/>
      <c r="LB4" s="610"/>
      <c r="LC4" s="610"/>
      <c r="LD4" s="610"/>
      <c r="LE4" s="610"/>
      <c r="LF4" s="610"/>
      <c r="LG4" s="610"/>
      <c r="LH4" s="610"/>
      <c r="LI4" s="610"/>
      <c r="LJ4" s="610"/>
      <c r="LK4" s="610"/>
      <c r="LL4" s="610"/>
      <c r="LM4" s="610"/>
      <c r="LN4" s="610"/>
      <c r="LO4" s="610"/>
      <c r="LP4" s="610"/>
      <c r="LQ4" s="610"/>
      <c r="LR4" s="610"/>
      <c r="LS4" s="610"/>
      <c r="LT4" s="610"/>
      <c r="LU4" s="610"/>
      <c r="LV4" s="610"/>
      <c r="LW4" s="610"/>
      <c r="LX4" s="610"/>
      <c r="LY4" s="610"/>
      <c r="LZ4" s="610"/>
      <c r="MA4" s="610"/>
      <c r="MB4" s="610"/>
      <c r="MC4" s="610"/>
      <c r="MD4" s="611"/>
      <c r="ME4" s="609" t="s">
        <v>86</v>
      </c>
      <c r="MF4" s="610"/>
      <c r="MG4" s="610"/>
      <c r="MH4" s="610"/>
      <c r="MI4" s="610"/>
      <c r="MJ4" s="610"/>
      <c r="MK4" s="610"/>
      <c r="ML4" s="610"/>
      <c r="MM4" s="610"/>
      <c r="MN4" s="610"/>
      <c r="MO4" s="610"/>
      <c r="MP4" s="610"/>
      <c r="MQ4" s="610"/>
      <c r="MR4" s="610"/>
      <c r="MS4" s="610"/>
      <c r="MT4" s="610"/>
      <c r="MU4" s="610"/>
      <c r="MV4" s="610"/>
      <c r="MW4" s="610"/>
      <c r="MX4" s="610"/>
      <c r="MY4" s="610"/>
      <c r="MZ4" s="610"/>
      <c r="NA4" s="610"/>
      <c r="NB4" s="610"/>
      <c r="NC4" s="610"/>
      <c r="ND4" s="610"/>
      <c r="NE4" s="610"/>
      <c r="NF4" s="610"/>
      <c r="NG4" s="610"/>
      <c r="NH4" s="610"/>
      <c r="NI4" s="610"/>
      <c r="NJ4" s="610"/>
      <c r="NK4" s="610"/>
      <c r="NL4" s="610"/>
      <c r="NM4" s="610"/>
      <c r="NN4" s="610"/>
      <c r="NO4" s="610"/>
      <c r="NP4" s="610"/>
      <c r="NQ4" s="610"/>
      <c r="NR4" s="610"/>
      <c r="NS4" s="610"/>
      <c r="NT4" s="610"/>
      <c r="NU4" s="610"/>
      <c r="NV4" s="610"/>
      <c r="NW4" s="610"/>
      <c r="NX4" s="610"/>
      <c r="NY4" s="610"/>
      <c r="NZ4" s="610"/>
      <c r="OA4" s="610"/>
      <c r="OB4" s="610"/>
      <c r="OC4" s="610"/>
      <c r="OD4" s="610"/>
      <c r="OE4" s="610"/>
      <c r="OF4" s="610"/>
      <c r="OG4" s="611"/>
      <c r="OH4" s="579" t="s">
        <v>60</v>
      </c>
      <c r="OI4" s="580"/>
      <c r="OJ4" s="580"/>
      <c r="OK4" s="580"/>
      <c r="OL4" s="580"/>
      <c r="OM4" s="580"/>
      <c r="ON4" s="580"/>
      <c r="OO4" s="580"/>
      <c r="OP4" s="580"/>
      <c r="OQ4" s="580"/>
      <c r="OR4" s="581"/>
    </row>
    <row r="5" spans="1:408" ht="18" customHeight="1" thickBot="1" x14ac:dyDescent="0.25">
      <c r="A5" s="630"/>
      <c r="B5" s="633"/>
      <c r="C5" s="633"/>
      <c r="D5" s="633"/>
      <c r="E5" s="633"/>
      <c r="F5" s="633"/>
      <c r="G5" s="633"/>
      <c r="H5" s="633"/>
      <c r="I5" s="633"/>
      <c r="J5" s="633"/>
      <c r="K5" s="633"/>
      <c r="L5" s="633"/>
      <c r="M5" s="637" t="s">
        <v>64</v>
      </c>
      <c r="N5" s="638"/>
      <c r="O5" s="638"/>
      <c r="P5" s="638"/>
      <c r="Q5" s="638"/>
      <c r="R5" s="638"/>
      <c r="S5" s="638"/>
      <c r="T5" s="638"/>
      <c r="U5" s="638"/>
      <c r="V5" s="638"/>
      <c r="W5" s="638"/>
      <c r="X5" s="638"/>
      <c r="Y5" s="638"/>
      <c r="Z5" s="638"/>
      <c r="AA5" s="638"/>
      <c r="AB5" s="638"/>
      <c r="AC5" s="638"/>
      <c r="AD5" s="638"/>
      <c r="AE5" s="638"/>
      <c r="AF5" s="638"/>
      <c r="AG5" s="638"/>
      <c r="AH5" s="638"/>
      <c r="AI5" s="638"/>
      <c r="AJ5" s="638"/>
      <c r="AK5" s="638"/>
      <c r="AL5" s="638"/>
      <c r="AM5" s="638"/>
      <c r="AN5" s="638"/>
      <c r="AO5" s="638"/>
      <c r="AP5" s="638"/>
      <c r="AQ5" s="638"/>
      <c r="AR5" s="638"/>
      <c r="AS5" s="638"/>
      <c r="AT5" s="638"/>
      <c r="AU5" s="638"/>
      <c r="AV5" s="638"/>
      <c r="AW5" s="638"/>
      <c r="AX5" s="638"/>
      <c r="AY5" s="638"/>
      <c r="AZ5" s="638"/>
      <c r="BA5" s="638"/>
      <c r="BB5" s="638"/>
      <c r="BC5" s="638"/>
      <c r="BD5" s="638"/>
      <c r="BE5" s="638"/>
      <c r="BF5" s="638"/>
      <c r="BG5" s="638"/>
      <c r="BH5" s="638"/>
      <c r="BI5" s="638"/>
      <c r="BJ5" s="638"/>
      <c r="BK5" s="638"/>
      <c r="BL5" s="638"/>
      <c r="BM5" s="638"/>
      <c r="BN5" s="638"/>
      <c r="BO5" s="638"/>
      <c r="BP5" s="638"/>
      <c r="BQ5" s="638"/>
      <c r="BR5" s="638"/>
      <c r="BS5" s="638"/>
      <c r="BT5" s="638"/>
      <c r="BU5" s="638"/>
      <c r="BV5" s="638"/>
      <c r="BW5" s="638"/>
      <c r="BX5" s="638"/>
      <c r="BY5" s="638"/>
      <c r="BZ5" s="639"/>
      <c r="CA5" s="637" t="s">
        <v>65</v>
      </c>
      <c r="CB5" s="638"/>
      <c r="CC5" s="638"/>
      <c r="CD5" s="638"/>
      <c r="CE5" s="638"/>
      <c r="CF5" s="638"/>
      <c r="CG5" s="638"/>
      <c r="CH5" s="638"/>
      <c r="CI5" s="638"/>
      <c r="CJ5" s="638"/>
      <c r="CK5" s="638"/>
      <c r="CL5" s="638"/>
      <c r="CM5" s="638"/>
      <c r="CN5" s="638"/>
      <c r="CO5" s="638"/>
      <c r="CP5" s="638"/>
      <c r="CQ5" s="638"/>
      <c r="CR5" s="638"/>
      <c r="CS5" s="638"/>
      <c r="CT5" s="638"/>
      <c r="CU5" s="638"/>
      <c r="CV5" s="638"/>
      <c r="CW5" s="638"/>
      <c r="CX5" s="638"/>
      <c r="CY5" s="638"/>
      <c r="CZ5" s="638"/>
      <c r="DA5" s="638"/>
      <c r="DB5" s="638"/>
      <c r="DC5" s="638"/>
      <c r="DD5" s="638"/>
      <c r="DE5" s="638"/>
      <c r="DF5" s="638"/>
      <c r="DG5" s="639"/>
      <c r="DH5" s="609" t="s">
        <v>66</v>
      </c>
      <c r="DI5" s="610"/>
      <c r="DJ5" s="610"/>
      <c r="DK5" s="610"/>
      <c r="DL5" s="610"/>
      <c r="DM5" s="610"/>
      <c r="DN5" s="610"/>
      <c r="DO5" s="610"/>
      <c r="DP5" s="610"/>
      <c r="DQ5" s="610"/>
      <c r="DR5" s="610"/>
      <c r="DS5" s="610"/>
      <c r="DT5" s="610"/>
      <c r="DU5" s="610"/>
      <c r="DV5" s="610"/>
      <c r="DW5" s="610"/>
      <c r="DX5" s="610"/>
      <c r="DY5" s="610"/>
      <c r="DZ5" s="610"/>
      <c r="EA5" s="610"/>
      <c r="EB5" s="610"/>
      <c r="EC5" s="610"/>
      <c r="ED5" s="610"/>
      <c r="EE5" s="610"/>
      <c r="EF5" s="610"/>
      <c r="EG5" s="610"/>
      <c r="EH5" s="610"/>
      <c r="EI5" s="610"/>
      <c r="EJ5" s="610"/>
      <c r="EK5" s="610"/>
      <c r="EL5" s="610"/>
      <c r="EM5" s="610"/>
      <c r="EN5" s="610"/>
      <c r="EO5" s="610"/>
      <c r="EP5" s="610"/>
      <c r="EQ5" s="610"/>
      <c r="ER5" s="610"/>
      <c r="ES5" s="610"/>
      <c r="ET5" s="610"/>
      <c r="EU5" s="610"/>
      <c r="EV5" s="610"/>
      <c r="EW5" s="610"/>
      <c r="EX5" s="610"/>
      <c r="EY5" s="610"/>
      <c r="EZ5" s="610"/>
      <c r="FA5" s="610"/>
      <c r="FB5" s="610"/>
      <c r="FC5" s="610"/>
      <c r="FD5" s="610"/>
      <c r="FE5" s="610"/>
      <c r="FF5" s="610"/>
      <c r="FG5" s="610"/>
      <c r="FH5" s="610"/>
      <c r="FI5" s="610"/>
      <c r="FJ5" s="611"/>
      <c r="FK5" s="637" t="s">
        <v>67</v>
      </c>
      <c r="FL5" s="638"/>
      <c r="FM5" s="638"/>
      <c r="FN5" s="638"/>
      <c r="FO5" s="638"/>
      <c r="FP5" s="638"/>
      <c r="FQ5" s="638"/>
      <c r="FR5" s="638"/>
      <c r="FS5" s="638"/>
      <c r="FT5" s="638"/>
      <c r="FU5" s="638"/>
      <c r="FV5" s="638"/>
      <c r="FW5" s="638"/>
      <c r="FX5" s="638"/>
      <c r="FY5" s="638"/>
      <c r="FZ5" s="638"/>
      <c r="GA5" s="638"/>
      <c r="GB5" s="638"/>
      <c r="GC5" s="638"/>
      <c r="GD5" s="638"/>
      <c r="GE5" s="638"/>
      <c r="GF5" s="638"/>
      <c r="GG5" s="638"/>
      <c r="GH5" s="638"/>
      <c r="GI5" s="638"/>
      <c r="GJ5" s="638"/>
      <c r="GK5" s="638"/>
      <c r="GL5" s="638"/>
      <c r="GM5" s="638"/>
      <c r="GN5" s="638"/>
      <c r="GO5" s="638"/>
      <c r="GP5" s="638"/>
      <c r="GQ5" s="638"/>
      <c r="GR5" s="638"/>
      <c r="GS5" s="638"/>
      <c r="GT5" s="638"/>
      <c r="GU5" s="638"/>
      <c r="GV5" s="638"/>
      <c r="GW5" s="638"/>
      <c r="GX5" s="638"/>
      <c r="GY5" s="638"/>
      <c r="GZ5" s="638"/>
      <c r="HA5" s="638"/>
      <c r="HB5" s="639"/>
      <c r="HC5" s="640" t="s">
        <v>68</v>
      </c>
      <c r="HD5" s="641"/>
      <c r="HE5" s="641"/>
      <c r="HF5" s="641"/>
      <c r="HG5" s="641"/>
      <c r="HH5" s="641"/>
      <c r="HI5" s="641"/>
      <c r="HJ5" s="641"/>
      <c r="HK5" s="641"/>
      <c r="HL5" s="641"/>
      <c r="HM5" s="642"/>
      <c r="HN5" s="640" t="s">
        <v>69</v>
      </c>
      <c r="HO5" s="641"/>
      <c r="HP5" s="641"/>
      <c r="HQ5" s="641"/>
      <c r="HR5" s="641"/>
      <c r="HS5" s="641"/>
      <c r="HT5" s="641"/>
      <c r="HU5" s="641"/>
      <c r="HV5" s="641"/>
      <c r="HW5" s="641"/>
      <c r="HX5" s="642"/>
      <c r="HY5" s="588"/>
      <c r="HZ5" s="589"/>
      <c r="IA5" s="589"/>
      <c r="IB5" s="589"/>
      <c r="IC5" s="589"/>
      <c r="ID5" s="589"/>
      <c r="IE5" s="589"/>
      <c r="IF5" s="589"/>
      <c r="IG5" s="589"/>
      <c r="IH5" s="589"/>
      <c r="II5" s="590"/>
      <c r="IJ5" s="579" t="s">
        <v>94</v>
      </c>
      <c r="IK5" s="580"/>
      <c r="IL5" s="580"/>
      <c r="IM5" s="580"/>
      <c r="IN5" s="580"/>
      <c r="IO5" s="580"/>
      <c r="IP5" s="580"/>
      <c r="IQ5" s="580"/>
      <c r="IR5" s="580"/>
      <c r="IS5" s="580"/>
      <c r="IT5" s="581"/>
      <c r="IU5" s="579" t="s">
        <v>88</v>
      </c>
      <c r="IV5" s="580"/>
      <c r="IW5" s="580"/>
      <c r="IX5" s="580"/>
      <c r="IY5" s="580"/>
      <c r="IZ5" s="580"/>
      <c r="JA5" s="580"/>
      <c r="JB5" s="580"/>
      <c r="JC5" s="580"/>
      <c r="JD5" s="580"/>
      <c r="JE5" s="581"/>
      <c r="JF5" s="594" t="s">
        <v>144</v>
      </c>
      <c r="JG5" s="595"/>
      <c r="JH5" s="595"/>
      <c r="JI5" s="595"/>
      <c r="JJ5" s="595"/>
      <c r="JK5" s="595"/>
      <c r="JL5" s="595"/>
      <c r="JM5" s="595"/>
      <c r="JN5" s="595"/>
      <c r="JO5" s="595"/>
      <c r="JP5" s="596"/>
      <c r="JQ5" s="579" t="s">
        <v>90</v>
      </c>
      <c r="JR5" s="580"/>
      <c r="JS5" s="580"/>
      <c r="JT5" s="580"/>
      <c r="JU5" s="580"/>
      <c r="JV5" s="580"/>
      <c r="JW5" s="580"/>
      <c r="JX5" s="580"/>
      <c r="JY5" s="580"/>
      <c r="JZ5" s="580"/>
      <c r="KA5" s="581"/>
      <c r="KB5" s="579" t="s">
        <v>89</v>
      </c>
      <c r="KC5" s="580"/>
      <c r="KD5" s="580"/>
      <c r="KE5" s="580"/>
      <c r="KF5" s="580"/>
      <c r="KG5" s="580"/>
      <c r="KH5" s="580"/>
      <c r="KI5" s="580"/>
      <c r="KJ5" s="580"/>
      <c r="KK5" s="580"/>
      <c r="KL5" s="581"/>
      <c r="KM5" s="579" t="s">
        <v>91</v>
      </c>
      <c r="KN5" s="580"/>
      <c r="KO5" s="580"/>
      <c r="KP5" s="580"/>
      <c r="KQ5" s="580"/>
      <c r="KR5" s="580"/>
      <c r="KS5" s="580"/>
      <c r="KT5" s="580"/>
      <c r="KU5" s="580"/>
      <c r="KV5" s="580"/>
      <c r="KW5" s="581"/>
      <c r="KX5" s="579" t="s">
        <v>92</v>
      </c>
      <c r="KY5" s="580"/>
      <c r="KZ5" s="580"/>
      <c r="LA5" s="580"/>
      <c r="LB5" s="580"/>
      <c r="LC5" s="580"/>
      <c r="LD5" s="580"/>
      <c r="LE5" s="580"/>
      <c r="LF5" s="580"/>
      <c r="LG5" s="580"/>
      <c r="LH5" s="581"/>
      <c r="LI5" s="600" t="s">
        <v>93</v>
      </c>
      <c r="LJ5" s="601"/>
      <c r="LK5" s="601"/>
      <c r="LL5" s="601"/>
      <c r="LM5" s="601"/>
      <c r="LN5" s="601"/>
      <c r="LO5" s="601"/>
      <c r="LP5" s="601"/>
      <c r="LQ5" s="601"/>
      <c r="LR5" s="601"/>
      <c r="LS5" s="602"/>
      <c r="LT5" s="603" t="s">
        <v>145</v>
      </c>
      <c r="LU5" s="604"/>
      <c r="LV5" s="604"/>
      <c r="LW5" s="604"/>
      <c r="LX5" s="604"/>
      <c r="LY5" s="604"/>
      <c r="LZ5" s="604"/>
      <c r="MA5" s="604"/>
      <c r="MB5" s="604"/>
      <c r="MC5" s="604"/>
      <c r="MD5" s="605"/>
      <c r="ME5" s="588"/>
      <c r="MF5" s="589"/>
      <c r="MG5" s="589"/>
      <c r="MH5" s="589"/>
      <c r="MI5" s="589"/>
      <c r="MJ5" s="589"/>
      <c r="MK5" s="589"/>
      <c r="ML5" s="589"/>
      <c r="MM5" s="589"/>
      <c r="MN5" s="589"/>
      <c r="MO5" s="590"/>
      <c r="MP5" s="579" t="s">
        <v>57</v>
      </c>
      <c r="MQ5" s="580"/>
      <c r="MR5" s="580"/>
      <c r="MS5" s="580"/>
      <c r="MT5" s="580"/>
      <c r="MU5" s="580"/>
      <c r="MV5" s="580"/>
      <c r="MW5" s="580"/>
      <c r="MX5" s="580"/>
      <c r="MY5" s="580"/>
      <c r="MZ5" s="581"/>
      <c r="NA5" s="579" t="s">
        <v>58</v>
      </c>
      <c r="NB5" s="580"/>
      <c r="NC5" s="580"/>
      <c r="ND5" s="580"/>
      <c r="NE5" s="580"/>
      <c r="NF5" s="580"/>
      <c r="NG5" s="580"/>
      <c r="NH5" s="580"/>
      <c r="NI5" s="580"/>
      <c r="NJ5" s="580"/>
      <c r="NK5" s="581"/>
      <c r="NL5" s="579" t="s">
        <v>59</v>
      </c>
      <c r="NM5" s="580"/>
      <c r="NN5" s="580"/>
      <c r="NO5" s="580"/>
      <c r="NP5" s="580"/>
      <c r="NQ5" s="580"/>
      <c r="NR5" s="580"/>
      <c r="NS5" s="580"/>
      <c r="NT5" s="580"/>
      <c r="NU5" s="580"/>
      <c r="NV5" s="581"/>
      <c r="NW5" s="613" t="s">
        <v>151</v>
      </c>
      <c r="NX5" s="614"/>
      <c r="NY5" s="614"/>
      <c r="NZ5" s="614"/>
      <c r="OA5" s="614"/>
      <c r="OB5" s="614"/>
      <c r="OC5" s="614"/>
      <c r="OD5" s="614"/>
      <c r="OE5" s="614"/>
      <c r="OF5" s="614"/>
      <c r="OG5" s="615"/>
      <c r="OH5" s="582"/>
      <c r="OI5" s="583"/>
      <c r="OJ5" s="583"/>
      <c r="OK5" s="583"/>
      <c r="OL5" s="583"/>
      <c r="OM5" s="583"/>
      <c r="ON5" s="583"/>
      <c r="OO5" s="583"/>
      <c r="OP5" s="583"/>
      <c r="OQ5" s="583"/>
      <c r="OR5" s="584"/>
    </row>
    <row r="6" spans="1:408" ht="18" customHeight="1" thickBot="1" x14ac:dyDescent="0.25">
      <c r="A6" s="630"/>
      <c r="B6" s="634"/>
      <c r="C6" s="634"/>
      <c r="D6" s="634"/>
      <c r="E6" s="634"/>
      <c r="F6" s="634"/>
      <c r="G6" s="634"/>
      <c r="H6" s="634"/>
      <c r="I6" s="634"/>
      <c r="J6" s="634"/>
      <c r="K6" s="634"/>
      <c r="L6" s="634"/>
      <c r="M6" s="585"/>
      <c r="N6" s="586"/>
      <c r="O6" s="586"/>
      <c r="P6" s="586"/>
      <c r="Q6" s="586"/>
      <c r="R6" s="586"/>
      <c r="S6" s="586"/>
      <c r="T6" s="586"/>
      <c r="U6" s="586"/>
      <c r="V6" s="586"/>
      <c r="W6" s="587"/>
      <c r="X6" s="646" t="s">
        <v>70</v>
      </c>
      <c r="Y6" s="647"/>
      <c r="Z6" s="647"/>
      <c r="AA6" s="647"/>
      <c r="AB6" s="647"/>
      <c r="AC6" s="647"/>
      <c r="AD6" s="647"/>
      <c r="AE6" s="647"/>
      <c r="AF6" s="647"/>
      <c r="AG6" s="647"/>
      <c r="AH6" s="648"/>
      <c r="AI6" s="640" t="s">
        <v>71</v>
      </c>
      <c r="AJ6" s="641"/>
      <c r="AK6" s="641"/>
      <c r="AL6" s="641"/>
      <c r="AM6" s="641"/>
      <c r="AN6" s="641"/>
      <c r="AO6" s="641"/>
      <c r="AP6" s="641"/>
      <c r="AQ6" s="641"/>
      <c r="AR6" s="641"/>
      <c r="AS6" s="642"/>
      <c r="AT6" s="654" t="s">
        <v>72</v>
      </c>
      <c r="AU6" s="655"/>
      <c r="AV6" s="655"/>
      <c r="AW6" s="655"/>
      <c r="AX6" s="655"/>
      <c r="AY6" s="655"/>
      <c r="AZ6" s="655"/>
      <c r="BA6" s="655"/>
      <c r="BB6" s="655"/>
      <c r="BC6" s="655"/>
      <c r="BD6" s="656"/>
      <c r="BE6" s="654" t="s">
        <v>73</v>
      </c>
      <c r="BF6" s="655"/>
      <c r="BG6" s="655"/>
      <c r="BH6" s="655"/>
      <c r="BI6" s="655"/>
      <c r="BJ6" s="655"/>
      <c r="BK6" s="655"/>
      <c r="BL6" s="655"/>
      <c r="BM6" s="655"/>
      <c r="BN6" s="655"/>
      <c r="BO6" s="656"/>
      <c r="BP6" s="654" t="s">
        <v>74</v>
      </c>
      <c r="BQ6" s="655"/>
      <c r="BR6" s="655"/>
      <c r="BS6" s="655"/>
      <c r="BT6" s="655"/>
      <c r="BU6" s="655"/>
      <c r="BV6" s="655"/>
      <c r="BW6" s="655"/>
      <c r="BX6" s="655"/>
      <c r="BY6" s="655"/>
      <c r="BZ6" s="656"/>
      <c r="CA6" s="591"/>
      <c r="CB6" s="592"/>
      <c r="CC6" s="592"/>
      <c r="CD6" s="592"/>
      <c r="CE6" s="592"/>
      <c r="CF6" s="592"/>
      <c r="CG6" s="592"/>
      <c r="CH6" s="592"/>
      <c r="CI6" s="592"/>
      <c r="CJ6" s="592"/>
      <c r="CK6" s="593"/>
      <c r="CL6" s="654" t="s">
        <v>75</v>
      </c>
      <c r="CM6" s="655"/>
      <c r="CN6" s="655"/>
      <c r="CO6" s="655"/>
      <c r="CP6" s="655"/>
      <c r="CQ6" s="655"/>
      <c r="CR6" s="655"/>
      <c r="CS6" s="655"/>
      <c r="CT6" s="655"/>
      <c r="CU6" s="655"/>
      <c r="CV6" s="656"/>
      <c r="CW6" s="654" t="s">
        <v>76</v>
      </c>
      <c r="CX6" s="655"/>
      <c r="CY6" s="655"/>
      <c r="CZ6" s="655"/>
      <c r="DA6" s="655"/>
      <c r="DB6" s="655"/>
      <c r="DC6" s="655"/>
      <c r="DD6" s="655"/>
      <c r="DE6" s="655"/>
      <c r="DF6" s="655"/>
      <c r="DG6" s="656"/>
      <c r="DH6" s="591"/>
      <c r="DI6" s="592"/>
      <c r="DJ6" s="592"/>
      <c r="DK6" s="592"/>
      <c r="DL6" s="592"/>
      <c r="DM6" s="592"/>
      <c r="DN6" s="592"/>
      <c r="DO6" s="592"/>
      <c r="DP6" s="592"/>
      <c r="DQ6" s="592"/>
      <c r="DR6" s="592"/>
      <c r="DS6" s="654" t="s">
        <v>77</v>
      </c>
      <c r="DT6" s="655"/>
      <c r="DU6" s="655"/>
      <c r="DV6" s="655"/>
      <c r="DW6" s="655"/>
      <c r="DX6" s="655"/>
      <c r="DY6" s="655"/>
      <c r="DZ6" s="655"/>
      <c r="EA6" s="655"/>
      <c r="EB6" s="655"/>
      <c r="EC6" s="656"/>
      <c r="ED6" s="654" t="s">
        <v>78</v>
      </c>
      <c r="EE6" s="655"/>
      <c r="EF6" s="655"/>
      <c r="EG6" s="655"/>
      <c r="EH6" s="655"/>
      <c r="EI6" s="655"/>
      <c r="EJ6" s="655"/>
      <c r="EK6" s="655"/>
      <c r="EL6" s="655"/>
      <c r="EM6" s="655"/>
      <c r="EN6" s="656"/>
      <c r="EO6" s="654" t="s">
        <v>79</v>
      </c>
      <c r="EP6" s="655"/>
      <c r="EQ6" s="655"/>
      <c r="ER6" s="655"/>
      <c r="ES6" s="655"/>
      <c r="ET6" s="655"/>
      <c r="EU6" s="655"/>
      <c r="EV6" s="655"/>
      <c r="EW6" s="655"/>
      <c r="EX6" s="655"/>
      <c r="EY6" s="656"/>
      <c r="EZ6" s="657" t="s">
        <v>152</v>
      </c>
      <c r="FA6" s="655"/>
      <c r="FB6" s="655"/>
      <c r="FC6" s="655"/>
      <c r="FD6" s="655"/>
      <c r="FE6" s="655"/>
      <c r="FF6" s="655"/>
      <c r="FG6" s="655"/>
      <c r="FH6" s="655"/>
      <c r="FI6" s="655"/>
      <c r="FJ6" s="656"/>
      <c r="FK6" s="591"/>
      <c r="FL6" s="592"/>
      <c r="FM6" s="592"/>
      <c r="FN6" s="592"/>
      <c r="FO6" s="592"/>
      <c r="FP6" s="592"/>
      <c r="FQ6" s="592"/>
      <c r="FR6" s="592"/>
      <c r="FS6" s="592"/>
      <c r="FT6" s="592"/>
      <c r="FU6" s="592"/>
      <c r="FV6" s="654" t="s">
        <v>80</v>
      </c>
      <c r="FW6" s="655"/>
      <c r="FX6" s="655"/>
      <c r="FY6" s="655"/>
      <c r="FZ6" s="655"/>
      <c r="GA6" s="655"/>
      <c r="GB6" s="655"/>
      <c r="GC6" s="655"/>
      <c r="GD6" s="655"/>
      <c r="GE6" s="655"/>
      <c r="GF6" s="656"/>
      <c r="GG6" s="646" t="s">
        <v>81</v>
      </c>
      <c r="GH6" s="647"/>
      <c r="GI6" s="647"/>
      <c r="GJ6" s="647"/>
      <c r="GK6" s="647"/>
      <c r="GL6" s="647"/>
      <c r="GM6" s="647"/>
      <c r="GN6" s="647"/>
      <c r="GO6" s="647"/>
      <c r="GP6" s="647"/>
      <c r="GQ6" s="648"/>
      <c r="GR6" s="646" t="s">
        <v>82</v>
      </c>
      <c r="GS6" s="647"/>
      <c r="GT6" s="647"/>
      <c r="GU6" s="647"/>
      <c r="GV6" s="647"/>
      <c r="GW6" s="647"/>
      <c r="GX6" s="647"/>
      <c r="GY6" s="647"/>
      <c r="GZ6" s="647"/>
      <c r="HA6" s="647"/>
      <c r="HB6" s="648"/>
      <c r="HC6" s="643"/>
      <c r="HD6" s="644"/>
      <c r="HE6" s="644"/>
      <c r="HF6" s="644"/>
      <c r="HG6" s="644"/>
      <c r="HH6" s="644"/>
      <c r="HI6" s="644"/>
      <c r="HJ6" s="644"/>
      <c r="HK6" s="644"/>
      <c r="HL6" s="644"/>
      <c r="HM6" s="645"/>
      <c r="HN6" s="643"/>
      <c r="HO6" s="644"/>
      <c r="HP6" s="644"/>
      <c r="HQ6" s="644"/>
      <c r="HR6" s="644"/>
      <c r="HS6" s="644"/>
      <c r="HT6" s="644"/>
      <c r="HU6" s="644"/>
      <c r="HV6" s="644"/>
      <c r="HW6" s="644"/>
      <c r="HX6" s="645"/>
      <c r="HY6" s="591"/>
      <c r="HZ6" s="592"/>
      <c r="IA6" s="592"/>
      <c r="IB6" s="592"/>
      <c r="IC6" s="592"/>
      <c r="ID6" s="592"/>
      <c r="IE6" s="592"/>
      <c r="IF6" s="592"/>
      <c r="IG6" s="592"/>
      <c r="IH6" s="592"/>
      <c r="II6" s="593"/>
      <c r="IJ6" s="585"/>
      <c r="IK6" s="586"/>
      <c r="IL6" s="586"/>
      <c r="IM6" s="586"/>
      <c r="IN6" s="586"/>
      <c r="IO6" s="586"/>
      <c r="IP6" s="586"/>
      <c r="IQ6" s="586"/>
      <c r="IR6" s="586"/>
      <c r="IS6" s="586"/>
      <c r="IT6" s="587"/>
      <c r="IU6" s="585"/>
      <c r="IV6" s="586"/>
      <c r="IW6" s="586"/>
      <c r="IX6" s="586"/>
      <c r="IY6" s="586"/>
      <c r="IZ6" s="586"/>
      <c r="JA6" s="586"/>
      <c r="JB6" s="586"/>
      <c r="JC6" s="586"/>
      <c r="JD6" s="586"/>
      <c r="JE6" s="587"/>
      <c r="JF6" s="597"/>
      <c r="JG6" s="598"/>
      <c r="JH6" s="598"/>
      <c r="JI6" s="598"/>
      <c r="JJ6" s="598"/>
      <c r="JK6" s="598"/>
      <c r="JL6" s="598"/>
      <c r="JM6" s="598"/>
      <c r="JN6" s="598"/>
      <c r="JO6" s="598"/>
      <c r="JP6" s="599"/>
      <c r="JQ6" s="585"/>
      <c r="JR6" s="586"/>
      <c r="JS6" s="586"/>
      <c r="JT6" s="586"/>
      <c r="JU6" s="586"/>
      <c r="JV6" s="586"/>
      <c r="JW6" s="586"/>
      <c r="JX6" s="586"/>
      <c r="JY6" s="586"/>
      <c r="JZ6" s="586"/>
      <c r="KA6" s="587"/>
      <c r="KB6" s="585"/>
      <c r="KC6" s="586"/>
      <c r="KD6" s="586"/>
      <c r="KE6" s="586"/>
      <c r="KF6" s="586"/>
      <c r="KG6" s="586"/>
      <c r="KH6" s="586"/>
      <c r="KI6" s="586"/>
      <c r="KJ6" s="586"/>
      <c r="KK6" s="586"/>
      <c r="KL6" s="587"/>
      <c r="KM6" s="585"/>
      <c r="KN6" s="586"/>
      <c r="KO6" s="586"/>
      <c r="KP6" s="586"/>
      <c r="KQ6" s="586"/>
      <c r="KR6" s="586"/>
      <c r="KS6" s="586"/>
      <c r="KT6" s="586"/>
      <c r="KU6" s="586"/>
      <c r="KV6" s="586"/>
      <c r="KW6" s="587"/>
      <c r="KX6" s="585"/>
      <c r="KY6" s="586"/>
      <c r="KZ6" s="586"/>
      <c r="LA6" s="586"/>
      <c r="LB6" s="586"/>
      <c r="LC6" s="586"/>
      <c r="LD6" s="586"/>
      <c r="LE6" s="586"/>
      <c r="LF6" s="586"/>
      <c r="LG6" s="586"/>
      <c r="LH6" s="587"/>
      <c r="LI6" s="591"/>
      <c r="LJ6" s="592"/>
      <c r="LK6" s="592"/>
      <c r="LL6" s="592"/>
      <c r="LM6" s="592"/>
      <c r="LN6" s="592"/>
      <c r="LO6" s="592"/>
      <c r="LP6" s="592"/>
      <c r="LQ6" s="592"/>
      <c r="LR6" s="592"/>
      <c r="LS6" s="593"/>
      <c r="LT6" s="606"/>
      <c r="LU6" s="607"/>
      <c r="LV6" s="607"/>
      <c r="LW6" s="607"/>
      <c r="LX6" s="607"/>
      <c r="LY6" s="607"/>
      <c r="LZ6" s="607"/>
      <c r="MA6" s="607"/>
      <c r="MB6" s="607"/>
      <c r="MC6" s="607"/>
      <c r="MD6" s="608"/>
      <c r="ME6" s="591"/>
      <c r="MF6" s="592"/>
      <c r="MG6" s="592"/>
      <c r="MH6" s="592"/>
      <c r="MI6" s="592"/>
      <c r="MJ6" s="592"/>
      <c r="MK6" s="592"/>
      <c r="ML6" s="592"/>
      <c r="MM6" s="592"/>
      <c r="MN6" s="592"/>
      <c r="MO6" s="593"/>
      <c r="MP6" s="585"/>
      <c r="MQ6" s="586"/>
      <c r="MR6" s="586"/>
      <c r="MS6" s="586"/>
      <c r="MT6" s="586"/>
      <c r="MU6" s="586"/>
      <c r="MV6" s="586"/>
      <c r="MW6" s="586"/>
      <c r="MX6" s="586"/>
      <c r="MY6" s="586"/>
      <c r="MZ6" s="587"/>
      <c r="NA6" s="585"/>
      <c r="NB6" s="586"/>
      <c r="NC6" s="586"/>
      <c r="ND6" s="586"/>
      <c r="NE6" s="586"/>
      <c r="NF6" s="586"/>
      <c r="NG6" s="586"/>
      <c r="NH6" s="586"/>
      <c r="NI6" s="586"/>
      <c r="NJ6" s="586"/>
      <c r="NK6" s="587"/>
      <c r="NL6" s="585"/>
      <c r="NM6" s="586"/>
      <c r="NN6" s="586"/>
      <c r="NO6" s="586"/>
      <c r="NP6" s="586"/>
      <c r="NQ6" s="586"/>
      <c r="NR6" s="586"/>
      <c r="NS6" s="586"/>
      <c r="NT6" s="586"/>
      <c r="NU6" s="586"/>
      <c r="NV6" s="587"/>
      <c r="NW6" s="616"/>
      <c r="NX6" s="617"/>
      <c r="NY6" s="617"/>
      <c r="NZ6" s="617"/>
      <c r="OA6" s="617"/>
      <c r="OB6" s="617"/>
      <c r="OC6" s="617"/>
      <c r="OD6" s="617"/>
      <c r="OE6" s="617"/>
      <c r="OF6" s="617"/>
      <c r="OG6" s="618"/>
      <c r="OH6" s="585"/>
      <c r="OI6" s="586"/>
      <c r="OJ6" s="586"/>
      <c r="OK6" s="586"/>
      <c r="OL6" s="586"/>
      <c r="OM6" s="586"/>
      <c r="ON6" s="586"/>
      <c r="OO6" s="586"/>
      <c r="OP6" s="586"/>
      <c r="OQ6" s="586"/>
      <c r="OR6" s="587"/>
    </row>
    <row r="7" spans="1:408" ht="18" customHeight="1" x14ac:dyDescent="0.2">
      <c r="A7" s="630"/>
      <c r="B7" s="620" t="s">
        <v>61</v>
      </c>
      <c r="C7" s="620"/>
      <c r="D7" s="620"/>
      <c r="E7" s="649" t="s">
        <v>62</v>
      </c>
      <c r="F7" s="620"/>
      <c r="G7" s="620"/>
      <c r="H7" s="620"/>
      <c r="I7" s="620"/>
      <c r="J7" s="620"/>
      <c r="K7" s="620"/>
      <c r="L7" s="649" t="s">
        <v>52</v>
      </c>
      <c r="M7" s="652" t="s">
        <v>61</v>
      </c>
      <c r="N7" s="620"/>
      <c r="O7" s="620"/>
      <c r="P7" s="649" t="s">
        <v>62</v>
      </c>
      <c r="Q7" s="620"/>
      <c r="R7" s="620"/>
      <c r="S7" s="620"/>
      <c r="T7" s="620"/>
      <c r="U7" s="620"/>
      <c r="V7" s="650"/>
      <c r="W7" s="573" t="s">
        <v>52</v>
      </c>
      <c r="X7" s="585" t="s">
        <v>61</v>
      </c>
      <c r="Y7" s="586"/>
      <c r="Z7" s="625"/>
      <c r="AA7" s="626" t="s">
        <v>62</v>
      </c>
      <c r="AB7" s="586"/>
      <c r="AC7" s="586"/>
      <c r="AD7" s="586"/>
      <c r="AE7" s="586"/>
      <c r="AF7" s="586"/>
      <c r="AG7" s="625"/>
      <c r="AH7" s="587" t="s">
        <v>52</v>
      </c>
      <c r="AI7" s="568" t="s">
        <v>61</v>
      </c>
      <c r="AJ7" s="569"/>
      <c r="AK7" s="570"/>
      <c r="AL7" s="571" t="s">
        <v>62</v>
      </c>
      <c r="AM7" s="569"/>
      <c r="AN7" s="569"/>
      <c r="AO7" s="569"/>
      <c r="AP7" s="569"/>
      <c r="AQ7" s="569"/>
      <c r="AR7" s="572"/>
      <c r="AS7" s="653" t="s">
        <v>52</v>
      </c>
      <c r="AT7" s="574" t="s">
        <v>61</v>
      </c>
      <c r="AU7" s="575"/>
      <c r="AV7" s="576"/>
      <c r="AW7" s="577" t="s">
        <v>62</v>
      </c>
      <c r="AX7" s="575"/>
      <c r="AY7" s="575"/>
      <c r="AZ7" s="575"/>
      <c r="BA7" s="575"/>
      <c r="BB7" s="575"/>
      <c r="BC7" s="578"/>
      <c r="BD7" s="587" t="s">
        <v>52</v>
      </c>
      <c r="BE7" s="574" t="s">
        <v>61</v>
      </c>
      <c r="BF7" s="575"/>
      <c r="BG7" s="576"/>
      <c r="BH7" s="577" t="s">
        <v>62</v>
      </c>
      <c r="BI7" s="575"/>
      <c r="BJ7" s="575"/>
      <c r="BK7" s="575"/>
      <c r="BL7" s="575"/>
      <c r="BM7" s="575"/>
      <c r="BN7" s="578"/>
      <c r="BO7" s="587" t="s">
        <v>52</v>
      </c>
      <c r="BP7" s="574" t="s">
        <v>61</v>
      </c>
      <c r="BQ7" s="575"/>
      <c r="BR7" s="576"/>
      <c r="BS7" s="577" t="s">
        <v>62</v>
      </c>
      <c r="BT7" s="575"/>
      <c r="BU7" s="575"/>
      <c r="BV7" s="575"/>
      <c r="BW7" s="575"/>
      <c r="BX7" s="575"/>
      <c r="BY7" s="578"/>
      <c r="BZ7" s="587" t="s">
        <v>52</v>
      </c>
      <c r="CA7" s="568" t="s">
        <v>61</v>
      </c>
      <c r="CB7" s="569"/>
      <c r="CC7" s="570"/>
      <c r="CD7" s="571" t="s">
        <v>62</v>
      </c>
      <c r="CE7" s="569"/>
      <c r="CF7" s="569"/>
      <c r="CG7" s="569"/>
      <c r="CH7" s="569"/>
      <c r="CI7" s="569"/>
      <c r="CJ7" s="572"/>
      <c r="CK7" s="573" t="s">
        <v>52</v>
      </c>
      <c r="CL7" s="574" t="s">
        <v>61</v>
      </c>
      <c r="CM7" s="575"/>
      <c r="CN7" s="578"/>
      <c r="CO7" s="577" t="s">
        <v>62</v>
      </c>
      <c r="CP7" s="575"/>
      <c r="CQ7" s="575"/>
      <c r="CR7" s="575"/>
      <c r="CS7" s="575"/>
      <c r="CT7" s="575"/>
      <c r="CU7" s="578"/>
      <c r="CV7" s="566" t="s">
        <v>52</v>
      </c>
      <c r="CW7" s="574" t="s">
        <v>61</v>
      </c>
      <c r="CX7" s="575"/>
      <c r="CY7" s="578"/>
      <c r="CZ7" s="577" t="s">
        <v>62</v>
      </c>
      <c r="DA7" s="575"/>
      <c r="DB7" s="575"/>
      <c r="DC7" s="575"/>
      <c r="DD7" s="575"/>
      <c r="DE7" s="575"/>
      <c r="DF7" s="578"/>
      <c r="DG7" s="566" t="s">
        <v>52</v>
      </c>
      <c r="DH7" s="568" t="s">
        <v>61</v>
      </c>
      <c r="DI7" s="569"/>
      <c r="DJ7" s="572"/>
      <c r="DK7" s="571" t="s">
        <v>62</v>
      </c>
      <c r="DL7" s="569"/>
      <c r="DM7" s="569"/>
      <c r="DN7" s="569"/>
      <c r="DO7" s="569"/>
      <c r="DP7" s="569"/>
      <c r="DQ7" s="572"/>
      <c r="DR7" s="573" t="s">
        <v>52</v>
      </c>
      <c r="DS7" s="574" t="s">
        <v>61</v>
      </c>
      <c r="DT7" s="575"/>
      <c r="DU7" s="576"/>
      <c r="DV7" s="577" t="s">
        <v>62</v>
      </c>
      <c r="DW7" s="575"/>
      <c r="DX7" s="575"/>
      <c r="DY7" s="575"/>
      <c r="DZ7" s="575"/>
      <c r="EA7" s="575"/>
      <c r="EB7" s="578"/>
      <c r="EC7" s="587" t="s">
        <v>52</v>
      </c>
      <c r="ED7" s="574" t="s">
        <v>61</v>
      </c>
      <c r="EE7" s="575"/>
      <c r="EF7" s="576"/>
      <c r="EG7" s="577" t="s">
        <v>62</v>
      </c>
      <c r="EH7" s="575"/>
      <c r="EI7" s="575"/>
      <c r="EJ7" s="575"/>
      <c r="EK7" s="575"/>
      <c r="EL7" s="575"/>
      <c r="EM7" s="578"/>
      <c r="EN7" s="587" t="s">
        <v>52</v>
      </c>
      <c r="EO7" s="574" t="s">
        <v>61</v>
      </c>
      <c r="EP7" s="575"/>
      <c r="EQ7" s="576"/>
      <c r="ER7" s="577" t="s">
        <v>62</v>
      </c>
      <c r="ES7" s="575"/>
      <c r="ET7" s="575"/>
      <c r="EU7" s="575"/>
      <c r="EV7" s="575"/>
      <c r="EW7" s="575"/>
      <c r="EX7" s="578"/>
      <c r="EY7" s="587" t="s">
        <v>52</v>
      </c>
      <c r="EZ7" s="574" t="s">
        <v>61</v>
      </c>
      <c r="FA7" s="575"/>
      <c r="FB7" s="576"/>
      <c r="FC7" s="577" t="s">
        <v>62</v>
      </c>
      <c r="FD7" s="575"/>
      <c r="FE7" s="575"/>
      <c r="FF7" s="575"/>
      <c r="FG7" s="575"/>
      <c r="FH7" s="575"/>
      <c r="FI7" s="578"/>
      <c r="FJ7" s="587" t="s">
        <v>52</v>
      </c>
      <c r="FK7" s="568" t="s">
        <v>61</v>
      </c>
      <c r="FL7" s="569"/>
      <c r="FM7" s="570"/>
      <c r="FN7" s="571" t="s">
        <v>62</v>
      </c>
      <c r="FO7" s="569"/>
      <c r="FP7" s="569"/>
      <c r="FQ7" s="569"/>
      <c r="FR7" s="569"/>
      <c r="FS7" s="569"/>
      <c r="FT7" s="572"/>
      <c r="FU7" s="620" t="s">
        <v>52</v>
      </c>
      <c r="FV7" s="574" t="s">
        <v>61</v>
      </c>
      <c r="FW7" s="575"/>
      <c r="FX7" s="576"/>
      <c r="FY7" s="577" t="s">
        <v>62</v>
      </c>
      <c r="FZ7" s="575"/>
      <c r="GA7" s="575"/>
      <c r="GB7" s="575"/>
      <c r="GC7" s="575"/>
      <c r="GD7" s="575"/>
      <c r="GE7" s="578"/>
      <c r="GF7" s="587" t="s">
        <v>52</v>
      </c>
      <c r="GG7" s="585" t="s">
        <v>61</v>
      </c>
      <c r="GH7" s="586"/>
      <c r="GI7" s="586"/>
      <c r="GJ7" s="626" t="s">
        <v>62</v>
      </c>
      <c r="GK7" s="586"/>
      <c r="GL7" s="586"/>
      <c r="GM7" s="586"/>
      <c r="GN7" s="586"/>
      <c r="GO7" s="586"/>
      <c r="GP7" s="625"/>
      <c r="GQ7" s="627" t="s">
        <v>52</v>
      </c>
      <c r="GR7" s="585" t="s">
        <v>61</v>
      </c>
      <c r="GS7" s="586"/>
      <c r="GT7" s="625"/>
      <c r="GU7" s="626" t="s">
        <v>62</v>
      </c>
      <c r="GV7" s="586"/>
      <c r="GW7" s="586"/>
      <c r="GX7" s="586"/>
      <c r="GY7" s="586"/>
      <c r="GZ7" s="586"/>
      <c r="HA7" s="625"/>
      <c r="HB7" s="627" t="s">
        <v>52</v>
      </c>
      <c r="HC7" s="574" t="s">
        <v>61</v>
      </c>
      <c r="HD7" s="575"/>
      <c r="HE7" s="576"/>
      <c r="HF7" s="577" t="s">
        <v>62</v>
      </c>
      <c r="HG7" s="575"/>
      <c r="HH7" s="575"/>
      <c r="HI7" s="575"/>
      <c r="HJ7" s="575"/>
      <c r="HK7" s="575"/>
      <c r="HL7" s="578"/>
      <c r="HM7" s="587" t="s">
        <v>52</v>
      </c>
      <c r="HN7" s="574" t="s">
        <v>61</v>
      </c>
      <c r="HO7" s="575"/>
      <c r="HP7" s="576"/>
      <c r="HQ7" s="577" t="s">
        <v>62</v>
      </c>
      <c r="HR7" s="575"/>
      <c r="HS7" s="575"/>
      <c r="HT7" s="575"/>
      <c r="HU7" s="575"/>
      <c r="HV7" s="575"/>
      <c r="HW7" s="578"/>
      <c r="HX7" s="587" t="s">
        <v>52</v>
      </c>
      <c r="HY7" s="568" t="s">
        <v>61</v>
      </c>
      <c r="HZ7" s="569"/>
      <c r="IA7" s="570"/>
      <c r="IB7" s="571" t="s">
        <v>62</v>
      </c>
      <c r="IC7" s="569"/>
      <c r="ID7" s="569"/>
      <c r="IE7" s="569"/>
      <c r="IF7" s="569"/>
      <c r="IG7" s="569"/>
      <c r="IH7" s="572"/>
      <c r="II7" s="620" t="s">
        <v>52</v>
      </c>
      <c r="IJ7" s="574" t="s">
        <v>61</v>
      </c>
      <c r="IK7" s="575"/>
      <c r="IL7" s="576"/>
      <c r="IM7" s="577" t="s">
        <v>62</v>
      </c>
      <c r="IN7" s="575"/>
      <c r="IO7" s="575"/>
      <c r="IP7" s="575"/>
      <c r="IQ7" s="575"/>
      <c r="IR7" s="575"/>
      <c r="IS7" s="578"/>
      <c r="IT7" s="587" t="s">
        <v>52</v>
      </c>
      <c r="IU7" s="574" t="s">
        <v>61</v>
      </c>
      <c r="IV7" s="575"/>
      <c r="IW7" s="578"/>
      <c r="IX7" s="577" t="s">
        <v>62</v>
      </c>
      <c r="IY7" s="575"/>
      <c r="IZ7" s="575"/>
      <c r="JA7" s="575"/>
      <c r="JB7" s="575"/>
      <c r="JC7" s="575"/>
      <c r="JD7" s="578"/>
      <c r="JE7" s="587" t="s">
        <v>52</v>
      </c>
      <c r="JF7" s="574" t="s">
        <v>61</v>
      </c>
      <c r="JG7" s="575"/>
      <c r="JH7" s="576"/>
      <c r="JI7" s="577" t="s">
        <v>62</v>
      </c>
      <c r="JJ7" s="575"/>
      <c r="JK7" s="575"/>
      <c r="JL7" s="575"/>
      <c r="JM7" s="575"/>
      <c r="JN7" s="575"/>
      <c r="JO7" s="578"/>
      <c r="JP7" s="566" t="s">
        <v>52</v>
      </c>
      <c r="JQ7" s="574" t="s">
        <v>61</v>
      </c>
      <c r="JR7" s="575"/>
      <c r="JS7" s="576"/>
      <c r="JT7" s="577" t="s">
        <v>62</v>
      </c>
      <c r="JU7" s="575"/>
      <c r="JV7" s="575"/>
      <c r="JW7" s="575"/>
      <c r="JX7" s="575"/>
      <c r="JY7" s="575"/>
      <c r="JZ7" s="578"/>
      <c r="KA7" s="566" t="s">
        <v>52</v>
      </c>
      <c r="KB7" s="574" t="s">
        <v>61</v>
      </c>
      <c r="KC7" s="575"/>
      <c r="KD7" s="576"/>
      <c r="KE7" s="577" t="s">
        <v>62</v>
      </c>
      <c r="KF7" s="575"/>
      <c r="KG7" s="575"/>
      <c r="KH7" s="575"/>
      <c r="KI7" s="575"/>
      <c r="KJ7" s="575"/>
      <c r="KK7" s="578"/>
      <c r="KL7" s="566" t="s">
        <v>52</v>
      </c>
      <c r="KM7" s="574" t="s">
        <v>61</v>
      </c>
      <c r="KN7" s="575"/>
      <c r="KO7" s="576"/>
      <c r="KP7" s="577" t="s">
        <v>62</v>
      </c>
      <c r="KQ7" s="575"/>
      <c r="KR7" s="575"/>
      <c r="KS7" s="575"/>
      <c r="KT7" s="575"/>
      <c r="KU7" s="575"/>
      <c r="KV7" s="578"/>
      <c r="KW7" s="566" t="s">
        <v>52</v>
      </c>
      <c r="KX7" s="574" t="s">
        <v>61</v>
      </c>
      <c r="KY7" s="575"/>
      <c r="KZ7" s="576"/>
      <c r="LA7" s="577" t="s">
        <v>62</v>
      </c>
      <c r="LB7" s="575"/>
      <c r="LC7" s="575"/>
      <c r="LD7" s="575"/>
      <c r="LE7" s="575"/>
      <c r="LF7" s="575"/>
      <c r="LG7" s="578"/>
      <c r="LH7" s="566" t="s">
        <v>52</v>
      </c>
      <c r="LI7" s="574" t="s">
        <v>61</v>
      </c>
      <c r="LJ7" s="575"/>
      <c r="LK7" s="576"/>
      <c r="LL7" s="577" t="s">
        <v>62</v>
      </c>
      <c r="LM7" s="575"/>
      <c r="LN7" s="575"/>
      <c r="LO7" s="575"/>
      <c r="LP7" s="575"/>
      <c r="LQ7" s="575"/>
      <c r="LR7" s="578"/>
      <c r="LS7" s="566" t="s">
        <v>52</v>
      </c>
      <c r="LT7" s="574" t="s">
        <v>61</v>
      </c>
      <c r="LU7" s="575"/>
      <c r="LV7" s="576"/>
      <c r="LW7" s="577" t="s">
        <v>62</v>
      </c>
      <c r="LX7" s="575"/>
      <c r="LY7" s="575"/>
      <c r="LZ7" s="575"/>
      <c r="MA7" s="575"/>
      <c r="MB7" s="575"/>
      <c r="MC7" s="578"/>
      <c r="MD7" s="566" t="s">
        <v>52</v>
      </c>
      <c r="ME7" s="568" t="s">
        <v>61</v>
      </c>
      <c r="MF7" s="569"/>
      <c r="MG7" s="570"/>
      <c r="MH7" s="571" t="s">
        <v>62</v>
      </c>
      <c r="MI7" s="569"/>
      <c r="MJ7" s="569"/>
      <c r="MK7" s="569"/>
      <c r="ML7" s="569"/>
      <c r="MM7" s="569"/>
      <c r="MN7" s="572"/>
      <c r="MO7" s="573" t="s">
        <v>52</v>
      </c>
      <c r="MP7" s="574" t="s">
        <v>61</v>
      </c>
      <c r="MQ7" s="575"/>
      <c r="MR7" s="576"/>
      <c r="MS7" s="577" t="s">
        <v>62</v>
      </c>
      <c r="MT7" s="575"/>
      <c r="MU7" s="575"/>
      <c r="MV7" s="575"/>
      <c r="MW7" s="575"/>
      <c r="MX7" s="575"/>
      <c r="MY7" s="578"/>
      <c r="MZ7" s="566" t="s">
        <v>52</v>
      </c>
      <c r="NA7" s="574" t="s">
        <v>61</v>
      </c>
      <c r="NB7" s="575"/>
      <c r="NC7" s="576"/>
      <c r="ND7" s="577" t="s">
        <v>62</v>
      </c>
      <c r="NE7" s="575"/>
      <c r="NF7" s="575"/>
      <c r="NG7" s="575"/>
      <c r="NH7" s="575"/>
      <c r="NI7" s="575"/>
      <c r="NJ7" s="578"/>
      <c r="NK7" s="566" t="s">
        <v>52</v>
      </c>
      <c r="NL7" s="574" t="s">
        <v>61</v>
      </c>
      <c r="NM7" s="575"/>
      <c r="NN7" s="576"/>
      <c r="NO7" s="577" t="s">
        <v>62</v>
      </c>
      <c r="NP7" s="575"/>
      <c r="NQ7" s="575"/>
      <c r="NR7" s="575"/>
      <c r="NS7" s="575"/>
      <c r="NT7" s="575"/>
      <c r="NU7" s="578"/>
      <c r="NV7" s="566" t="s">
        <v>52</v>
      </c>
      <c r="NW7" s="574" t="s">
        <v>61</v>
      </c>
      <c r="NX7" s="575"/>
      <c r="NY7" s="576"/>
      <c r="NZ7" s="577" t="s">
        <v>62</v>
      </c>
      <c r="OA7" s="575"/>
      <c r="OB7" s="575"/>
      <c r="OC7" s="575"/>
      <c r="OD7" s="575"/>
      <c r="OE7" s="575"/>
      <c r="OF7" s="578"/>
      <c r="OG7" s="566" t="s">
        <v>52</v>
      </c>
      <c r="OH7" s="568" t="s">
        <v>61</v>
      </c>
      <c r="OI7" s="569"/>
      <c r="OJ7" s="570"/>
      <c r="OK7" s="571" t="s">
        <v>62</v>
      </c>
      <c r="OL7" s="569"/>
      <c r="OM7" s="569"/>
      <c r="ON7" s="569"/>
      <c r="OO7" s="569"/>
      <c r="OP7" s="569"/>
      <c r="OQ7" s="572"/>
      <c r="OR7" s="573" t="s">
        <v>52</v>
      </c>
    </row>
    <row r="8" spans="1:408" ht="28.5" customHeight="1" thickBot="1" x14ac:dyDescent="0.25">
      <c r="A8" s="631"/>
      <c r="B8" s="265" t="s">
        <v>43</v>
      </c>
      <c r="C8" s="266" t="s">
        <v>44</v>
      </c>
      <c r="D8" s="267" t="s">
        <v>45</v>
      </c>
      <c r="E8" s="50" t="s">
        <v>83</v>
      </c>
      <c r="F8" s="266" t="s">
        <v>47</v>
      </c>
      <c r="G8" s="266" t="s">
        <v>48</v>
      </c>
      <c r="H8" s="266" t="s">
        <v>49</v>
      </c>
      <c r="I8" s="266" t="s">
        <v>50</v>
      </c>
      <c r="J8" s="266" t="s">
        <v>51</v>
      </c>
      <c r="K8" s="268" t="s">
        <v>45</v>
      </c>
      <c r="L8" s="651"/>
      <c r="M8" s="269" t="s">
        <v>43</v>
      </c>
      <c r="N8" s="266" t="s">
        <v>44</v>
      </c>
      <c r="O8" s="268" t="s">
        <v>45</v>
      </c>
      <c r="P8" s="50" t="s">
        <v>83</v>
      </c>
      <c r="Q8" s="266" t="s">
        <v>47</v>
      </c>
      <c r="R8" s="266" t="s">
        <v>48</v>
      </c>
      <c r="S8" s="266" t="s">
        <v>49</v>
      </c>
      <c r="T8" s="266" t="s">
        <v>50</v>
      </c>
      <c r="U8" s="266" t="s">
        <v>51</v>
      </c>
      <c r="V8" s="268" t="s">
        <v>45</v>
      </c>
      <c r="W8" s="624"/>
      <c r="X8" s="269" t="s">
        <v>43</v>
      </c>
      <c r="Y8" s="266" t="s">
        <v>44</v>
      </c>
      <c r="Z8" s="268" t="s">
        <v>45</v>
      </c>
      <c r="AA8" s="50" t="s">
        <v>83</v>
      </c>
      <c r="AB8" s="266" t="s">
        <v>47</v>
      </c>
      <c r="AC8" s="266" t="s">
        <v>48</v>
      </c>
      <c r="AD8" s="266" t="s">
        <v>49</v>
      </c>
      <c r="AE8" s="266" t="s">
        <v>50</v>
      </c>
      <c r="AF8" s="266" t="s">
        <v>51</v>
      </c>
      <c r="AG8" s="268" t="s">
        <v>45</v>
      </c>
      <c r="AH8" s="623"/>
      <c r="AI8" s="269" t="s">
        <v>43</v>
      </c>
      <c r="AJ8" s="266" t="s">
        <v>44</v>
      </c>
      <c r="AK8" s="267" t="s">
        <v>45</v>
      </c>
      <c r="AL8" s="50" t="s">
        <v>83</v>
      </c>
      <c r="AM8" s="266" t="s">
        <v>47</v>
      </c>
      <c r="AN8" s="266" t="s">
        <v>48</v>
      </c>
      <c r="AO8" s="266" t="s">
        <v>49</v>
      </c>
      <c r="AP8" s="266" t="s">
        <v>50</v>
      </c>
      <c r="AQ8" s="266" t="s">
        <v>51</v>
      </c>
      <c r="AR8" s="268" t="s">
        <v>45</v>
      </c>
      <c r="AS8" s="623"/>
      <c r="AT8" s="269" t="s">
        <v>43</v>
      </c>
      <c r="AU8" s="266" t="s">
        <v>44</v>
      </c>
      <c r="AV8" s="267" t="s">
        <v>45</v>
      </c>
      <c r="AW8" s="50" t="s">
        <v>83</v>
      </c>
      <c r="AX8" s="266" t="s">
        <v>47</v>
      </c>
      <c r="AY8" s="266" t="s">
        <v>48</v>
      </c>
      <c r="AZ8" s="266" t="s">
        <v>49</v>
      </c>
      <c r="BA8" s="266" t="s">
        <v>50</v>
      </c>
      <c r="BB8" s="266" t="s">
        <v>51</v>
      </c>
      <c r="BC8" s="268" t="s">
        <v>45</v>
      </c>
      <c r="BD8" s="623"/>
      <c r="BE8" s="270" t="s">
        <v>43</v>
      </c>
      <c r="BF8" s="266" t="s">
        <v>44</v>
      </c>
      <c r="BG8" s="267" t="s">
        <v>45</v>
      </c>
      <c r="BH8" s="50" t="s">
        <v>83</v>
      </c>
      <c r="BI8" s="266" t="s">
        <v>47</v>
      </c>
      <c r="BJ8" s="266" t="s">
        <v>48</v>
      </c>
      <c r="BK8" s="266" t="s">
        <v>49</v>
      </c>
      <c r="BL8" s="266" t="s">
        <v>50</v>
      </c>
      <c r="BM8" s="266" t="s">
        <v>51</v>
      </c>
      <c r="BN8" s="268" t="s">
        <v>45</v>
      </c>
      <c r="BO8" s="623"/>
      <c r="BP8" s="269" t="s">
        <v>43</v>
      </c>
      <c r="BQ8" s="266" t="s">
        <v>44</v>
      </c>
      <c r="BR8" s="267" t="s">
        <v>45</v>
      </c>
      <c r="BS8" s="50" t="s">
        <v>83</v>
      </c>
      <c r="BT8" s="266" t="s">
        <v>47</v>
      </c>
      <c r="BU8" s="266" t="s">
        <v>48</v>
      </c>
      <c r="BV8" s="266" t="s">
        <v>49</v>
      </c>
      <c r="BW8" s="266" t="s">
        <v>50</v>
      </c>
      <c r="BX8" s="266" t="s">
        <v>51</v>
      </c>
      <c r="BY8" s="268" t="s">
        <v>45</v>
      </c>
      <c r="BZ8" s="623"/>
      <c r="CA8" s="269" t="s">
        <v>43</v>
      </c>
      <c r="CB8" s="266" t="s">
        <v>44</v>
      </c>
      <c r="CC8" s="267" t="s">
        <v>45</v>
      </c>
      <c r="CD8" s="50" t="s">
        <v>83</v>
      </c>
      <c r="CE8" s="266" t="s">
        <v>47</v>
      </c>
      <c r="CF8" s="266" t="s">
        <v>48</v>
      </c>
      <c r="CG8" s="266" t="s">
        <v>49</v>
      </c>
      <c r="CH8" s="266" t="s">
        <v>50</v>
      </c>
      <c r="CI8" s="266" t="s">
        <v>51</v>
      </c>
      <c r="CJ8" s="268" t="s">
        <v>45</v>
      </c>
      <c r="CK8" s="624"/>
      <c r="CL8" s="269" t="s">
        <v>43</v>
      </c>
      <c r="CM8" s="266" t="s">
        <v>44</v>
      </c>
      <c r="CN8" s="268" t="s">
        <v>45</v>
      </c>
      <c r="CO8" s="50" t="s">
        <v>83</v>
      </c>
      <c r="CP8" s="266" t="s">
        <v>47</v>
      </c>
      <c r="CQ8" s="266" t="s">
        <v>48</v>
      </c>
      <c r="CR8" s="266" t="s">
        <v>49</v>
      </c>
      <c r="CS8" s="266" t="s">
        <v>50</v>
      </c>
      <c r="CT8" s="266" t="s">
        <v>51</v>
      </c>
      <c r="CU8" s="268" t="s">
        <v>45</v>
      </c>
      <c r="CV8" s="624"/>
      <c r="CW8" s="269" t="s">
        <v>43</v>
      </c>
      <c r="CX8" s="266" t="s">
        <v>44</v>
      </c>
      <c r="CY8" s="268" t="s">
        <v>45</v>
      </c>
      <c r="CZ8" s="50" t="s">
        <v>83</v>
      </c>
      <c r="DA8" s="266" t="s">
        <v>47</v>
      </c>
      <c r="DB8" s="266" t="s">
        <v>48</v>
      </c>
      <c r="DC8" s="266" t="s">
        <v>49</v>
      </c>
      <c r="DD8" s="266" t="s">
        <v>50</v>
      </c>
      <c r="DE8" s="266" t="s">
        <v>51</v>
      </c>
      <c r="DF8" s="268" t="s">
        <v>45</v>
      </c>
      <c r="DG8" s="624"/>
      <c r="DH8" s="269" t="s">
        <v>43</v>
      </c>
      <c r="DI8" s="266" t="s">
        <v>44</v>
      </c>
      <c r="DJ8" s="268" t="s">
        <v>45</v>
      </c>
      <c r="DK8" s="50" t="s">
        <v>83</v>
      </c>
      <c r="DL8" s="266" t="s">
        <v>47</v>
      </c>
      <c r="DM8" s="266" t="s">
        <v>48</v>
      </c>
      <c r="DN8" s="266" t="s">
        <v>49</v>
      </c>
      <c r="DO8" s="266" t="s">
        <v>50</v>
      </c>
      <c r="DP8" s="266" t="s">
        <v>51</v>
      </c>
      <c r="DQ8" s="268" t="s">
        <v>45</v>
      </c>
      <c r="DR8" s="624"/>
      <c r="DS8" s="269" t="s">
        <v>43</v>
      </c>
      <c r="DT8" s="266" t="s">
        <v>44</v>
      </c>
      <c r="DU8" s="267" t="s">
        <v>45</v>
      </c>
      <c r="DV8" s="50" t="s">
        <v>83</v>
      </c>
      <c r="DW8" s="266" t="s">
        <v>47</v>
      </c>
      <c r="DX8" s="266" t="s">
        <v>48</v>
      </c>
      <c r="DY8" s="266" t="s">
        <v>49</v>
      </c>
      <c r="DZ8" s="266" t="s">
        <v>50</v>
      </c>
      <c r="EA8" s="266" t="s">
        <v>51</v>
      </c>
      <c r="EB8" s="268" t="s">
        <v>45</v>
      </c>
      <c r="EC8" s="623"/>
      <c r="ED8" s="269" t="s">
        <v>43</v>
      </c>
      <c r="EE8" s="266" t="s">
        <v>44</v>
      </c>
      <c r="EF8" s="267" t="s">
        <v>45</v>
      </c>
      <c r="EG8" s="50" t="s">
        <v>83</v>
      </c>
      <c r="EH8" s="266" t="s">
        <v>47</v>
      </c>
      <c r="EI8" s="266" t="s">
        <v>48</v>
      </c>
      <c r="EJ8" s="266" t="s">
        <v>49</v>
      </c>
      <c r="EK8" s="266" t="s">
        <v>50</v>
      </c>
      <c r="EL8" s="266" t="s">
        <v>51</v>
      </c>
      <c r="EM8" s="268" t="s">
        <v>45</v>
      </c>
      <c r="EN8" s="623"/>
      <c r="EO8" s="269" t="s">
        <v>43</v>
      </c>
      <c r="EP8" s="266" t="s">
        <v>44</v>
      </c>
      <c r="EQ8" s="267" t="s">
        <v>45</v>
      </c>
      <c r="ER8" s="50" t="s">
        <v>83</v>
      </c>
      <c r="ES8" s="266" t="s">
        <v>47</v>
      </c>
      <c r="ET8" s="266" t="s">
        <v>48</v>
      </c>
      <c r="EU8" s="266" t="s">
        <v>49</v>
      </c>
      <c r="EV8" s="266" t="s">
        <v>50</v>
      </c>
      <c r="EW8" s="266" t="s">
        <v>51</v>
      </c>
      <c r="EX8" s="268" t="s">
        <v>45</v>
      </c>
      <c r="EY8" s="623"/>
      <c r="EZ8" s="269" t="s">
        <v>43</v>
      </c>
      <c r="FA8" s="266" t="s">
        <v>44</v>
      </c>
      <c r="FB8" s="267" t="s">
        <v>45</v>
      </c>
      <c r="FC8" s="50" t="s">
        <v>83</v>
      </c>
      <c r="FD8" s="266" t="s">
        <v>47</v>
      </c>
      <c r="FE8" s="266" t="s">
        <v>48</v>
      </c>
      <c r="FF8" s="266" t="s">
        <v>49</v>
      </c>
      <c r="FG8" s="266" t="s">
        <v>50</v>
      </c>
      <c r="FH8" s="266" t="s">
        <v>51</v>
      </c>
      <c r="FI8" s="268" t="s">
        <v>45</v>
      </c>
      <c r="FJ8" s="623"/>
      <c r="FK8" s="269" t="s">
        <v>43</v>
      </c>
      <c r="FL8" s="266" t="s">
        <v>44</v>
      </c>
      <c r="FM8" s="267" t="s">
        <v>45</v>
      </c>
      <c r="FN8" s="50" t="s">
        <v>83</v>
      </c>
      <c r="FO8" s="266" t="s">
        <v>47</v>
      </c>
      <c r="FP8" s="266" t="s">
        <v>48</v>
      </c>
      <c r="FQ8" s="266" t="s">
        <v>49</v>
      </c>
      <c r="FR8" s="266" t="s">
        <v>50</v>
      </c>
      <c r="FS8" s="266" t="s">
        <v>51</v>
      </c>
      <c r="FT8" s="268" t="s">
        <v>45</v>
      </c>
      <c r="FU8" s="621"/>
      <c r="FV8" s="269" t="s">
        <v>43</v>
      </c>
      <c r="FW8" s="266" t="s">
        <v>44</v>
      </c>
      <c r="FX8" s="267" t="s">
        <v>45</v>
      </c>
      <c r="FY8" s="50" t="s">
        <v>83</v>
      </c>
      <c r="FZ8" s="266" t="s">
        <v>47</v>
      </c>
      <c r="GA8" s="266" t="s">
        <v>48</v>
      </c>
      <c r="GB8" s="266" t="s">
        <v>49</v>
      </c>
      <c r="GC8" s="266" t="s">
        <v>50</v>
      </c>
      <c r="GD8" s="266" t="s">
        <v>51</v>
      </c>
      <c r="GE8" s="268" t="s">
        <v>45</v>
      </c>
      <c r="GF8" s="623"/>
      <c r="GG8" s="269" t="s">
        <v>43</v>
      </c>
      <c r="GH8" s="266" t="s">
        <v>44</v>
      </c>
      <c r="GI8" s="267" t="s">
        <v>45</v>
      </c>
      <c r="GJ8" s="50" t="s">
        <v>83</v>
      </c>
      <c r="GK8" s="266" t="s">
        <v>47</v>
      </c>
      <c r="GL8" s="266" t="s">
        <v>48</v>
      </c>
      <c r="GM8" s="266" t="s">
        <v>49</v>
      </c>
      <c r="GN8" s="266" t="s">
        <v>50</v>
      </c>
      <c r="GO8" s="266" t="s">
        <v>51</v>
      </c>
      <c r="GP8" s="268" t="s">
        <v>45</v>
      </c>
      <c r="GQ8" s="628"/>
      <c r="GR8" s="269" t="s">
        <v>43</v>
      </c>
      <c r="GS8" s="266" t="s">
        <v>44</v>
      </c>
      <c r="GT8" s="267" t="s">
        <v>45</v>
      </c>
      <c r="GU8" s="50" t="s">
        <v>83</v>
      </c>
      <c r="GV8" s="266" t="s">
        <v>47</v>
      </c>
      <c r="GW8" s="266" t="s">
        <v>48</v>
      </c>
      <c r="GX8" s="266" t="s">
        <v>49</v>
      </c>
      <c r="GY8" s="266" t="s">
        <v>50</v>
      </c>
      <c r="GZ8" s="266" t="s">
        <v>51</v>
      </c>
      <c r="HA8" s="268" t="s">
        <v>45</v>
      </c>
      <c r="HB8" s="628"/>
      <c r="HC8" s="269" t="s">
        <v>43</v>
      </c>
      <c r="HD8" s="266" t="s">
        <v>44</v>
      </c>
      <c r="HE8" s="267" t="s">
        <v>45</v>
      </c>
      <c r="HF8" s="50" t="s">
        <v>83</v>
      </c>
      <c r="HG8" s="266" t="s">
        <v>47</v>
      </c>
      <c r="HH8" s="266" t="s">
        <v>48</v>
      </c>
      <c r="HI8" s="266" t="s">
        <v>49</v>
      </c>
      <c r="HJ8" s="266" t="s">
        <v>50</v>
      </c>
      <c r="HK8" s="266" t="s">
        <v>51</v>
      </c>
      <c r="HL8" s="268" t="s">
        <v>45</v>
      </c>
      <c r="HM8" s="623"/>
      <c r="HN8" s="269" t="s">
        <v>43</v>
      </c>
      <c r="HO8" s="266" t="s">
        <v>44</v>
      </c>
      <c r="HP8" s="267" t="s">
        <v>45</v>
      </c>
      <c r="HQ8" s="50" t="s">
        <v>83</v>
      </c>
      <c r="HR8" s="266" t="s">
        <v>47</v>
      </c>
      <c r="HS8" s="266" t="s">
        <v>48</v>
      </c>
      <c r="HT8" s="266" t="s">
        <v>49</v>
      </c>
      <c r="HU8" s="266" t="s">
        <v>50</v>
      </c>
      <c r="HV8" s="266" t="s">
        <v>51</v>
      </c>
      <c r="HW8" s="268" t="s">
        <v>45</v>
      </c>
      <c r="HX8" s="623"/>
      <c r="HY8" s="269" t="s">
        <v>43</v>
      </c>
      <c r="HZ8" s="266" t="s">
        <v>44</v>
      </c>
      <c r="IA8" s="267" t="s">
        <v>45</v>
      </c>
      <c r="IB8" s="50" t="s">
        <v>83</v>
      </c>
      <c r="IC8" s="266" t="s">
        <v>47</v>
      </c>
      <c r="ID8" s="266" t="s">
        <v>48</v>
      </c>
      <c r="IE8" s="266" t="s">
        <v>49</v>
      </c>
      <c r="IF8" s="266" t="s">
        <v>50</v>
      </c>
      <c r="IG8" s="266" t="s">
        <v>51</v>
      </c>
      <c r="IH8" s="268" t="s">
        <v>45</v>
      </c>
      <c r="II8" s="621"/>
      <c r="IJ8" s="269" t="s">
        <v>43</v>
      </c>
      <c r="IK8" s="266" t="s">
        <v>44</v>
      </c>
      <c r="IL8" s="267" t="s">
        <v>45</v>
      </c>
      <c r="IM8" s="50" t="s">
        <v>83</v>
      </c>
      <c r="IN8" s="271" t="s">
        <v>47</v>
      </c>
      <c r="IO8" s="271" t="s">
        <v>48</v>
      </c>
      <c r="IP8" s="271" t="s">
        <v>49</v>
      </c>
      <c r="IQ8" s="271" t="s">
        <v>50</v>
      </c>
      <c r="IR8" s="271" t="s">
        <v>51</v>
      </c>
      <c r="IS8" s="272" t="s">
        <v>45</v>
      </c>
      <c r="IT8" s="619"/>
      <c r="IU8" s="270" t="s">
        <v>43</v>
      </c>
      <c r="IV8" s="271" t="s">
        <v>44</v>
      </c>
      <c r="IW8" s="272" t="s">
        <v>45</v>
      </c>
      <c r="IX8" s="50" t="s">
        <v>83</v>
      </c>
      <c r="IY8" s="271" t="s">
        <v>47</v>
      </c>
      <c r="IZ8" s="271" t="s">
        <v>48</v>
      </c>
      <c r="JA8" s="271" t="s">
        <v>49</v>
      </c>
      <c r="JB8" s="271" t="s">
        <v>50</v>
      </c>
      <c r="JC8" s="271" t="s">
        <v>51</v>
      </c>
      <c r="JD8" s="272" t="s">
        <v>45</v>
      </c>
      <c r="JE8" s="619"/>
      <c r="JF8" s="270" t="s">
        <v>43</v>
      </c>
      <c r="JG8" s="271" t="s">
        <v>44</v>
      </c>
      <c r="JH8" s="274" t="s">
        <v>45</v>
      </c>
      <c r="JI8" s="50" t="s">
        <v>83</v>
      </c>
      <c r="JJ8" s="271" t="s">
        <v>47</v>
      </c>
      <c r="JK8" s="271" t="s">
        <v>48</v>
      </c>
      <c r="JL8" s="271" t="s">
        <v>49</v>
      </c>
      <c r="JM8" s="271" t="s">
        <v>50</v>
      </c>
      <c r="JN8" s="271" t="s">
        <v>51</v>
      </c>
      <c r="JO8" s="272" t="s">
        <v>45</v>
      </c>
      <c r="JP8" s="567"/>
      <c r="JQ8" s="270" t="s">
        <v>43</v>
      </c>
      <c r="JR8" s="271" t="s">
        <v>44</v>
      </c>
      <c r="JS8" s="274" t="s">
        <v>45</v>
      </c>
      <c r="JT8" s="32" t="s">
        <v>83</v>
      </c>
      <c r="JU8" s="271" t="s">
        <v>47</v>
      </c>
      <c r="JV8" s="271" t="s">
        <v>48</v>
      </c>
      <c r="JW8" s="271" t="s">
        <v>49</v>
      </c>
      <c r="JX8" s="271" t="s">
        <v>50</v>
      </c>
      <c r="JY8" s="271" t="s">
        <v>51</v>
      </c>
      <c r="JZ8" s="272" t="s">
        <v>45</v>
      </c>
      <c r="KA8" s="567"/>
      <c r="KB8" s="270" t="s">
        <v>43</v>
      </c>
      <c r="KC8" s="271" t="s">
        <v>44</v>
      </c>
      <c r="KD8" s="274" t="s">
        <v>45</v>
      </c>
      <c r="KE8" s="50" t="s">
        <v>83</v>
      </c>
      <c r="KF8" s="271" t="s">
        <v>47</v>
      </c>
      <c r="KG8" s="271" t="s">
        <v>48</v>
      </c>
      <c r="KH8" s="271" t="s">
        <v>49</v>
      </c>
      <c r="KI8" s="271" t="s">
        <v>50</v>
      </c>
      <c r="KJ8" s="271" t="s">
        <v>51</v>
      </c>
      <c r="KK8" s="272" t="s">
        <v>45</v>
      </c>
      <c r="KL8" s="567"/>
      <c r="KM8" s="270" t="s">
        <v>43</v>
      </c>
      <c r="KN8" s="271" t="s">
        <v>44</v>
      </c>
      <c r="KO8" s="274" t="s">
        <v>45</v>
      </c>
      <c r="KP8" s="50" t="s">
        <v>83</v>
      </c>
      <c r="KQ8" s="271" t="s">
        <v>47</v>
      </c>
      <c r="KR8" s="271" t="s">
        <v>48</v>
      </c>
      <c r="KS8" s="271" t="s">
        <v>49</v>
      </c>
      <c r="KT8" s="271" t="s">
        <v>50</v>
      </c>
      <c r="KU8" s="271" t="s">
        <v>51</v>
      </c>
      <c r="KV8" s="272" t="s">
        <v>45</v>
      </c>
      <c r="KW8" s="567"/>
      <c r="KX8" s="270" t="s">
        <v>43</v>
      </c>
      <c r="KY8" s="271" t="s">
        <v>44</v>
      </c>
      <c r="KZ8" s="274" t="s">
        <v>45</v>
      </c>
      <c r="LA8" s="50" t="s">
        <v>83</v>
      </c>
      <c r="LB8" s="271" t="s">
        <v>47</v>
      </c>
      <c r="LC8" s="271" t="s">
        <v>48</v>
      </c>
      <c r="LD8" s="271" t="s">
        <v>49</v>
      </c>
      <c r="LE8" s="271" t="s">
        <v>50</v>
      </c>
      <c r="LF8" s="271" t="s">
        <v>51</v>
      </c>
      <c r="LG8" s="272" t="s">
        <v>45</v>
      </c>
      <c r="LH8" s="567"/>
      <c r="LI8" s="270" t="s">
        <v>43</v>
      </c>
      <c r="LJ8" s="271" t="s">
        <v>44</v>
      </c>
      <c r="LK8" s="274" t="s">
        <v>45</v>
      </c>
      <c r="LL8" s="50" t="s">
        <v>83</v>
      </c>
      <c r="LM8" s="271" t="s">
        <v>47</v>
      </c>
      <c r="LN8" s="271" t="s">
        <v>48</v>
      </c>
      <c r="LO8" s="271" t="s">
        <v>49</v>
      </c>
      <c r="LP8" s="271" t="s">
        <v>50</v>
      </c>
      <c r="LQ8" s="271" t="s">
        <v>51</v>
      </c>
      <c r="LR8" s="272" t="s">
        <v>45</v>
      </c>
      <c r="LS8" s="567"/>
      <c r="LT8" s="270" t="s">
        <v>43</v>
      </c>
      <c r="LU8" s="271" t="s">
        <v>44</v>
      </c>
      <c r="LV8" s="274" t="s">
        <v>45</v>
      </c>
      <c r="LW8" s="50" t="s">
        <v>83</v>
      </c>
      <c r="LX8" s="271" t="s">
        <v>47</v>
      </c>
      <c r="LY8" s="271" t="s">
        <v>48</v>
      </c>
      <c r="LZ8" s="271" t="s">
        <v>49</v>
      </c>
      <c r="MA8" s="271" t="s">
        <v>50</v>
      </c>
      <c r="MB8" s="271" t="s">
        <v>51</v>
      </c>
      <c r="MC8" s="272" t="s">
        <v>45</v>
      </c>
      <c r="MD8" s="567"/>
      <c r="ME8" s="270" t="s">
        <v>43</v>
      </c>
      <c r="MF8" s="271" t="s">
        <v>44</v>
      </c>
      <c r="MG8" s="274" t="s">
        <v>45</v>
      </c>
      <c r="MH8" s="50" t="s">
        <v>83</v>
      </c>
      <c r="MI8" s="271" t="s">
        <v>47</v>
      </c>
      <c r="MJ8" s="271" t="s">
        <v>48</v>
      </c>
      <c r="MK8" s="271" t="s">
        <v>49</v>
      </c>
      <c r="ML8" s="271" t="s">
        <v>50</v>
      </c>
      <c r="MM8" s="271" t="s">
        <v>51</v>
      </c>
      <c r="MN8" s="272" t="s">
        <v>45</v>
      </c>
      <c r="MO8" s="567"/>
      <c r="MP8" s="270" t="s">
        <v>43</v>
      </c>
      <c r="MQ8" s="271" t="s">
        <v>44</v>
      </c>
      <c r="MR8" s="274" t="s">
        <v>45</v>
      </c>
      <c r="MS8" s="32" t="s">
        <v>83</v>
      </c>
      <c r="MT8" s="271" t="s">
        <v>47</v>
      </c>
      <c r="MU8" s="271" t="s">
        <v>48</v>
      </c>
      <c r="MV8" s="271" t="s">
        <v>49</v>
      </c>
      <c r="MW8" s="271" t="s">
        <v>50</v>
      </c>
      <c r="MX8" s="271" t="s">
        <v>51</v>
      </c>
      <c r="MY8" s="272" t="s">
        <v>45</v>
      </c>
      <c r="MZ8" s="567"/>
      <c r="NA8" s="270" t="s">
        <v>43</v>
      </c>
      <c r="NB8" s="271" t="s">
        <v>44</v>
      </c>
      <c r="NC8" s="274" t="s">
        <v>45</v>
      </c>
      <c r="ND8" s="40" t="s">
        <v>83</v>
      </c>
      <c r="NE8" s="271" t="s">
        <v>47</v>
      </c>
      <c r="NF8" s="271" t="s">
        <v>48</v>
      </c>
      <c r="NG8" s="271" t="s">
        <v>49</v>
      </c>
      <c r="NH8" s="271" t="s">
        <v>50</v>
      </c>
      <c r="NI8" s="271" t="s">
        <v>51</v>
      </c>
      <c r="NJ8" s="272" t="s">
        <v>45</v>
      </c>
      <c r="NK8" s="567"/>
      <c r="NL8" s="270" t="s">
        <v>43</v>
      </c>
      <c r="NM8" s="271" t="s">
        <v>44</v>
      </c>
      <c r="NN8" s="274" t="s">
        <v>45</v>
      </c>
      <c r="NO8" s="50" t="s">
        <v>83</v>
      </c>
      <c r="NP8" s="271" t="s">
        <v>47</v>
      </c>
      <c r="NQ8" s="271" t="s">
        <v>48</v>
      </c>
      <c r="NR8" s="271" t="s">
        <v>49</v>
      </c>
      <c r="NS8" s="271" t="s">
        <v>50</v>
      </c>
      <c r="NT8" s="271" t="s">
        <v>51</v>
      </c>
      <c r="NU8" s="272" t="s">
        <v>45</v>
      </c>
      <c r="NV8" s="567"/>
      <c r="NW8" s="270" t="s">
        <v>43</v>
      </c>
      <c r="NX8" s="271" t="s">
        <v>44</v>
      </c>
      <c r="NY8" s="274" t="s">
        <v>45</v>
      </c>
      <c r="NZ8" s="40" t="s">
        <v>83</v>
      </c>
      <c r="OA8" s="271" t="s">
        <v>47</v>
      </c>
      <c r="OB8" s="271" t="s">
        <v>48</v>
      </c>
      <c r="OC8" s="271" t="s">
        <v>49</v>
      </c>
      <c r="OD8" s="271" t="s">
        <v>50</v>
      </c>
      <c r="OE8" s="271" t="s">
        <v>51</v>
      </c>
      <c r="OF8" s="272" t="s">
        <v>45</v>
      </c>
      <c r="OG8" s="567"/>
      <c r="OH8" s="270" t="s">
        <v>43</v>
      </c>
      <c r="OI8" s="271" t="s">
        <v>44</v>
      </c>
      <c r="OJ8" s="274" t="s">
        <v>45</v>
      </c>
      <c r="OK8" s="32" t="s">
        <v>83</v>
      </c>
      <c r="OL8" s="271" t="s">
        <v>47</v>
      </c>
      <c r="OM8" s="271" t="s">
        <v>48</v>
      </c>
      <c r="ON8" s="271" t="s">
        <v>49</v>
      </c>
      <c r="OO8" s="271" t="s">
        <v>50</v>
      </c>
      <c r="OP8" s="271" t="s">
        <v>51</v>
      </c>
      <c r="OQ8" s="272" t="s">
        <v>45</v>
      </c>
      <c r="OR8" s="567"/>
    </row>
    <row r="9" spans="1:408" ht="18.75" customHeight="1" x14ac:dyDescent="0.2">
      <c r="A9" s="60" t="s">
        <v>4</v>
      </c>
      <c r="B9" s="275">
        <v>389744812</v>
      </c>
      <c r="C9" s="276">
        <v>802207686</v>
      </c>
      <c r="D9" s="277">
        <v>1191952498</v>
      </c>
      <c r="E9" s="278">
        <v>0</v>
      </c>
      <c r="F9" s="276">
        <v>5018738072</v>
      </c>
      <c r="G9" s="276">
        <v>6810784980</v>
      </c>
      <c r="H9" s="276">
        <v>5575623191</v>
      </c>
      <c r="I9" s="276">
        <v>5286687199</v>
      </c>
      <c r="J9" s="276">
        <v>4053260888</v>
      </c>
      <c r="K9" s="279">
        <v>26745094330</v>
      </c>
      <c r="L9" s="280">
        <v>27937046828</v>
      </c>
      <c r="M9" s="275">
        <v>91863761</v>
      </c>
      <c r="N9" s="276">
        <v>236734932</v>
      </c>
      <c r="O9" s="281">
        <v>328598693</v>
      </c>
      <c r="P9" s="275">
        <v>0</v>
      </c>
      <c r="Q9" s="276">
        <v>1421174188</v>
      </c>
      <c r="R9" s="276">
        <v>2162047349</v>
      </c>
      <c r="S9" s="276">
        <v>1805599166</v>
      </c>
      <c r="T9" s="276">
        <v>1987466607</v>
      </c>
      <c r="U9" s="276">
        <v>2044276908</v>
      </c>
      <c r="V9" s="281">
        <v>9420564218</v>
      </c>
      <c r="W9" s="280">
        <v>9749162911</v>
      </c>
      <c r="X9" s="275">
        <v>0</v>
      </c>
      <c r="Y9" s="276">
        <v>0</v>
      </c>
      <c r="Z9" s="281">
        <v>0</v>
      </c>
      <c r="AA9" s="282">
        <v>0</v>
      </c>
      <c r="AB9" s="283">
        <v>708616135</v>
      </c>
      <c r="AC9" s="283">
        <v>1097884355</v>
      </c>
      <c r="AD9" s="283">
        <v>1023004787</v>
      </c>
      <c r="AE9" s="283">
        <v>1146783465</v>
      </c>
      <c r="AF9" s="283">
        <v>1179953041</v>
      </c>
      <c r="AG9" s="281">
        <v>5156241783</v>
      </c>
      <c r="AH9" s="280">
        <v>5156241783</v>
      </c>
      <c r="AI9" s="284">
        <v>49279</v>
      </c>
      <c r="AJ9" s="283">
        <v>1095707</v>
      </c>
      <c r="AK9" s="281">
        <v>1144986</v>
      </c>
      <c r="AL9" s="282">
        <v>0</v>
      </c>
      <c r="AM9" s="283">
        <v>6946819</v>
      </c>
      <c r="AN9" s="279">
        <v>28547734</v>
      </c>
      <c r="AO9" s="283">
        <v>49804530</v>
      </c>
      <c r="AP9" s="283">
        <v>124123501</v>
      </c>
      <c r="AQ9" s="283">
        <v>247045412</v>
      </c>
      <c r="AR9" s="281">
        <v>456467996</v>
      </c>
      <c r="AS9" s="280">
        <v>457612982</v>
      </c>
      <c r="AT9" s="284">
        <v>51104113</v>
      </c>
      <c r="AU9" s="283">
        <v>170897949</v>
      </c>
      <c r="AV9" s="281">
        <v>222002062</v>
      </c>
      <c r="AW9" s="282">
        <v>0</v>
      </c>
      <c r="AX9" s="283">
        <v>427780036</v>
      </c>
      <c r="AY9" s="283">
        <v>681654398</v>
      </c>
      <c r="AZ9" s="283">
        <v>428727234</v>
      </c>
      <c r="BA9" s="283">
        <v>423297135</v>
      </c>
      <c r="BB9" s="283">
        <v>395373173</v>
      </c>
      <c r="BC9" s="281">
        <v>2356831976</v>
      </c>
      <c r="BD9" s="285">
        <v>2578834038</v>
      </c>
      <c r="BE9" s="284">
        <v>6377671</v>
      </c>
      <c r="BF9" s="279">
        <v>23313453</v>
      </c>
      <c r="BG9" s="286">
        <v>29691124</v>
      </c>
      <c r="BH9" s="282">
        <v>0</v>
      </c>
      <c r="BI9" s="283">
        <v>36143379</v>
      </c>
      <c r="BJ9" s="283">
        <v>64707288</v>
      </c>
      <c r="BK9" s="283">
        <v>44402785</v>
      </c>
      <c r="BL9" s="283">
        <v>38164741</v>
      </c>
      <c r="BM9" s="283">
        <v>24465903</v>
      </c>
      <c r="BN9" s="281">
        <v>207884096</v>
      </c>
      <c r="BO9" s="280">
        <v>237575220</v>
      </c>
      <c r="BP9" s="284">
        <v>34332698</v>
      </c>
      <c r="BQ9" s="283">
        <v>41427823</v>
      </c>
      <c r="BR9" s="281">
        <v>75760521</v>
      </c>
      <c r="BS9" s="282">
        <v>0</v>
      </c>
      <c r="BT9" s="283">
        <v>241687819</v>
      </c>
      <c r="BU9" s="283">
        <v>289253574</v>
      </c>
      <c r="BV9" s="283">
        <v>259659830</v>
      </c>
      <c r="BW9" s="283">
        <v>255097765</v>
      </c>
      <c r="BX9" s="283">
        <v>197439379</v>
      </c>
      <c r="BY9" s="281">
        <v>1243138367</v>
      </c>
      <c r="BZ9" s="280">
        <v>1318898888</v>
      </c>
      <c r="CA9" s="284">
        <v>36522276</v>
      </c>
      <c r="CB9" s="283">
        <v>112929260</v>
      </c>
      <c r="CC9" s="281">
        <v>149451536</v>
      </c>
      <c r="CD9" s="282">
        <v>0</v>
      </c>
      <c r="CE9" s="283">
        <v>1450117974</v>
      </c>
      <c r="CF9" s="283">
        <v>1901100318</v>
      </c>
      <c r="CG9" s="287">
        <v>1342219669</v>
      </c>
      <c r="CH9" s="283">
        <v>912002183</v>
      </c>
      <c r="CI9" s="283">
        <v>444780119</v>
      </c>
      <c r="CJ9" s="281">
        <v>6050220263</v>
      </c>
      <c r="CK9" s="280">
        <v>6199671799</v>
      </c>
      <c r="CL9" s="275">
        <v>0</v>
      </c>
      <c r="CM9" s="276">
        <v>0</v>
      </c>
      <c r="CN9" s="281">
        <v>0</v>
      </c>
      <c r="CO9" s="282">
        <v>0</v>
      </c>
      <c r="CP9" s="283">
        <v>1225030717</v>
      </c>
      <c r="CQ9" s="283">
        <v>1470877365</v>
      </c>
      <c r="CR9" s="283">
        <v>1042583014</v>
      </c>
      <c r="CS9" s="283">
        <v>688451110</v>
      </c>
      <c r="CT9" s="283">
        <v>357224968</v>
      </c>
      <c r="CU9" s="288">
        <v>4784167174</v>
      </c>
      <c r="CV9" s="280">
        <v>4784167174</v>
      </c>
      <c r="CW9" s="284">
        <v>36522276</v>
      </c>
      <c r="CX9" s="283">
        <v>112929260</v>
      </c>
      <c r="CY9" s="281">
        <v>149451536</v>
      </c>
      <c r="CZ9" s="282">
        <v>0</v>
      </c>
      <c r="DA9" s="283">
        <v>225087257</v>
      </c>
      <c r="DB9" s="283">
        <v>430222953</v>
      </c>
      <c r="DC9" s="283">
        <v>299636655</v>
      </c>
      <c r="DD9" s="283">
        <v>223551073</v>
      </c>
      <c r="DE9" s="283">
        <v>87555151</v>
      </c>
      <c r="DF9" s="281">
        <v>1266053089</v>
      </c>
      <c r="DG9" s="280">
        <v>1415504625</v>
      </c>
      <c r="DH9" s="284">
        <v>1772420</v>
      </c>
      <c r="DI9" s="283">
        <v>10005607</v>
      </c>
      <c r="DJ9" s="286">
        <v>11778027</v>
      </c>
      <c r="DK9" s="282">
        <v>0</v>
      </c>
      <c r="DL9" s="283">
        <v>132798532</v>
      </c>
      <c r="DM9" s="283">
        <v>298164249</v>
      </c>
      <c r="DN9" s="283">
        <v>520542438</v>
      </c>
      <c r="DO9" s="283">
        <v>449101079</v>
      </c>
      <c r="DP9" s="283">
        <v>266576493</v>
      </c>
      <c r="DQ9" s="289">
        <v>1667182791</v>
      </c>
      <c r="DR9" s="280">
        <v>1678960818</v>
      </c>
      <c r="DS9" s="284">
        <v>1709065</v>
      </c>
      <c r="DT9" s="283">
        <v>8744277</v>
      </c>
      <c r="DU9" s="281">
        <v>10453342</v>
      </c>
      <c r="DV9" s="282">
        <v>0</v>
      </c>
      <c r="DW9" s="283">
        <v>120271353</v>
      </c>
      <c r="DX9" s="283">
        <v>261569804</v>
      </c>
      <c r="DY9" s="283">
        <v>467643489</v>
      </c>
      <c r="DZ9" s="283">
        <v>396030417</v>
      </c>
      <c r="EA9" s="283">
        <v>228767958</v>
      </c>
      <c r="EB9" s="281">
        <v>1474283021</v>
      </c>
      <c r="EC9" s="280">
        <v>1484736363</v>
      </c>
      <c r="ED9" s="284">
        <v>63355</v>
      </c>
      <c r="EE9" s="279">
        <v>1261330</v>
      </c>
      <c r="EF9" s="281">
        <v>1324685</v>
      </c>
      <c r="EG9" s="285">
        <v>0</v>
      </c>
      <c r="EH9" s="283">
        <v>12465221</v>
      </c>
      <c r="EI9" s="283">
        <v>36594445</v>
      </c>
      <c r="EJ9" s="283">
        <v>52898949</v>
      </c>
      <c r="EK9" s="283">
        <v>53026989</v>
      </c>
      <c r="EL9" s="287">
        <v>37808535</v>
      </c>
      <c r="EM9" s="279">
        <v>192794139</v>
      </c>
      <c r="EN9" s="280">
        <v>194118824</v>
      </c>
      <c r="EO9" s="284">
        <v>0</v>
      </c>
      <c r="EP9" s="283">
        <v>0</v>
      </c>
      <c r="EQ9" s="279">
        <v>0</v>
      </c>
      <c r="ER9" s="282">
        <v>0</v>
      </c>
      <c r="ES9" s="283">
        <v>0</v>
      </c>
      <c r="ET9" s="283">
        <v>0</v>
      </c>
      <c r="EU9" s="283">
        <v>0</v>
      </c>
      <c r="EV9" s="283">
        <v>0</v>
      </c>
      <c r="EW9" s="283">
        <v>0</v>
      </c>
      <c r="EX9" s="288">
        <v>0</v>
      </c>
      <c r="EY9" s="280">
        <v>0</v>
      </c>
      <c r="EZ9" s="284">
        <v>0</v>
      </c>
      <c r="FA9" s="283">
        <v>0</v>
      </c>
      <c r="FB9" s="279">
        <v>0</v>
      </c>
      <c r="FC9" s="311"/>
      <c r="FD9" s="283">
        <v>61958</v>
      </c>
      <c r="FE9" s="283">
        <v>0</v>
      </c>
      <c r="FF9" s="283">
        <v>0</v>
      </c>
      <c r="FG9" s="283">
        <v>43673</v>
      </c>
      <c r="FH9" s="283">
        <v>0</v>
      </c>
      <c r="FI9" s="288">
        <v>105631</v>
      </c>
      <c r="FJ9" s="280">
        <v>105631</v>
      </c>
      <c r="FK9" s="284">
        <v>92200280</v>
      </c>
      <c r="FL9" s="283">
        <v>182219454</v>
      </c>
      <c r="FM9" s="281">
        <v>274419734</v>
      </c>
      <c r="FN9" s="282">
        <v>0</v>
      </c>
      <c r="FO9" s="283">
        <v>239767174</v>
      </c>
      <c r="FP9" s="283">
        <v>610608727</v>
      </c>
      <c r="FQ9" s="283">
        <v>429177265</v>
      </c>
      <c r="FR9" s="283">
        <v>402054832</v>
      </c>
      <c r="FS9" s="283">
        <v>297718063</v>
      </c>
      <c r="FT9" s="281">
        <v>1979326061</v>
      </c>
      <c r="FU9" s="280">
        <v>2253745795</v>
      </c>
      <c r="FV9" s="284">
        <v>48253479</v>
      </c>
      <c r="FW9" s="283">
        <v>133998455</v>
      </c>
      <c r="FX9" s="279">
        <v>182251934</v>
      </c>
      <c r="FY9" s="285">
        <v>0</v>
      </c>
      <c r="FZ9" s="283">
        <v>187606915</v>
      </c>
      <c r="GA9" s="291">
        <v>560494315</v>
      </c>
      <c r="GB9" s="283">
        <v>396381805</v>
      </c>
      <c r="GC9" s="291">
        <v>373978491</v>
      </c>
      <c r="GD9" s="283">
        <v>285952796</v>
      </c>
      <c r="GE9" s="288">
        <v>1804414322</v>
      </c>
      <c r="GF9" s="292">
        <v>1986666256</v>
      </c>
      <c r="GG9" s="293">
        <v>4984340</v>
      </c>
      <c r="GH9" s="283">
        <v>9586929</v>
      </c>
      <c r="GI9" s="291">
        <v>14571269</v>
      </c>
      <c r="GJ9" s="278">
        <v>0</v>
      </c>
      <c r="GK9" s="283">
        <v>12396668</v>
      </c>
      <c r="GL9" s="279">
        <v>14965616</v>
      </c>
      <c r="GM9" s="283">
        <v>11084199</v>
      </c>
      <c r="GN9" s="279">
        <v>10495865</v>
      </c>
      <c r="GO9" s="283">
        <v>4777444</v>
      </c>
      <c r="GP9" s="289">
        <v>53719792</v>
      </c>
      <c r="GQ9" s="280">
        <v>68291061</v>
      </c>
      <c r="GR9" s="279">
        <v>38962461</v>
      </c>
      <c r="GS9" s="283">
        <v>38634070</v>
      </c>
      <c r="GT9" s="281">
        <v>77596531</v>
      </c>
      <c r="GU9" s="279">
        <v>0</v>
      </c>
      <c r="GV9" s="283">
        <v>39763591</v>
      </c>
      <c r="GW9" s="279">
        <v>35148796</v>
      </c>
      <c r="GX9" s="283">
        <v>21711261</v>
      </c>
      <c r="GY9" s="279">
        <v>17580476</v>
      </c>
      <c r="GZ9" s="283">
        <v>6987823</v>
      </c>
      <c r="HA9" s="279">
        <v>121191947</v>
      </c>
      <c r="HB9" s="280">
        <v>198788478</v>
      </c>
      <c r="HC9" s="279">
        <v>101356171</v>
      </c>
      <c r="HD9" s="283">
        <v>128482510</v>
      </c>
      <c r="HE9" s="279">
        <v>229838681</v>
      </c>
      <c r="HF9" s="285">
        <v>0</v>
      </c>
      <c r="HG9" s="283">
        <v>955868824</v>
      </c>
      <c r="HH9" s="291">
        <v>967462032</v>
      </c>
      <c r="HI9" s="283">
        <v>915816327</v>
      </c>
      <c r="HJ9" s="291">
        <v>1136834667</v>
      </c>
      <c r="HK9" s="283">
        <v>755662167</v>
      </c>
      <c r="HL9" s="288">
        <v>4731644017</v>
      </c>
      <c r="HM9" s="279">
        <v>4961482698</v>
      </c>
      <c r="HN9" s="293">
        <v>66029904</v>
      </c>
      <c r="HO9" s="283">
        <v>131835923</v>
      </c>
      <c r="HP9" s="288">
        <v>197865827</v>
      </c>
      <c r="HQ9" s="279">
        <v>0</v>
      </c>
      <c r="HR9" s="283">
        <v>819011380</v>
      </c>
      <c r="HS9" s="279">
        <v>871402305</v>
      </c>
      <c r="HT9" s="283">
        <v>562268326</v>
      </c>
      <c r="HU9" s="279">
        <v>399227831</v>
      </c>
      <c r="HV9" s="283">
        <v>244247138</v>
      </c>
      <c r="HW9" s="279">
        <v>2896156980</v>
      </c>
      <c r="HX9" s="280">
        <v>3094022807</v>
      </c>
      <c r="HY9" s="294">
        <v>9233284</v>
      </c>
      <c r="HZ9" s="295">
        <v>34075914</v>
      </c>
      <c r="IA9" s="296">
        <v>43309198</v>
      </c>
      <c r="IB9" s="297">
        <v>0</v>
      </c>
      <c r="IC9" s="295">
        <v>1656247386</v>
      </c>
      <c r="ID9" s="298">
        <v>2140666479</v>
      </c>
      <c r="IE9" s="299">
        <v>2193303734</v>
      </c>
      <c r="IF9" s="295">
        <v>1589286362</v>
      </c>
      <c r="IG9" s="299">
        <v>1152664421</v>
      </c>
      <c r="IH9" s="300">
        <v>8732168382</v>
      </c>
      <c r="II9" s="301">
        <v>8775477580</v>
      </c>
      <c r="IJ9" s="302">
        <v>0</v>
      </c>
      <c r="IK9" s="303">
        <v>0</v>
      </c>
      <c r="IL9" s="304">
        <v>0</v>
      </c>
      <c r="IM9" s="311"/>
      <c r="IN9" s="306">
        <v>26364336</v>
      </c>
      <c r="IO9" s="306">
        <v>48010327</v>
      </c>
      <c r="IP9" s="306">
        <v>58776519</v>
      </c>
      <c r="IQ9" s="306">
        <v>93239390</v>
      </c>
      <c r="IR9" s="306">
        <v>86042053</v>
      </c>
      <c r="IS9" s="307">
        <v>312432625</v>
      </c>
      <c r="IT9" s="308">
        <v>312432625</v>
      </c>
      <c r="IU9" s="309">
        <v>0</v>
      </c>
      <c r="IV9" s="306">
        <v>0</v>
      </c>
      <c r="IW9" s="310">
        <v>0</v>
      </c>
      <c r="IX9" s="311"/>
      <c r="IY9" s="306">
        <v>4223260</v>
      </c>
      <c r="IZ9" s="306">
        <v>12248353</v>
      </c>
      <c r="JA9" s="306">
        <v>11983089</v>
      </c>
      <c r="JB9" s="306">
        <v>13163979</v>
      </c>
      <c r="JC9" s="306">
        <v>17239322</v>
      </c>
      <c r="JD9" s="310">
        <v>58858003</v>
      </c>
      <c r="JE9" s="312">
        <v>58858003</v>
      </c>
      <c r="JF9" s="309">
        <v>0</v>
      </c>
      <c r="JG9" s="306">
        <v>0</v>
      </c>
      <c r="JH9" s="307">
        <v>0</v>
      </c>
      <c r="JI9" s="313">
        <v>0</v>
      </c>
      <c r="JJ9" s="306">
        <v>633642588</v>
      </c>
      <c r="JK9" s="306">
        <v>741606236</v>
      </c>
      <c r="JL9" s="306">
        <v>557468236</v>
      </c>
      <c r="JM9" s="306">
        <v>333722490</v>
      </c>
      <c r="JN9" s="306">
        <v>186036528</v>
      </c>
      <c r="JO9" s="310">
        <v>2452476078</v>
      </c>
      <c r="JP9" s="308">
        <v>2452476078</v>
      </c>
      <c r="JQ9" s="309">
        <v>190902</v>
      </c>
      <c r="JR9" s="306">
        <v>291250</v>
      </c>
      <c r="JS9" s="307">
        <v>482152</v>
      </c>
      <c r="JT9" s="313">
        <v>0</v>
      </c>
      <c r="JU9" s="306">
        <v>72023077</v>
      </c>
      <c r="JV9" s="306">
        <v>107601549</v>
      </c>
      <c r="JW9" s="306">
        <v>156031525</v>
      </c>
      <c r="JX9" s="306">
        <v>88837764</v>
      </c>
      <c r="JY9" s="306">
        <v>85310318</v>
      </c>
      <c r="JZ9" s="310">
        <v>509804233</v>
      </c>
      <c r="KA9" s="308">
        <v>510286385</v>
      </c>
      <c r="KB9" s="314">
        <v>9042382</v>
      </c>
      <c r="KC9" s="315">
        <v>23598915</v>
      </c>
      <c r="KD9" s="310">
        <v>32641297</v>
      </c>
      <c r="KE9" s="313">
        <v>0</v>
      </c>
      <c r="KF9" s="306">
        <v>200334127</v>
      </c>
      <c r="KG9" s="306">
        <v>300534201</v>
      </c>
      <c r="KH9" s="306">
        <v>338443924</v>
      </c>
      <c r="KI9" s="306">
        <v>260254417</v>
      </c>
      <c r="KJ9" s="306">
        <v>154307570</v>
      </c>
      <c r="KK9" s="310">
        <v>1253874239</v>
      </c>
      <c r="KL9" s="316">
        <v>1286515536</v>
      </c>
      <c r="KM9" s="302">
        <v>0</v>
      </c>
      <c r="KN9" s="303">
        <v>10185749</v>
      </c>
      <c r="KO9" s="304">
        <v>10185749</v>
      </c>
      <c r="KP9" s="317"/>
      <c r="KQ9" s="306">
        <v>683159451</v>
      </c>
      <c r="KR9" s="306">
        <v>867403057</v>
      </c>
      <c r="KS9" s="306">
        <v>914892883</v>
      </c>
      <c r="KT9" s="306">
        <v>615253890</v>
      </c>
      <c r="KU9" s="306">
        <v>418083727</v>
      </c>
      <c r="KV9" s="310">
        <v>3498793008</v>
      </c>
      <c r="KW9" s="308">
        <v>3508978757</v>
      </c>
      <c r="KX9" s="309">
        <v>0</v>
      </c>
      <c r="KY9" s="306">
        <v>0</v>
      </c>
      <c r="KZ9" s="310">
        <v>0</v>
      </c>
      <c r="LA9" s="317"/>
      <c r="LB9" s="306">
        <v>6617872</v>
      </c>
      <c r="LC9" s="306">
        <v>9475223</v>
      </c>
      <c r="LD9" s="306">
        <v>11572466</v>
      </c>
      <c r="LE9" s="306">
        <v>14503946</v>
      </c>
      <c r="LF9" s="306">
        <v>11231477</v>
      </c>
      <c r="LG9" s="310">
        <v>53400984</v>
      </c>
      <c r="LH9" s="312">
        <v>53400984</v>
      </c>
      <c r="LI9" s="309">
        <v>0</v>
      </c>
      <c r="LJ9" s="306">
        <v>0</v>
      </c>
      <c r="LK9" s="310">
        <v>0</v>
      </c>
      <c r="LL9" s="317"/>
      <c r="LM9" s="306">
        <v>2724535</v>
      </c>
      <c r="LN9" s="306">
        <v>5670713</v>
      </c>
      <c r="LO9" s="306">
        <v>66419449</v>
      </c>
      <c r="LP9" s="306">
        <v>83781848</v>
      </c>
      <c r="LQ9" s="306">
        <v>65655768</v>
      </c>
      <c r="LR9" s="310">
        <v>224252313</v>
      </c>
      <c r="LS9" s="308">
        <v>224252313</v>
      </c>
      <c r="LT9" s="309">
        <v>0</v>
      </c>
      <c r="LU9" s="306">
        <v>0</v>
      </c>
      <c r="LV9" s="310">
        <v>0</v>
      </c>
      <c r="LW9" s="317"/>
      <c r="LX9" s="306">
        <v>27158140</v>
      </c>
      <c r="LY9" s="306">
        <v>48116820</v>
      </c>
      <c r="LZ9" s="306">
        <v>77715643</v>
      </c>
      <c r="MA9" s="306">
        <v>86528638</v>
      </c>
      <c r="MB9" s="306">
        <v>128757658</v>
      </c>
      <c r="MC9" s="310">
        <v>368276899</v>
      </c>
      <c r="MD9" s="312">
        <v>368276899</v>
      </c>
      <c r="ME9" s="309">
        <v>0</v>
      </c>
      <c r="MF9" s="306">
        <v>0</v>
      </c>
      <c r="MG9" s="310">
        <v>0</v>
      </c>
      <c r="MH9" s="317"/>
      <c r="MI9" s="306">
        <v>553670073</v>
      </c>
      <c r="MJ9" s="306">
        <v>1341189659</v>
      </c>
      <c r="MK9" s="306">
        <v>3837289247</v>
      </c>
      <c r="ML9" s="306">
        <v>5656719515</v>
      </c>
      <c r="MM9" s="306">
        <v>4144976608</v>
      </c>
      <c r="MN9" s="310">
        <v>15533845102</v>
      </c>
      <c r="MO9" s="316">
        <v>15533845102</v>
      </c>
      <c r="MP9" s="309">
        <v>0</v>
      </c>
      <c r="MQ9" s="306">
        <v>0</v>
      </c>
      <c r="MR9" s="310">
        <v>0</v>
      </c>
      <c r="MS9" s="317"/>
      <c r="MT9" s="306">
        <v>97155862</v>
      </c>
      <c r="MU9" s="306">
        <v>368923613</v>
      </c>
      <c r="MV9" s="306">
        <v>2462387676</v>
      </c>
      <c r="MW9" s="306">
        <v>3835623713</v>
      </c>
      <c r="MX9" s="306">
        <v>2954054221</v>
      </c>
      <c r="MY9" s="310">
        <v>9718145085</v>
      </c>
      <c r="MZ9" s="316">
        <v>9718145085</v>
      </c>
      <c r="NA9" s="309">
        <v>0</v>
      </c>
      <c r="NB9" s="306">
        <v>0</v>
      </c>
      <c r="NC9" s="310">
        <v>0</v>
      </c>
      <c r="ND9" s="317"/>
      <c r="NE9" s="306">
        <v>452895194</v>
      </c>
      <c r="NF9" s="306">
        <v>965771116</v>
      </c>
      <c r="NG9" s="306">
        <v>1348228726</v>
      </c>
      <c r="NH9" s="306">
        <v>1656687251</v>
      </c>
      <c r="NI9" s="306">
        <v>954330054</v>
      </c>
      <c r="NJ9" s="310">
        <v>5377912341</v>
      </c>
      <c r="NK9" s="308">
        <v>5377912341</v>
      </c>
      <c r="NL9" s="309">
        <v>0</v>
      </c>
      <c r="NM9" s="306">
        <v>0</v>
      </c>
      <c r="NN9" s="310">
        <v>0</v>
      </c>
      <c r="NO9" s="317"/>
      <c r="NP9" s="306">
        <v>504798</v>
      </c>
      <c r="NQ9" s="306">
        <v>589254</v>
      </c>
      <c r="NR9" s="306">
        <v>5782210</v>
      </c>
      <c r="NS9" s="306">
        <v>61059151</v>
      </c>
      <c r="NT9" s="306">
        <v>92092328</v>
      </c>
      <c r="NU9" s="310">
        <v>160027741</v>
      </c>
      <c r="NV9" s="312">
        <v>160027741</v>
      </c>
      <c r="NW9" s="309">
        <v>0</v>
      </c>
      <c r="NX9" s="306">
        <v>0</v>
      </c>
      <c r="NY9" s="310">
        <v>0</v>
      </c>
      <c r="NZ9" s="317"/>
      <c r="OA9" s="306">
        <v>3114219</v>
      </c>
      <c r="OB9" s="306">
        <v>5905676</v>
      </c>
      <c r="OC9" s="306">
        <v>20890635</v>
      </c>
      <c r="OD9" s="306">
        <v>103349400</v>
      </c>
      <c r="OE9" s="306">
        <v>144500005</v>
      </c>
      <c r="OF9" s="310">
        <v>277759935</v>
      </c>
      <c r="OG9" s="312">
        <v>277759935</v>
      </c>
      <c r="OH9" s="309">
        <v>398978096</v>
      </c>
      <c r="OI9" s="306">
        <v>836283600</v>
      </c>
      <c r="OJ9" s="307">
        <v>1235261696</v>
      </c>
      <c r="OK9" s="313">
        <v>0</v>
      </c>
      <c r="OL9" s="306">
        <v>7228655531</v>
      </c>
      <c r="OM9" s="306">
        <v>10292641118</v>
      </c>
      <c r="ON9" s="306">
        <v>11606216172</v>
      </c>
      <c r="OO9" s="306">
        <v>12532693076</v>
      </c>
      <c r="OP9" s="306">
        <v>9350901917</v>
      </c>
      <c r="OQ9" s="310">
        <v>51011107814</v>
      </c>
      <c r="OR9" s="316">
        <v>52246369510</v>
      </c>
    </row>
    <row r="10" spans="1:408" ht="18.75" customHeight="1" x14ac:dyDescent="0.2">
      <c r="A10" s="61" t="s">
        <v>5</v>
      </c>
      <c r="B10" s="318">
        <v>157389647</v>
      </c>
      <c r="C10" s="319">
        <v>367692619</v>
      </c>
      <c r="D10" s="320">
        <v>525082266</v>
      </c>
      <c r="E10" s="321">
        <v>0</v>
      </c>
      <c r="F10" s="319">
        <v>1750223719</v>
      </c>
      <c r="G10" s="319">
        <v>3111376671</v>
      </c>
      <c r="H10" s="319">
        <v>2328605502</v>
      </c>
      <c r="I10" s="319">
        <v>2113498354</v>
      </c>
      <c r="J10" s="319">
        <v>1662015149</v>
      </c>
      <c r="K10" s="321">
        <v>10965719395</v>
      </c>
      <c r="L10" s="322">
        <v>11490801661</v>
      </c>
      <c r="M10" s="318">
        <v>40424875</v>
      </c>
      <c r="N10" s="319">
        <v>123975895</v>
      </c>
      <c r="O10" s="320">
        <v>164400770</v>
      </c>
      <c r="P10" s="318">
        <v>0</v>
      </c>
      <c r="Q10" s="319">
        <v>513708552</v>
      </c>
      <c r="R10" s="319">
        <v>1037782010</v>
      </c>
      <c r="S10" s="319">
        <v>779546906</v>
      </c>
      <c r="T10" s="319">
        <v>787230653</v>
      </c>
      <c r="U10" s="319">
        <v>840375223</v>
      </c>
      <c r="V10" s="320">
        <v>3958643344</v>
      </c>
      <c r="W10" s="322">
        <v>4123044114</v>
      </c>
      <c r="X10" s="318">
        <v>0</v>
      </c>
      <c r="Y10" s="319">
        <v>0</v>
      </c>
      <c r="Z10" s="320">
        <v>0</v>
      </c>
      <c r="AA10" s="318">
        <v>0</v>
      </c>
      <c r="AB10" s="319">
        <v>249447056</v>
      </c>
      <c r="AC10" s="319">
        <v>503090166</v>
      </c>
      <c r="AD10" s="319">
        <v>415329877</v>
      </c>
      <c r="AE10" s="319">
        <v>417594939</v>
      </c>
      <c r="AF10" s="319">
        <v>459102824</v>
      </c>
      <c r="AG10" s="320">
        <v>2044564862</v>
      </c>
      <c r="AH10" s="322">
        <v>2044564862</v>
      </c>
      <c r="AI10" s="318">
        <v>11138</v>
      </c>
      <c r="AJ10" s="319">
        <v>551930</v>
      </c>
      <c r="AK10" s="320">
        <v>563068</v>
      </c>
      <c r="AL10" s="318">
        <v>0</v>
      </c>
      <c r="AM10" s="319">
        <v>1775786</v>
      </c>
      <c r="AN10" s="319">
        <v>11188434</v>
      </c>
      <c r="AO10" s="319">
        <v>19710814</v>
      </c>
      <c r="AP10" s="319">
        <v>49448277</v>
      </c>
      <c r="AQ10" s="319">
        <v>108578166</v>
      </c>
      <c r="AR10" s="320">
        <v>190701477</v>
      </c>
      <c r="AS10" s="322">
        <v>191264545</v>
      </c>
      <c r="AT10" s="318">
        <v>23450417</v>
      </c>
      <c r="AU10" s="319">
        <v>92163407</v>
      </c>
      <c r="AV10" s="320">
        <v>115613824</v>
      </c>
      <c r="AW10" s="318">
        <v>0</v>
      </c>
      <c r="AX10" s="319">
        <v>160396720</v>
      </c>
      <c r="AY10" s="319">
        <v>364294145</v>
      </c>
      <c r="AZ10" s="319">
        <v>216310579</v>
      </c>
      <c r="BA10" s="319">
        <v>197723548</v>
      </c>
      <c r="BB10" s="319">
        <v>179810520</v>
      </c>
      <c r="BC10" s="320">
        <v>1118535512</v>
      </c>
      <c r="BD10" s="322">
        <v>1234149336</v>
      </c>
      <c r="BE10" s="318">
        <v>2851946</v>
      </c>
      <c r="BF10" s="319">
        <v>11653560</v>
      </c>
      <c r="BG10" s="323">
        <v>14505506</v>
      </c>
      <c r="BH10" s="324">
        <v>0</v>
      </c>
      <c r="BI10" s="319">
        <v>9530532</v>
      </c>
      <c r="BJ10" s="319">
        <v>28601667</v>
      </c>
      <c r="BK10" s="319">
        <v>18524241</v>
      </c>
      <c r="BL10" s="319">
        <v>16767076</v>
      </c>
      <c r="BM10" s="319">
        <v>9429438</v>
      </c>
      <c r="BN10" s="320">
        <v>82852954</v>
      </c>
      <c r="BO10" s="322">
        <v>97358460</v>
      </c>
      <c r="BP10" s="318">
        <v>14111374</v>
      </c>
      <c r="BQ10" s="319">
        <v>19606998</v>
      </c>
      <c r="BR10" s="320">
        <v>33718372</v>
      </c>
      <c r="BS10" s="318">
        <v>0</v>
      </c>
      <c r="BT10" s="319">
        <v>92558458</v>
      </c>
      <c r="BU10" s="319">
        <v>130607598</v>
      </c>
      <c r="BV10" s="319">
        <v>109671395</v>
      </c>
      <c r="BW10" s="319">
        <v>105696813</v>
      </c>
      <c r="BX10" s="319">
        <v>83454275</v>
      </c>
      <c r="BY10" s="320">
        <v>521988539</v>
      </c>
      <c r="BZ10" s="322">
        <v>555706911</v>
      </c>
      <c r="CA10" s="318">
        <v>16377537</v>
      </c>
      <c r="CB10" s="319">
        <v>52087333</v>
      </c>
      <c r="CC10" s="320">
        <v>68464870</v>
      </c>
      <c r="CD10" s="318">
        <v>0</v>
      </c>
      <c r="CE10" s="319">
        <v>462405546</v>
      </c>
      <c r="CF10" s="319">
        <v>812376993</v>
      </c>
      <c r="CG10" s="319">
        <v>524848381</v>
      </c>
      <c r="CH10" s="319">
        <v>336121511</v>
      </c>
      <c r="CI10" s="319">
        <v>169231704</v>
      </c>
      <c r="CJ10" s="320">
        <v>2304984135</v>
      </c>
      <c r="CK10" s="322">
        <v>2373449005</v>
      </c>
      <c r="CL10" s="318">
        <v>0</v>
      </c>
      <c r="CM10" s="319">
        <v>0</v>
      </c>
      <c r="CN10" s="320">
        <v>0</v>
      </c>
      <c r="CO10" s="324">
        <v>0</v>
      </c>
      <c r="CP10" s="319">
        <v>392218738</v>
      </c>
      <c r="CQ10" s="319">
        <v>607897238</v>
      </c>
      <c r="CR10" s="319">
        <v>384244680</v>
      </c>
      <c r="CS10" s="319">
        <v>239731304</v>
      </c>
      <c r="CT10" s="319">
        <v>127184655</v>
      </c>
      <c r="CU10" s="320">
        <v>1751276615</v>
      </c>
      <c r="CV10" s="322">
        <v>1751276615</v>
      </c>
      <c r="CW10" s="318">
        <v>16377537</v>
      </c>
      <c r="CX10" s="319">
        <v>52087333</v>
      </c>
      <c r="CY10" s="320">
        <v>68464870</v>
      </c>
      <c r="CZ10" s="318">
        <v>0</v>
      </c>
      <c r="DA10" s="319">
        <v>70186808</v>
      </c>
      <c r="DB10" s="319">
        <v>204479755</v>
      </c>
      <c r="DC10" s="319">
        <v>140603701</v>
      </c>
      <c r="DD10" s="319">
        <v>96390207</v>
      </c>
      <c r="DE10" s="319">
        <v>42047049</v>
      </c>
      <c r="DF10" s="320">
        <v>553707520</v>
      </c>
      <c r="DG10" s="322">
        <v>622172390</v>
      </c>
      <c r="DH10" s="318">
        <v>561654</v>
      </c>
      <c r="DI10" s="319">
        <v>4451547</v>
      </c>
      <c r="DJ10" s="323">
        <v>5013201</v>
      </c>
      <c r="DK10" s="324">
        <v>0</v>
      </c>
      <c r="DL10" s="319">
        <v>40519733</v>
      </c>
      <c r="DM10" s="319">
        <v>121131298</v>
      </c>
      <c r="DN10" s="319">
        <v>202164786</v>
      </c>
      <c r="DO10" s="319">
        <v>179882004</v>
      </c>
      <c r="DP10" s="319">
        <v>109924176</v>
      </c>
      <c r="DQ10" s="320">
        <v>653621997</v>
      </c>
      <c r="DR10" s="322">
        <v>658635198</v>
      </c>
      <c r="DS10" s="318">
        <v>521801</v>
      </c>
      <c r="DT10" s="319">
        <v>3483100</v>
      </c>
      <c r="DU10" s="320">
        <v>4004901</v>
      </c>
      <c r="DV10" s="318">
        <v>0</v>
      </c>
      <c r="DW10" s="319">
        <v>34289772</v>
      </c>
      <c r="DX10" s="319">
        <v>100222207</v>
      </c>
      <c r="DY10" s="319">
        <v>172586627</v>
      </c>
      <c r="DZ10" s="319">
        <v>148549421</v>
      </c>
      <c r="EA10" s="319">
        <v>85915963</v>
      </c>
      <c r="EB10" s="320">
        <v>541563990</v>
      </c>
      <c r="EC10" s="322">
        <v>545568891</v>
      </c>
      <c r="ED10" s="318">
        <v>39853</v>
      </c>
      <c r="EE10" s="323">
        <v>968447</v>
      </c>
      <c r="EF10" s="320">
        <v>1008300</v>
      </c>
      <c r="EG10" s="318">
        <v>0</v>
      </c>
      <c r="EH10" s="319">
        <v>6229961</v>
      </c>
      <c r="EI10" s="319">
        <v>20909091</v>
      </c>
      <c r="EJ10" s="319">
        <v>29578159</v>
      </c>
      <c r="EK10" s="319">
        <v>31332583</v>
      </c>
      <c r="EL10" s="319">
        <v>24008213</v>
      </c>
      <c r="EM10" s="323">
        <v>112058007</v>
      </c>
      <c r="EN10" s="322">
        <v>113066307</v>
      </c>
      <c r="EO10" s="318">
        <v>0</v>
      </c>
      <c r="EP10" s="319">
        <v>0</v>
      </c>
      <c r="EQ10" s="323">
        <v>0</v>
      </c>
      <c r="ER10" s="324">
        <v>0</v>
      </c>
      <c r="ES10" s="319">
        <v>0</v>
      </c>
      <c r="ET10" s="319">
        <v>0</v>
      </c>
      <c r="EU10" s="319">
        <v>0</v>
      </c>
      <c r="EV10" s="319">
        <v>0</v>
      </c>
      <c r="EW10" s="319">
        <v>0</v>
      </c>
      <c r="EX10" s="320">
        <v>0</v>
      </c>
      <c r="EY10" s="322">
        <v>0</v>
      </c>
      <c r="EZ10" s="318">
        <v>0</v>
      </c>
      <c r="FA10" s="319">
        <v>0</v>
      </c>
      <c r="FB10" s="323">
        <v>0</v>
      </c>
      <c r="FC10" s="346"/>
      <c r="FD10" s="319">
        <v>0</v>
      </c>
      <c r="FE10" s="319">
        <v>0</v>
      </c>
      <c r="FF10" s="319">
        <v>0</v>
      </c>
      <c r="FG10" s="319">
        <v>0</v>
      </c>
      <c r="FH10" s="319">
        <v>0</v>
      </c>
      <c r="FI10" s="320">
        <v>0</v>
      </c>
      <c r="FJ10" s="322">
        <v>0</v>
      </c>
      <c r="FK10" s="318">
        <v>33289154</v>
      </c>
      <c r="FL10" s="319">
        <v>77340315</v>
      </c>
      <c r="FM10" s="320">
        <v>110629469</v>
      </c>
      <c r="FN10" s="318">
        <v>0</v>
      </c>
      <c r="FO10" s="319">
        <v>64220003</v>
      </c>
      <c r="FP10" s="319">
        <v>265411561</v>
      </c>
      <c r="FQ10" s="319">
        <v>175510519</v>
      </c>
      <c r="FR10" s="319">
        <v>155397609</v>
      </c>
      <c r="FS10" s="319">
        <v>123418216</v>
      </c>
      <c r="FT10" s="320">
        <v>783957908</v>
      </c>
      <c r="FU10" s="322">
        <v>894587377</v>
      </c>
      <c r="FV10" s="326">
        <v>14833115</v>
      </c>
      <c r="FW10" s="319">
        <v>54352843</v>
      </c>
      <c r="FX10" s="323">
        <v>69185958</v>
      </c>
      <c r="FY10" s="324">
        <v>0</v>
      </c>
      <c r="FZ10" s="319">
        <v>49227008</v>
      </c>
      <c r="GA10" s="319">
        <v>242916273</v>
      </c>
      <c r="GB10" s="319">
        <v>160977859</v>
      </c>
      <c r="GC10" s="319">
        <v>143214669</v>
      </c>
      <c r="GD10" s="319">
        <v>117586701</v>
      </c>
      <c r="GE10" s="320">
        <v>713922510</v>
      </c>
      <c r="GF10" s="327">
        <v>783108468</v>
      </c>
      <c r="GG10" s="326">
        <v>1750523</v>
      </c>
      <c r="GH10" s="319">
        <v>4048258</v>
      </c>
      <c r="GI10" s="323">
        <v>5798781</v>
      </c>
      <c r="GJ10" s="324">
        <v>0</v>
      </c>
      <c r="GK10" s="319">
        <v>3408256</v>
      </c>
      <c r="GL10" s="319">
        <v>6472001</v>
      </c>
      <c r="GM10" s="319">
        <v>4612167</v>
      </c>
      <c r="GN10" s="319">
        <v>4556883</v>
      </c>
      <c r="GO10" s="319">
        <v>2322324</v>
      </c>
      <c r="GP10" s="320">
        <v>21371631</v>
      </c>
      <c r="GQ10" s="322">
        <v>27170412</v>
      </c>
      <c r="GR10" s="318">
        <v>16705516</v>
      </c>
      <c r="GS10" s="319">
        <v>18939214</v>
      </c>
      <c r="GT10" s="320">
        <v>35644730</v>
      </c>
      <c r="GU10" s="318">
        <v>0</v>
      </c>
      <c r="GV10" s="319">
        <v>11584739</v>
      </c>
      <c r="GW10" s="319">
        <v>16023287</v>
      </c>
      <c r="GX10" s="319">
        <v>9920493</v>
      </c>
      <c r="GY10" s="319">
        <v>7626057</v>
      </c>
      <c r="GZ10" s="319">
        <v>3509191</v>
      </c>
      <c r="HA10" s="323">
        <v>48663767</v>
      </c>
      <c r="HB10" s="322">
        <v>84308497</v>
      </c>
      <c r="HC10" s="318">
        <v>42504438</v>
      </c>
      <c r="HD10" s="319">
        <v>51115147</v>
      </c>
      <c r="HE10" s="323">
        <v>93619585</v>
      </c>
      <c r="HF10" s="324">
        <v>0</v>
      </c>
      <c r="HG10" s="319">
        <v>397362707</v>
      </c>
      <c r="HH10" s="319">
        <v>466824777</v>
      </c>
      <c r="HI10" s="319">
        <v>406805909</v>
      </c>
      <c r="HJ10" s="319">
        <v>489818750</v>
      </c>
      <c r="HK10" s="319">
        <v>315408097</v>
      </c>
      <c r="HL10" s="320">
        <v>2076220240</v>
      </c>
      <c r="HM10" s="321">
        <v>2169839825</v>
      </c>
      <c r="HN10" s="326">
        <v>24231989</v>
      </c>
      <c r="HO10" s="319">
        <v>58722382</v>
      </c>
      <c r="HP10" s="320">
        <v>82954371</v>
      </c>
      <c r="HQ10" s="318">
        <v>0</v>
      </c>
      <c r="HR10" s="319">
        <v>272007178</v>
      </c>
      <c r="HS10" s="319">
        <v>407850032</v>
      </c>
      <c r="HT10" s="319">
        <v>239729001</v>
      </c>
      <c r="HU10" s="319">
        <v>165047827</v>
      </c>
      <c r="HV10" s="319">
        <v>103657733</v>
      </c>
      <c r="HW10" s="323">
        <v>1188291771</v>
      </c>
      <c r="HX10" s="322">
        <v>1271246142</v>
      </c>
      <c r="HY10" s="328">
        <v>3408340</v>
      </c>
      <c r="HZ10" s="329">
        <v>12047292</v>
      </c>
      <c r="IA10" s="330">
        <v>15455632</v>
      </c>
      <c r="IB10" s="331">
        <v>0</v>
      </c>
      <c r="IC10" s="332">
        <v>617057313</v>
      </c>
      <c r="ID10" s="333">
        <v>955097379</v>
      </c>
      <c r="IE10" s="334">
        <v>939518397</v>
      </c>
      <c r="IF10" s="332">
        <v>683552206</v>
      </c>
      <c r="IG10" s="334">
        <v>531157657</v>
      </c>
      <c r="IH10" s="335">
        <v>3726382952</v>
      </c>
      <c r="II10" s="336">
        <v>3741838584</v>
      </c>
      <c r="IJ10" s="337">
        <v>0</v>
      </c>
      <c r="IK10" s="338">
        <v>0</v>
      </c>
      <c r="IL10" s="339">
        <v>0</v>
      </c>
      <c r="IM10" s="346"/>
      <c r="IN10" s="341">
        <v>10926653</v>
      </c>
      <c r="IO10" s="341">
        <v>23699791</v>
      </c>
      <c r="IP10" s="341">
        <v>29735946</v>
      </c>
      <c r="IQ10" s="341">
        <v>49436668</v>
      </c>
      <c r="IR10" s="341">
        <v>43896648</v>
      </c>
      <c r="IS10" s="342">
        <v>157695706</v>
      </c>
      <c r="IT10" s="343">
        <v>157695706</v>
      </c>
      <c r="IU10" s="344">
        <v>0</v>
      </c>
      <c r="IV10" s="341">
        <v>0</v>
      </c>
      <c r="IW10" s="345">
        <v>0</v>
      </c>
      <c r="IX10" s="346"/>
      <c r="IY10" s="341">
        <v>2335333</v>
      </c>
      <c r="IZ10" s="341">
        <v>9730275</v>
      </c>
      <c r="JA10" s="341">
        <v>8864069</v>
      </c>
      <c r="JB10" s="341">
        <v>9983639</v>
      </c>
      <c r="JC10" s="341">
        <v>13875102</v>
      </c>
      <c r="JD10" s="345">
        <v>44788418</v>
      </c>
      <c r="JE10" s="347">
        <v>44788418</v>
      </c>
      <c r="JF10" s="344">
        <v>0</v>
      </c>
      <c r="JG10" s="341">
        <v>0</v>
      </c>
      <c r="JH10" s="342">
        <v>0</v>
      </c>
      <c r="JI10" s="348">
        <v>0</v>
      </c>
      <c r="JJ10" s="341">
        <v>202854784</v>
      </c>
      <c r="JK10" s="341">
        <v>332660810</v>
      </c>
      <c r="JL10" s="341">
        <v>244619273</v>
      </c>
      <c r="JM10" s="341">
        <v>154660992</v>
      </c>
      <c r="JN10" s="341">
        <v>86963911</v>
      </c>
      <c r="JO10" s="345">
        <v>1021759770</v>
      </c>
      <c r="JP10" s="343">
        <v>1021759770</v>
      </c>
      <c r="JQ10" s="344">
        <v>68347</v>
      </c>
      <c r="JR10" s="341">
        <v>54547</v>
      </c>
      <c r="JS10" s="342">
        <v>122894</v>
      </c>
      <c r="JT10" s="348">
        <v>0</v>
      </c>
      <c r="JU10" s="341">
        <v>33075762</v>
      </c>
      <c r="JV10" s="341">
        <v>56343803</v>
      </c>
      <c r="JW10" s="341">
        <v>85317557</v>
      </c>
      <c r="JX10" s="341">
        <v>50794502</v>
      </c>
      <c r="JY10" s="341">
        <v>51750200</v>
      </c>
      <c r="JZ10" s="345">
        <v>277281824</v>
      </c>
      <c r="KA10" s="343">
        <v>277404718</v>
      </c>
      <c r="KB10" s="349">
        <v>3339993</v>
      </c>
      <c r="KC10" s="350">
        <v>9018298</v>
      </c>
      <c r="KD10" s="345">
        <v>12358291</v>
      </c>
      <c r="KE10" s="348">
        <v>0</v>
      </c>
      <c r="KF10" s="341">
        <v>74756592</v>
      </c>
      <c r="KG10" s="341">
        <v>127901058</v>
      </c>
      <c r="KH10" s="341">
        <v>146347887</v>
      </c>
      <c r="KI10" s="341">
        <v>118335553</v>
      </c>
      <c r="KJ10" s="341">
        <v>76392632</v>
      </c>
      <c r="KK10" s="345">
        <v>543733722</v>
      </c>
      <c r="KL10" s="351">
        <v>556092013</v>
      </c>
      <c r="KM10" s="337">
        <v>0</v>
      </c>
      <c r="KN10" s="338">
        <v>2974447</v>
      </c>
      <c r="KO10" s="339">
        <v>2974447</v>
      </c>
      <c r="KP10" s="352"/>
      <c r="KQ10" s="341">
        <v>287137692</v>
      </c>
      <c r="KR10" s="341">
        <v>392186948</v>
      </c>
      <c r="KS10" s="341">
        <v>388647320</v>
      </c>
      <c r="KT10" s="341">
        <v>262817751</v>
      </c>
      <c r="KU10" s="341">
        <v>191019397</v>
      </c>
      <c r="KV10" s="345">
        <v>1521809108</v>
      </c>
      <c r="KW10" s="343">
        <v>1524783555</v>
      </c>
      <c r="KX10" s="344">
        <v>0</v>
      </c>
      <c r="KY10" s="341">
        <v>0</v>
      </c>
      <c r="KZ10" s="345">
        <v>0</v>
      </c>
      <c r="LA10" s="352"/>
      <c r="LB10" s="341">
        <v>166292</v>
      </c>
      <c r="LC10" s="341">
        <v>186842</v>
      </c>
      <c r="LD10" s="341">
        <v>624957</v>
      </c>
      <c r="LE10" s="341">
        <v>456522</v>
      </c>
      <c r="LF10" s="341">
        <v>1247145</v>
      </c>
      <c r="LG10" s="345">
        <v>2681758</v>
      </c>
      <c r="LH10" s="347">
        <v>2681758</v>
      </c>
      <c r="LI10" s="344">
        <v>0</v>
      </c>
      <c r="LJ10" s="341">
        <v>0</v>
      </c>
      <c r="LK10" s="345">
        <v>0</v>
      </c>
      <c r="LL10" s="352"/>
      <c r="LM10" s="341">
        <v>991927</v>
      </c>
      <c r="LN10" s="341">
        <v>1552982</v>
      </c>
      <c r="LO10" s="341">
        <v>10481865</v>
      </c>
      <c r="LP10" s="341">
        <v>10612682</v>
      </c>
      <c r="LQ10" s="341">
        <v>8362729</v>
      </c>
      <c r="LR10" s="345">
        <v>32002185</v>
      </c>
      <c r="LS10" s="343">
        <v>32002185</v>
      </c>
      <c r="LT10" s="344">
        <v>0</v>
      </c>
      <c r="LU10" s="341">
        <v>0</v>
      </c>
      <c r="LV10" s="345">
        <v>0</v>
      </c>
      <c r="LW10" s="352"/>
      <c r="LX10" s="341">
        <v>4812278</v>
      </c>
      <c r="LY10" s="341">
        <v>10834870</v>
      </c>
      <c r="LZ10" s="341">
        <v>24879523</v>
      </c>
      <c r="MA10" s="341">
        <v>26453897</v>
      </c>
      <c r="MB10" s="341">
        <v>57649893</v>
      </c>
      <c r="MC10" s="345">
        <v>124630461</v>
      </c>
      <c r="MD10" s="347">
        <v>124630461</v>
      </c>
      <c r="ME10" s="344">
        <v>0</v>
      </c>
      <c r="MF10" s="341">
        <v>0</v>
      </c>
      <c r="MG10" s="345">
        <v>0</v>
      </c>
      <c r="MH10" s="352"/>
      <c r="MI10" s="341">
        <v>216559804</v>
      </c>
      <c r="MJ10" s="341">
        <v>670254111</v>
      </c>
      <c r="MK10" s="341">
        <v>1677636674</v>
      </c>
      <c r="ML10" s="341">
        <v>2419479848</v>
      </c>
      <c r="MM10" s="341">
        <v>1843145795</v>
      </c>
      <c r="MN10" s="345">
        <v>6827076232</v>
      </c>
      <c r="MO10" s="351">
        <v>6827076232</v>
      </c>
      <c r="MP10" s="344">
        <v>0</v>
      </c>
      <c r="MQ10" s="341">
        <v>0</v>
      </c>
      <c r="MR10" s="345">
        <v>0</v>
      </c>
      <c r="MS10" s="352"/>
      <c r="MT10" s="341">
        <v>51053895</v>
      </c>
      <c r="MU10" s="341">
        <v>224802643</v>
      </c>
      <c r="MV10" s="341">
        <v>1074424321</v>
      </c>
      <c r="MW10" s="341">
        <v>1632054586</v>
      </c>
      <c r="MX10" s="341">
        <v>1310501001</v>
      </c>
      <c r="MY10" s="345">
        <v>4292836446</v>
      </c>
      <c r="MZ10" s="351">
        <v>4292836446</v>
      </c>
      <c r="NA10" s="344">
        <v>0</v>
      </c>
      <c r="NB10" s="341">
        <v>0</v>
      </c>
      <c r="NC10" s="345">
        <v>0</v>
      </c>
      <c r="ND10" s="352"/>
      <c r="NE10" s="341">
        <v>165069850</v>
      </c>
      <c r="NF10" s="341">
        <v>443380117</v>
      </c>
      <c r="NG10" s="341">
        <v>596825495</v>
      </c>
      <c r="NH10" s="341">
        <v>734984963</v>
      </c>
      <c r="NI10" s="341">
        <v>464015603</v>
      </c>
      <c r="NJ10" s="345">
        <v>2404276028</v>
      </c>
      <c r="NK10" s="343">
        <v>2404276028</v>
      </c>
      <c r="NL10" s="344">
        <v>0</v>
      </c>
      <c r="NM10" s="341">
        <v>0</v>
      </c>
      <c r="NN10" s="345">
        <v>0</v>
      </c>
      <c r="NO10" s="352"/>
      <c r="NP10" s="341">
        <v>0</v>
      </c>
      <c r="NQ10" s="341">
        <v>589254</v>
      </c>
      <c r="NR10" s="341">
        <v>1864967</v>
      </c>
      <c r="NS10" s="341">
        <v>20979176</v>
      </c>
      <c r="NT10" s="341">
        <v>33498382</v>
      </c>
      <c r="NU10" s="345">
        <v>56931779</v>
      </c>
      <c r="NV10" s="347">
        <v>56931779</v>
      </c>
      <c r="NW10" s="344">
        <v>0</v>
      </c>
      <c r="NX10" s="341">
        <v>0</v>
      </c>
      <c r="NY10" s="345">
        <v>0</v>
      </c>
      <c r="NZ10" s="352"/>
      <c r="OA10" s="341">
        <v>436059</v>
      </c>
      <c r="OB10" s="341">
        <v>1482097</v>
      </c>
      <c r="OC10" s="341">
        <v>4521891</v>
      </c>
      <c r="OD10" s="341">
        <v>31461123</v>
      </c>
      <c r="OE10" s="341">
        <v>35130809</v>
      </c>
      <c r="OF10" s="345">
        <v>73031979</v>
      </c>
      <c r="OG10" s="347">
        <v>73031979</v>
      </c>
      <c r="OH10" s="344">
        <v>160797987</v>
      </c>
      <c r="OI10" s="341">
        <v>379739911</v>
      </c>
      <c r="OJ10" s="342">
        <v>540537898</v>
      </c>
      <c r="OK10" s="348">
        <v>0</v>
      </c>
      <c r="OL10" s="341">
        <v>2583840836</v>
      </c>
      <c r="OM10" s="341">
        <v>4736728161</v>
      </c>
      <c r="ON10" s="341">
        <v>4945760573</v>
      </c>
      <c r="OO10" s="341">
        <v>5216530408</v>
      </c>
      <c r="OP10" s="341">
        <v>4036318601</v>
      </c>
      <c r="OQ10" s="345">
        <v>21519178579</v>
      </c>
      <c r="OR10" s="351">
        <v>22059716477</v>
      </c>
    </row>
    <row r="11" spans="1:408" ht="18.75" customHeight="1" x14ac:dyDescent="0.2">
      <c r="A11" s="61" t="s">
        <v>6</v>
      </c>
      <c r="B11" s="318">
        <v>53275205</v>
      </c>
      <c r="C11" s="319">
        <v>95713225</v>
      </c>
      <c r="D11" s="320">
        <v>148988430</v>
      </c>
      <c r="E11" s="321">
        <v>0</v>
      </c>
      <c r="F11" s="319">
        <v>843556762</v>
      </c>
      <c r="G11" s="319">
        <v>904306899</v>
      </c>
      <c r="H11" s="319">
        <v>794622465</v>
      </c>
      <c r="I11" s="319">
        <v>819282320</v>
      </c>
      <c r="J11" s="319">
        <v>636042176</v>
      </c>
      <c r="K11" s="321">
        <v>3997810622</v>
      </c>
      <c r="L11" s="322">
        <v>4146799052</v>
      </c>
      <c r="M11" s="318">
        <v>14439746</v>
      </c>
      <c r="N11" s="319">
        <v>30521364</v>
      </c>
      <c r="O11" s="320">
        <v>44961110</v>
      </c>
      <c r="P11" s="318">
        <v>0</v>
      </c>
      <c r="Q11" s="319">
        <v>269249045</v>
      </c>
      <c r="R11" s="319">
        <v>317301732</v>
      </c>
      <c r="S11" s="319">
        <v>279433625</v>
      </c>
      <c r="T11" s="319">
        <v>331006830</v>
      </c>
      <c r="U11" s="319">
        <v>338950929</v>
      </c>
      <c r="V11" s="320">
        <v>1535942161</v>
      </c>
      <c r="W11" s="322">
        <v>1580903271</v>
      </c>
      <c r="X11" s="318">
        <v>0</v>
      </c>
      <c r="Y11" s="319">
        <v>0</v>
      </c>
      <c r="Z11" s="320">
        <v>0</v>
      </c>
      <c r="AA11" s="318">
        <v>0</v>
      </c>
      <c r="AB11" s="319">
        <v>135999280</v>
      </c>
      <c r="AC11" s="319">
        <v>167991945</v>
      </c>
      <c r="AD11" s="319">
        <v>162936724</v>
      </c>
      <c r="AE11" s="319">
        <v>198510591</v>
      </c>
      <c r="AF11" s="319">
        <v>202304994</v>
      </c>
      <c r="AG11" s="320">
        <v>867743534</v>
      </c>
      <c r="AH11" s="322">
        <v>867743534</v>
      </c>
      <c r="AI11" s="318">
        <v>0</v>
      </c>
      <c r="AJ11" s="319">
        <v>118948</v>
      </c>
      <c r="AK11" s="320">
        <v>118948</v>
      </c>
      <c r="AL11" s="318">
        <v>0</v>
      </c>
      <c r="AM11" s="319">
        <v>1048170</v>
      </c>
      <c r="AN11" s="319">
        <v>3445064</v>
      </c>
      <c r="AO11" s="319">
        <v>7662871</v>
      </c>
      <c r="AP11" s="319">
        <v>17754763</v>
      </c>
      <c r="AQ11" s="319">
        <v>36368651</v>
      </c>
      <c r="AR11" s="320">
        <v>66279519</v>
      </c>
      <c r="AS11" s="322">
        <v>66398467</v>
      </c>
      <c r="AT11" s="318">
        <v>8002437</v>
      </c>
      <c r="AU11" s="319">
        <v>22353602</v>
      </c>
      <c r="AV11" s="320">
        <v>30356039</v>
      </c>
      <c r="AW11" s="318">
        <v>0</v>
      </c>
      <c r="AX11" s="319">
        <v>81701862</v>
      </c>
      <c r="AY11" s="319">
        <v>89615445</v>
      </c>
      <c r="AZ11" s="319">
        <v>59485392</v>
      </c>
      <c r="BA11" s="319">
        <v>64230860</v>
      </c>
      <c r="BB11" s="319">
        <v>61096874</v>
      </c>
      <c r="BC11" s="320">
        <v>356130433</v>
      </c>
      <c r="BD11" s="322">
        <v>386486472</v>
      </c>
      <c r="BE11" s="318">
        <v>698193</v>
      </c>
      <c r="BF11" s="319">
        <v>1840815</v>
      </c>
      <c r="BG11" s="323">
        <v>2539008</v>
      </c>
      <c r="BH11" s="324">
        <v>0</v>
      </c>
      <c r="BI11" s="319">
        <v>5850141</v>
      </c>
      <c r="BJ11" s="319">
        <v>8056090</v>
      </c>
      <c r="BK11" s="319">
        <v>5035882</v>
      </c>
      <c r="BL11" s="319">
        <v>5195674</v>
      </c>
      <c r="BM11" s="319">
        <v>2949607</v>
      </c>
      <c r="BN11" s="320">
        <v>27087394</v>
      </c>
      <c r="BO11" s="322">
        <v>29626402</v>
      </c>
      <c r="BP11" s="318">
        <v>5739116</v>
      </c>
      <c r="BQ11" s="319">
        <v>6207999</v>
      </c>
      <c r="BR11" s="320">
        <v>11947115</v>
      </c>
      <c r="BS11" s="318">
        <v>0</v>
      </c>
      <c r="BT11" s="319">
        <v>44649592</v>
      </c>
      <c r="BU11" s="319">
        <v>48193188</v>
      </c>
      <c r="BV11" s="319">
        <v>44312756</v>
      </c>
      <c r="BW11" s="319">
        <v>45314942</v>
      </c>
      <c r="BX11" s="319">
        <v>36230803</v>
      </c>
      <c r="BY11" s="320">
        <v>218701281</v>
      </c>
      <c r="BZ11" s="322">
        <v>230648396</v>
      </c>
      <c r="CA11" s="318">
        <v>2455069</v>
      </c>
      <c r="CB11" s="319">
        <v>9400997</v>
      </c>
      <c r="CC11" s="320">
        <v>11856066</v>
      </c>
      <c r="CD11" s="318">
        <v>0</v>
      </c>
      <c r="CE11" s="319">
        <v>240285237</v>
      </c>
      <c r="CF11" s="319">
        <v>241438241</v>
      </c>
      <c r="CG11" s="319">
        <v>186267586</v>
      </c>
      <c r="CH11" s="319">
        <v>136784870</v>
      </c>
      <c r="CI11" s="319">
        <v>62168176</v>
      </c>
      <c r="CJ11" s="320">
        <v>866944110</v>
      </c>
      <c r="CK11" s="322">
        <v>878800176</v>
      </c>
      <c r="CL11" s="318">
        <v>0</v>
      </c>
      <c r="CM11" s="319">
        <v>0</v>
      </c>
      <c r="CN11" s="320">
        <v>0</v>
      </c>
      <c r="CO11" s="324">
        <v>0</v>
      </c>
      <c r="CP11" s="319">
        <v>208236939</v>
      </c>
      <c r="CQ11" s="319">
        <v>190099807</v>
      </c>
      <c r="CR11" s="319">
        <v>145156914</v>
      </c>
      <c r="CS11" s="319">
        <v>104568700</v>
      </c>
      <c r="CT11" s="319">
        <v>50710403</v>
      </c>
      <c r="CU11" s="320">
        <v>698772763</v>
      </c>
      <c r="CV11" s="322">
        <v>698772763</v>
      </c>
      <c r="CW11" s="318">
        <v>2455069</v>
      </c>
      <c r="CX11" s="319">
        <v>9400997</v>
      </c>
      <c r="CY11" s="320">
        <v>11856066</v>
      </c>
      <c r="CZ11" s="318">
        <v>0</v>
      </c>
      <c r="DA11" s="319">
        <v>32048298</v>
      </c>
      <c r="DB11" s="319">
        <v>51338434</v>
      </c>
      <c r="DC11" s="319">
        <v>41110672</v>
      </c>
      <c r="DD11" s="319">
        <v>32216170</v>
      </c>
      <c r="DE11" s="319">
        <v>11457773</v>
      </c>
      <c r="DF11" s="320">
        <v>168171347</v>
      </c>
      <c r="DG11" s="322">
        <v>180027413</v>
      </c>
      <c r="DH11" s="318">
        <v>214936</v>
      </c>
      <c r="DI11" s="319">
        <v>1189140</v>
      </c>
      <c r="DJ11" s="323">
        <v>1404076</v>
      </c>
      <c r="DK11" s="324">
        <v>0</v>
      </c>
      <c r="DL11" s="319">
        <v>18798086</v>
      </c>
      <c r="DM11" s="319">
        <v>33007653</v>
      </c>
      <c r="DN11" s="319">
        <v>57215993</v>
      </c>
      <c r="DO11" s="319">
        <v>49693567</v>
      </c>
      <c r="DP11" s="319">
        <v>29680106</v>
      </c>
      <c r="DQ11" s="320">
        <v>188395405</v>
      </c>
      <c r="DR11" s="322">
        <v>189799481</v>
      </c>
      <c r="DS11" s="318">
        <v>214936</v>
      </c>
      <c r="DT11" s="319">
        <v>1151938</v>
      </c>
      <c r="DU11" s="320">
        <v>1366874</v>
      </c>
      <c r="DV11" s="318">
        <v>0</v>
      </c>
      <c r="DW11" s="319">
        <v>17120234</v>
      </c>
      <c r="DX11" s="319">
        <v>28043254</v>
      </c>
      <c r="DY11" s="319">
        <v>50420564</v>
      </c>
      <c r="DZ11" s="319">
        <v>42686876</v>
      </c>
      <c r="EA11" s="319">
        <v>25043865</v>
      </c>
      <c r="EB11" s="320">
        <v>163314793</v>
      </c>
      <c r="EC11" s="322">
        <v>164681667</v>
      </c>
      <c r="ED11" s="318">
        <v>0</v>
      </c>
      <c r="EE11" s="323">
        <v>37202</v>
      </c>
      <c r="EF11" s="320">
        <v>37202</v>
      </c>
      <c r="EG11" s="318">
        <v>0</v>
      </c>
      <c r="EH11" s="319">
        <v>1677852</v>
      </c>
      <c r="EI11" s="319">
        <v>4964399</v>
      </c>
      <c r="EJ11" s="319">
        <v>6795429</v>
      </c>
      <c r="EK11" s="319">
        <v>7006691</v>
      </c>
      <c r="EL11" s="319">
        <v>4636241</v>
      </c>
      <c r="EM11" s="323">
        <v>25080612</v>
      </c>
      <c r="EN11" s="322">
        <v>25117814</v>
      </c>
      <c r="EO11" s="318">
        <v>0</v>
      </c>
      <c r="EP11" s="319">
        <v>0</v>
      </c>
      <c r="EQ11" s="323">
        <v>0</v>
      </c>
      <c r="ER11" s="324">
        <v>0</v>
      </c>
      <c r="ES11" s="319">
        <v>0</v>
      </c>
      <c r="ET11" s="319">
        <v>0</v>
      </c>
      <c r="EU11" s="319">
        <v>0</v>
      </c>
      <c r="EV11" s="319">
        <v>0</v>
      </c>
      <c r="EW11" s="319">
        <v>0</v>
      </c>
      <c r="EX11" s="320">
        <v>0</v>
      </c>
      <c r="EY11" s="322">
        <v>0</v>
      </c>
      <c r="EZ11" s="318">
        <v>0</v>
      </c>
      <c r="FA11" s="319">
        <v>0</v>
      </c>
      <c r="FB11" s="323">
        <v>0</v>
      </c>
      <c r="FC11" s="346"/>
      <c r="FD11" s="319">
        <v>0</v>
      </c>
      <c r="FE11" s="319">
        <v>0</v>
      </c>
      <c r="FF11" s="319">
        <v>0</v>
      </c>
      <c r="FG11" s="319">
        <v>0</v>
      </c>
      <c r="FH11" s="319">
        <v>0</v>
      </c>
      <c r="FI11" s="320">
        <v>0</v>
      </c>
      <c r="FJ11" s="322">
        <v>0</v>
      </c>
      <c r="FK11" s="318">
        <v>11906345</v>
      </c>
      <c r="FL11" s="319">
        <v>21485364</v>
      </c>
      <c r="FM11" s="320">
        <v>33391709</v>
      </c>
      <c r="FN11" s="318">
        <v>0</v>
      </c>
      <c r="FO11" s="319">
        <v>46782508</v>
      </c>
      <c r="FP11" s="319">
        <v>82771396</v>
      </c>
      <c r="FQ11" s="319">
        <v>62528313</v>
      </c>
      <c r="FR11" s="319">
        <v>66574683</v>
      </c>
      <c r="FS11" s="319">
        <v>45773885</v>
      </c>
      <c r="FT11" s="320">
        <v>304430785</v>
      </c>
      <c r="FU11" s="322">
        <v>337822494</v>
      </c>
      <c r="FV11" s="326">
        <v>7424030</v>
      </c>
      <c r="FW11" s="319">
        <v>17636124</v>
      </c>
      <c r="FX11" s="323">
        <v>25060154</v>
      </c>
      <c r="FY11" s="324">
        <v>0</v>
      </c>
      <c r="FZ11" s="319">
        <v>38668069</v>
      </c>
      <c r="GA11" s="319">
        <v>76850088</v>
      </c>
      <c r="GB11" s="319">
        <v>58883878</v>
      </c>
      <c r="GC11" s="319">
        <v>62854332</v>
      </c>
      <c r="GD11" s="319">
        <v>44770822</v>
      </c>
      <c r="GE11" s="320">
        <v>282027189</v>
      </c>
      <c r="GF11" s="327">
        <v>307087343</v>
      </c>
      <c r="GG11" s="326">
        <v>813651</v>
      </c>
      <c r="GH11" s="319">
        <v>893932</v>
      </c>
      <c r="GI11" s="323">
        <v>1707583</v>
      </c>
      <c r="GJ11" s="324">
        <v>0</v>
      </c>
      <c r="GK11" s="319">
        <v>2150156</v>
      </c>
      <c r="GL11" s="319">
        <v>2273429</v>
      </c>
      <c r="GM11" s="319">
        <v>1573944</v>
      </c>
      <c r="GN11" s="319">
        <v>1838443</v>
      </c>
      <c r="GO11" s="319">
        <v>430103</v>
      </c>
      <c r="GP11" s="320">
        <v>8266075</v>
      </c>
      <c r="GQ11" s="322">
        <v>9973658</v>
      </c>
      <c r="GR11" s="318">
        <v>3668664</v>
      </c>
      <c r="GS11" s="319">
        <v>2955308</v>
      </c>
      <c r="GT11" s="320">
        <v>6623972</v>
      </c>
      <c r="GU11" s="318">
        <v>0</v>
      </c>
      <c r="GV11" s="319">
        <v>5964283</v>
      </c>
      <c r="GW11" s="319">
        <v>3647879</v>
      </c>
      <c r="GX11" s="319">
        <v>2070491</v>
      </c>
      <c r="GY11" s="319">
        <v>1881908</v>
      </c>
      <c r="GZ11" s="319">
        <v>572960</v>
      </c>
      <c r="HA11" s="323">
        <v>14137521</v>
      </c>
      <c r="HB11" s="322">
        <v>20761493</v>
      </c>
      <c r="HC11" s="318">
        <v>14622626</v>
      </c>
      <c r="HD11" s="319">
        <v>16502942</v>
      </c>
      <c r="HE11" s="323">
        <v>31125568</v>
      </c>
      <c r="HF11" s="324">
        <v>0</v>
      </c>
      <c r="HG11" s="319">
        <v>131601220</v>
      </c>
      <c r="HH11" s="319">
        <v>123446749</v>
      </c>
      <c r="HI11" s="319">
        <v>131996910</v>
      </c>
      <c r="HJ11" s="319">
        <v>174442759</v>
      </c>
      <c r="HK11" s="319">
        <v>122021968</v>
      </c>
      <c r="HL11" s="320">
        <v>683509606</v>
      </c>
      <c r="HM11" s="321">
        <v>714635174</v>
      </c>
      <c r="HN11" s="326">
        <v>9636483</v>
      </c>
      <c r="HO11" s="319">
        <v>16613418</v>
      </c>
      <c r="HP11" s="320">
        <v>26249901</v>
      </c>
      <c r="HQ11" s="318">
        <v>0</v>
      </c>
      <c r="HR11" s="319">
        <v>136840666</v>
      </c>
      <c r="HS11" s="319">
        <v>106341128</v>
      </c>
      <c r="HT11" s="319">
        <v>77180038</v>
      </c>
      <c r="HU11" s="319">
        <v>60779611</v>
      </c>
      <c r="HV11" s="319">
        <v>37447112</v>
      </c>
      <c r="HW11" s="323">
        <v>418588555</v>
      </c>
      <c r="HX11" s="322">
        <v>444838456</v>
      </c>
      <c r="HY11" s="328">
        <v>1227598</v>
      </c>
      <c r="HZ11" s="329">
        <v>4276776</v>
      </c>
      <c r="IA11" s="330">
        <v>5504374</v>
      </c>
      <c r="IB11" s="353">
        <v>0</v>
      </c>
      <c r="IC11" s="329">
        <v>295674331</v>
      </c>
      <c r="ID11" s="354">
        <v>327660845</v>
      </c>
      <c r="IE11" s="330">
        <v>352537328</v>
      </c>
      <c r="IF11" s="329">
        <v>288055826</v>
      </c>
      <c r="IG11" s="330">
        <v>199962517</v>
      </c>
      <c r="IH11" s="355">
        <v>1463890847</v>
      </c>
      <c r="II11" s="336">
        <v>1469395221</v>
      </c>
      <c r="IJ11" s="337">
        <v>0</v>
      </c>
      <c r="IK11" s="338">
        <v>0</v>
      </c>
      <c r="IL11" s="339">
        <v>0</v>
      </c>
      <c r="IM11" s="346"/>
      <c r="IN11" s="341">
        <v>6890583</v>
      </c>
      <c r="IO11" s="341">
        <v>10722732</v>
      </c>
      <c r="IP11" s="341">
        <v>12282275</v>
      </c>
      <c r="IQ11" s="341">
        <v>21695368</v>
      </c>
      <c r="IR11" s="341">
        <v>22881592</v>
      </c>
      <c r="IS11" s="342">
        <v>74472550</v>
      </c>
      <c r="IT11" s="343">
        <v>74472550</v>
      </c>
      <c r="IU11" s="344">
        <v>0</v>
      </c>
      <c r="IV11" s="341">
        <v>0</v>
      </c>
      <c r="IW11" s="345">
        <v>0</v>
      </c>
      <c r="IX11" s="346"/>
      <c r="IY11" s="341">
        <v>1473093</v>
      </c>
      <c r="IZ11" s="341">
        <v>1985238</v>
      </c>
      <c r="JA11" s="341">
        <v>2212131</v>
      </c>
      <c r="JB11" s="341">
        <v>2584048</v>
      </c>
      <c r="JC11" s="341">
        <v>2922656</v>
      </c>
      <c r="JD11" s="345">
        <v>11177166</v>
      </c>
      <c r="JE11" s="347">
        <v>11177166</v>
      </c>
      <c r="JF11" s="344">
        <v>0</v>
      </c>
      <c r="JG11" s="341">
        <v>0</v>
      </c>
      <c r="JH11" s="342">
        <v>0</v>
      </c>
      <c r="JI11" s="348">
        <v>0</v>
      </c>
      <c r="JJ11" s="341">
        <v>100007059</v>
      </c>
      <c r="JK11" s="341">
        <v>83180765</v>
      </c>
      <c r="JL11" s="341">
        <v>68279316</v>
      </c>
      <c r="JM11" s="341">
        <v>42934961</v>
      </c>
      <c r="JN11" s="341">
        <v>26843659</v>
      </c>
      <c r="JO11" s="345">
        <v>321245760</v>
      </c>
      <c r="JP11" s="343">
        <v>321245760</v>
      </c>
      <c r="JQ11" s="344">
        <v>59171</v>
      </c>
      <c r="JR11" s="341">
        <v>22355</v>
      </c>
      <c r="JS11" s="342">
        <v>81526</v>
      </c>
      <c r="JT11" s="348">
        <v>0</v>
      </c>
      <c r="JU11" s="341">
        <v>17377716</v>
      </c>
      <c r="JV11" s="341">
        <v>22275270</v>
      </c>
      <c r="JW11" s="341">
        <v>31511503</v>
      </c>
      <c r="JX11" s="341">
        <v>21326520</v>
      </c>
      <c r="JY11" s="341">
        <v>16555227</v>
      </c>
      <c r="JZ11" s="345">
        <v>109046236</v>
      </c>
      <c r="KA11" s="343">
        <v>109127762</v>
      </c>
      <c r="KB11" s="349">
        <v>1168427</v>
      </c>
      <c r="KC11" s="350">
        <v>2771924</v>
      </c>
      <c r="KD11" s="345">
        <v>3940351</v>
      </c>
      <c r="KE11" s="348">
        <v>0</v>
      </c>
      <c r="KF11" s="341">
        <v>31646452</v>
      </c>
      <c r="KG11" s="341">
        <v>43454044</v>
      </c>
      <c r="KH11" s="341">
        <v>47313342</v>
      </c>
      <c r="KI11" s="341">
        <v>40471413</v>
      </c>
      <c r="KJ11" s="341">
        <v>17495193</v>
      </c>
      <c r="KK11" s="345">
        <v>180380444</v>
      </c>
      <c r="KL11" s="351">
        <v>184320795</v>
      </c>
      <c r="KM11" s="337">
        <v>0</v>
      </c>
      <c r="KN11" s="338">
        <v>1482497</v>
      </c>
      <c r="KO11" s="339">
        <v>1482497</v>
      </c>
      <c r="KP11" s="352"/>
      <c r="KQ11" s="341">
        <v>128527412</v>
      </c>
      <c r="KR11" s="341">
        <v>148401666</v>
      </c>
      <c r="KS11" s="341">
        <v>152617590</v>
      </c>
      <c r="KT11" s="341">
        <v>105677306</v>
      </c>
      <c r="KU11" s="341">
        <v>63809413</v>
      </c>
      <c r="KV11" s="345">
        <v>599033387</v>
      </c>
      <c r="KW11" s="343">
        <v>600515884</v>
      </c>
      <c r="KX11" s="344">
        <v>0</v>
      </c>
      <c r="KY11" s="341">
        <v>0</v>
      </c>
      <c r="KZ11" s="345">
        <v>0</v>
      </c>
      <c r="LA11" s="352"/>
      <c r="LB11" s="341">
        <v>0</v>
      </c>
      <c r="LC11" s="341">
        <v>0</v>
      </c>
      <c r="LD11" s="341">
        <v>0</v>
      </c>
      <c r="LE11" s="341">
        <v>0</v>
      </c>
      <c r="LF11" s="341">
        <v>0</v>
      </c>
      <c r="LG11" s="345">
        <v>0</v>
      </c>
      <c r="LH11" s="347">
        <v>0</v>
      </c>
      <c r="LI11" s="344">
        <v>0</v>
      </c>
      <c r="LJ11" s="341">
        <v>0</v>
      </c>
      <c r="LK11" s="345">
        <v>0</v>
      </c>
      <c r="LL11" s="352"/>
      <c r="LM11" s="341">
        <v>858276</v>
      </c>
      <c r="LN11" s="341">
        <v>1229904</v>
      </c>
      <c r="LO11" s="341">
        <v>18473792</v>
      </c>
      <c r="LP11" s="341">
        <v>28812280</v>
      </c>
      <c r="LQ11" s="341">
        <v>20474380</v>
      </c>
      <c r="LR11" s="345">
        <v>69848632</v>
      </c>
      <c r="LS11" s="343">
        <v>69848632</v>
      </c>
      <c r="LT11" s="344">
        <v>0</v>
      </c>
      <c r="LU11" s="341">
        <v>0</v>
      </c>
      <c r="LV11" s="345">
        <v>0</v>
      </c>
      <c r="LW11" s="352"/>
      <c r="LX11" s="341">
        <v>8893740</v>
      </c>
      <c r="LY11" s="341">
        <v>16411226</v>
      </c>
      <c r="LZ11" s="341">
        <v>19847379</v>
      </c>
      <c r="MA11" s="341">
        <v>24553930</v>
      </c>
      <c r="MB11" s="341">
        <v>28980397</v>
      </c>
      <c r="MC11" s="345">
        <v>98686672</v>
      </c>
      <c r="MD11" s="347">
        <v>98686672</v>
      </c>
      <c r="ME11" s="344">
        <v>0</v>
      </c>
      <c r="MF11" s="341">
        <v>0</v>
      </c>
      <c r="MG11" s="345">
        <v>0</v>
      </c>
      <c r="MH11" s="352"/>
      <c r="MI11" s="341">
        <v>72361150</v>
      </c>
      <c r="MJ11" s="341">
        <v>140356269</v>
      </c>
      <c r="MK11" s="341">
        <v>445697205</v>
      </c>
      <c r="ML11" s="341">
        <v>689290147</v>
      </c>
      <c r="MM11" s="341">
        <v>527940975</v>
      </c>
      <c r="MN11" s="345">
        <v>1875645746</v>
      </c>
      <c r="MO11" s="351">
        <v>1875645746</v>
      </c>
      <c r="MP11" s="344">
        <v>0</v>
      </c>
      <c r="MQ11" s="341">
        <v>0</v>
      </c>
      <c r="MR11" s="345">
        <v>0</v>
      </c>
      <c r="MS11" s="352"/>
      <c r="MT11" s="341">
        <v>16681325</v>
      </c>
      <c r="MU11" s="341">
        <v>46098232</v>
      </c>
      <c r="MV11" s="341">
        <v>300999182</v>
      </c>
      <c r="MW11" s="341">
        <v>439856779</v>
      </c>
      <c r="MX11" s="341">
        <v>365379167</v>
      </c>
      <c r="MY11" s="345">
        <v>1169014685</v>
      </c>
      <c r="MZ11" s="351">
        <v>1169014685</v>
      </c>
      <c r="NA11" s="344">
        <v>0</v>
      </c>
      <c r="NB11" s="341">
        <v>0</v>
      </c>
      <c r="NC11" s="345">
        <v>0</v>
      </c>
      <c r="ND11" s="352"/>
      <c r="NE11" s="341">
        <v>55175027</v>
      </c>
      <c r="NF11" s="341">
        <v>94008494</v>
      </c>
      <c r="NG11" s="341">
        <v>140569471</v>
      </c>
      <c r="NH11" s="341">
        <v>214849479</v>
      </c>
      <c r="NI11" s="341">
        <v>109168937</v>
      </c>
      <c r="NJ11" s="345">
        <v>613771408</v>
      </c>
      <c r="NK11" s="343">
        <v>613771408</v>
      </c>
      <c r="NL11" s="344">
        <v>0</v>
      </c>
      <c r="NM11" s="341">
        <v>0</v>
      </c>
      <c r="NN11" s="345">
        <v>0</v>
      </c>
      <c r="NO11" s="352"/>
      <c r="NP11" s="341">
        <v>504798</v>
      </c>
      <c r="NQ11" s="341">
        <v>0</v>
      </c>
      <c r="NR11" s="341">
        <v>2659296</v>
      </c>
      <c r="NS11" s="341">
        <v>21932199</v>
      </c>
      <c r="NT11" s="341">
        <v>31721582</v>
      </c>
      <c r="NU11" s="345">
        <v>56817875</v>
      </c>
      <c r="NV11" s="347">
        <v>56817875</v>
      </c>
      <c r="NW11" s="344">
        <v>0</v>
      </c>
      <c r="NX11" s="341">
        <v>0</v>
      </c>
      <c r="NY11" s="345">
        <v>0</v>
      </c>
      <c r="NZ11" s="352"/>
      <c r="OA11" s="341">
        <v>0</v>
      </c>
      <c r="OB11" s="341">
        <v>249543</v>
      </c>
      <c r="OC11" s="341">
        <v>1469256</v>
      </c>
      <c r="OD11" s="341">
        <v>12651690</v>
      </c>
      <c r="OE11" s="341">
        <v>21671289</v>
      </c>
      <c r="OF11" s="345">
        <v>36041778</v>
      </c>
      <c r="OG11" s="347">
        <v>36041778</v>
      </c>
      <c r="OH11" s="344">
        <v>54502803</v>
      </c>
      <c r="OI11" s="341">
        <v>99990001</v>
      </c>
      <c r="OJ11" s="342">
        <v>154492804</v>
      </c>
      <c r="OK11" s="348">
        <v>0</v>
      </c>
      <c r="OL11" s="341">
        <v>1211592243</v>
      </c>
      <c r="OM11" s="341">
        <v>1372324013</v>
      </c>
      <c r="ON11" s="341">
        <v>1592856998</v>
      </c>
      <c r="OO11" s="341">
        <v>1796628293</v>
      </c>
      <c r="OP11" s="341">
        <v>1363945668</v>
      </c>
      <c r="OQ11" s="345">
        <v>7337347215</v>
      </c>
      <c r="OR11" s="351">
        <v>7491840019</v>
      </c>
    </row>
    <row r="12" spans="1:408" ht="18.75" customHeight="1" x14ac:dyDescent="0.2">
      <c r="A12" s="61" t="s">
        <v>14</v>
      </c>
      <c r="B12" s="318">
        <v>27775263</v>
      </c>
      <c r="C12" s="319">
        <v>71871225</v>
      </c>
      <c r="D12" s="320">
        <v>99646488</v>
      </c>
      <c r="E12" s="321">
        <v>0</v>
      </c>
      <c r="F12" s="319">
        <v>323314076</v>
      </c>
      <c r="G12" s="319">
        <v>474831175</v>
      </c>
      <c r="H12" s="319">
        <v>436312706</v>
      </c>
      <c r="I12" s="319">
        <v>401600594</v>
      </c>
      <c r="J12" s="319">
        <v>260008084</v>
      </c>
      <c r="K12" s="323">
        <v>1896066635</v>
      </c>
      <c r="L12" s="322">
        <v>1995713123</v>
      </c>
      <c r="M12" s="318">
        <v>5292537</v>
      </c>
      <c r="N12" s="319">
        <v>17915195</v>
      </c>
      <c r="O12" s="320">
        <v>23207732</v>
      </c>
      <c r="P12" s="318">
        <v>0</v>
      </c>
      <c r="Q12" s="319">
        <v>89154055</v>
      </c>
      <c r="R12" s="319">
        <v>149045452</v>
      </c>
      <c r="S12" s="319">
        <v>135802083</v>
      </c>
      <c r="T12" s="319">
        <v>141957169</v>
      </c>
      <c r="U12" s="319">
        <v>124692238</v>
      </c>
      <c r="V12" s="320">
        <v>640650997</v>
      </c>
      <c r="W12" s="322">
        <v>663858729</v>
      </c>
      <c r="X12" s="318">
        <v>0</v>
      </c>
      <c r="Y12" s="319">
        <v>0</v>
      </c>
      <c r="Z12" s="320">
        <v>0</v>
      </c>
      <c r="AA12" s="318">
        <v>0</v>
      </c>
      <c r="AB12" s="319">
        <v>47404924</v>
      </c>
      <c r="AC12" s="319">
        <v>82332497</v>
      </c>
      <c r="AD12" s="319">
        <v>80616361</v>
      </c>
      <c r="AE12" s="319">
        <v>82192797</v>
      </c>
      <c r="AF12" s="319">
        <v>70813196</v>
      </c>
      <c r="AG12" s="320">
        <v>363359775</v>
      </c>
      <c r="AH12" s="322">
        <v>363359775</v>
      </c>
      <c r="AI12" s="318">
        <v>0</v>
      </c>
      <c r="AJ12" s="319">
        <v>36174</v>
      </c>
      <c r="AK12" s="320">
        <v>36174</v>
      </c>
      <c r="AL12" s="318">
        <v>0</v>
      </c>
      <c r="AM12" s="319">
        <v>394341</v>
      </c>
      <c r="AN12" s="319">
        <v>1318778</v>
      </c>
      <c r="AO12" s="319">
        <v>2987843</v>
      </c>
      <c r="AP12" s="319">
        <v>8814468</v>
      </c>
      <c r="AQ12" s="319">
        <v>15592738</v>
      </c>
      <c r="AR12" s="320">
        <v>29108168</v>
      </c>
      <c r="AS12" s="322">
        <v>29144342</v>
      </c>
      <c r="AT12" s="318">
        <v>2489320</v>
      </c>
      <c r="AU12" s="319">
        <v>12981798</v>
      </c>
      <c r="AV12" s="320">
        <v>15471118</v>
      </c>
      <c r="AW12" s="318">
        <v>0</v>
      </c>
      <c r="AX12" s="319">
        <v>22969275</v>
      </c>
      <c r="AY12" s="319">
        <v>42281515</v>
      </c>
      <c r="AZ12" s="319">
        <v>28617750</v>
      </c>
      <c r="BA12" s="319">
        <v>31016719</v>
      </c>
      <c r="BB12" s="319">
        <v>24842193</v>
      </c>
      <c r="BC12" s="320">
        <v>149727452</v>
      </c>
      <c r="BD12" s="322">
        <v>165198570</v>
      </c>
      <c r="BE12" s="318">
        <v>139137</v>
      </c>
      <c r="BF12" s="319">
        <v>1388230</v>
      </c>
      <c r="BG12" s="323">
        <v>1527367</v>
      </c>
      <c r="BH12" s="324">
        <v>0</v>
      </c>
      <c r="BI12" s="319">
        <v>1051491</v>
      </c>
      <c r="BJ12" s="319">
        <v>2399497</v>
      </c>
      <c r="BK12" s="319">
        <v>2919124</v>
      </c>
      <c r="BL12" s="319">
        <v>1594592</v>
      </c>
      <c r="BM12" s="319">
        <v>1173570</v>
      </c>
      <c r="BN12" s="320">
        <v>9138274</v>
      </c>
      <c r="BO12" s="322">
        <v>10665641</v>
      </c>
      <c r="BP12" s="318">
        <v>2664080</v>
      </c>
      <c r="BQ12" s="319">
        <v>3508993</v>
      </c>
      <c r="BR12" s="320">
        <v>6173073</v>
      </c>
      <c r="BS12" s="318">
        <v>0</v>
      </c>
      <c r="BT12" s="319">
        <v>17334024</v>
      </c>
      <c r="BU12" s="319">
        <v>20713165</v>
      </c>
      <c r="BV12" s="319">
        <v>20661005</v>
      </c>
      <c r="BW12" s="319">
        <v>18338593</v>
      </c>
      <c r="BX12" s="319">
        <v>12270541</v>
      </c>
      <c r="BY12" s="320">
        <v>89317328</v>
      </c>
      <c r="BZ12" s="322">
        <v>95490401</v>
      </c>
      <c r="CA12" s="318">
        <v>1889770</v>
      </c>
      <c r="CB12" s="319">
        <v>8015415</v>
      </c>
      <c r="CC12" s="320">
        <v>9905185</v>
      </c>
      <c r="CD12" s="318">
        <v>0</v>
      </c>
      <c r="CE12" s="319">
        <v>101717077</v>
      </c>
      <c r="CF12" s="319">
        <v>141115541</v>
      </c>
      <c r="CG12" s="319">
        <v>120841865</v>
      </c>
      <c r="CH12" s="319">
        <v>87037203</v>
      </c>
      <c r="CI12" s="319">
        <v>42053925</v>
      </c>
      <c r="CJ12" s="320">
        <v>492765611</v>
      </c>
      <c r="CK12" s="322">
        <v>502670796</v>
      </c>
      <c r="CL12" s="318">
        <v>0</v>
      </c>
      <c r="CM12" s="319">
        <v>0</v>
      </c>
      <c r="CN12" s="320">
        <v>0</v>
      </c>
      <c r="CO12" s="324">
        <v>0</v>
      </c>
      <c r="CP12" s="319">
        <v>94416915</v>
      </c>
      <c r="CQ12" s="319">
        <v>118620373</v>
      </c>
      <c r="CR12" s="319">
        <v>103441282</v>
      </c>
      <c r="CS12" s="319">
        <v>70932871</v>
      </c>
      <c r="CT12" s="319">
        <v>37138974</v>
      </c>
      <c r="CU12" s="320">
        <v>424550415</v>
      </c>
      <c r="CV12" s="322">
        <v>424550415</v>
      </c>
      <c r="CW12" s="318">
        <v>1889770</v>
      </c>
      <c r="CX12" s="319">
        <v>8015415</v>
      </c>
      <c r="CY12" s="320">
        <v>9905185</v>
      </c>
      <c r="CZ12" s="318">
        <v>0</v>
      </c>
      <c r="DA12" s="319">
        <v>7300162</v>
      </c>
      <c r="DB12" s="319">
        <v>22495168</v>
      </c>
      <c r="DC12" s="319">
        <v>17400583</v>
      </c>
      <c r="DD12" s="319">
        <v>16104332</v>
      </c>
      <c r="DE12" s="319">
        <v>4914951</v>
      </c>
      <c r="DF12" s="320">
        <v>68215196</v>
      </c>
      <c r="DG12" s="322">
        <v>78120381</v>
      </c>
      <c r="DH12" s="318">
        <v>91081</v>
      </c>
      <c r="DI12" s="319">
        <v>1081807</v>
      </c>
      <c r="DJ12" s="323">
        <v>1172888</v>
      </c>
      <c r="DK12" s="324">
        <v>0</v>
      </c>
      <c r="DL12" s="319">
        <v>8605456</v>
      </c>
      <c r="DM12" s="319">
        <v>20909547</v>
      </c>
      <c r="DN12" s="319">
        <v>45027371</v>
      </c>
      <c r="DO12" s="319">
        <v>41575100</v>
      </c>
      <c r="DP12" s="319">
        <v>19078080</v>
      </c>
      <c r="DQ12" s="320">
        <v>135195554</v>
      </c>
      <c r="DR12" s="322">
        <v>136368442</v>
      </c>
      <c r="DS12" s="318">
        <v>91081</v>
      </c>
      <c r="DT12" s="319">
        <v>980304</v>
      </c>
      <c r="DU12" s="320">
        <v>1071385</v>
      </c>
      <c r="DV12" s="318">
        <v>0</v>
      </c>
      <c r="DW12" s="319">
        <v>8421868</v>
      </c>
      <c r="DX12" s="319">
        <v>20509819</v>
      </c>
      <c r="DY12" s="319">
        <v>43943374</v>
      </c>
      <c r="DZ12" s="319">
        <v>39887254</v>
      </c>
      <c r="EA12" s="319">
        <v>18550934</v>
      </c>
      <c r="EB12" s="320">
        <v>131313249</v>
      </c>
      <c r="EC12" s="322">
        <v>132384634</v>
      </c>
      <c r="ED12" s="318">
        <v>0</v>
      </c>
      <c r="EE12" s="323">
        <v>101503</v>
      </c>
      <c r="EF12" s="320">
        <v>101503</v>
      </c>
      <c r="EG12" s="318">
        <v>0</v>
      </c>
      <c r="EH12" s="319">
        <v>183588</v>
      </c>
      <c r="EI12" s="319">
        <v>399728</v>
      </c>
      <c r="EJ12" s="319">
        <v>1083997</v>
      </c>
      <c r="EK12" s="319">
        <v>1644173</v>
      </c>
      <c r="EL12" s="319">
        <v>527146</v>
      </c>
      <c r="EM12" s="323">
        <v>3838632</v>
      </c>
      <c r="EN12" s="322">
        <v>3940135</v>
      </c>
      <c r="EO12" s="318">
        <v>0</v>
      </c>
      <c r="EP12" s="319">
        <v>0</v>
      </c>
      <c r="EQ12" s="323">
        <v>0</v>
      </c>
      <c r="ER12" s="324">
        <v>0</v>
      </c>
      <c r="ES12" s="319">
        <v>0</v>
      </c>
      <c r="ET12" s="319">
        <v>0</v>
      </c>
      <c r="EU12" s="319">
        <v>0</v>
      </c>
      <c r="EV12" s="319">
        <v>0</v>
      </c>
      <c r="EW12" s="319">
        <v>0</v>
      </c>
      <c r="EX12" s="320">
        <v>0</v>
      </c>
      <c r="EY12" s="322">
        <v>0</v>
      </c>
      <c r="EZ12" s="318">
        <v>0</v>
      </c>
      <c r="FA12" s="319">
        <v>0</v>
      </c>
      <c r="FB12" s="323">
        <v>0</v>
      </c>
      <c r="FC12" s="346"/>
      <c r="FD12" s="319">
        <v>0</v>
      </c>
      <c r="FE12" s="319">
        <v>0</v>
      </c>
      <c r="FF12" s="319">
        <v>0</v>
      </c>
      <c r="FG12" s="319">
        <v>43673</v>
      </c>
      <c r="FH12" s="319">
        <v>0</v>
      </c>
      <c r="FI12" s="320">
        <v>43673</v>
      </c>
      <c r="FJ12" s="322">
        <v>43673</v>
      </c>
      <c r="FK12" s="318">
        <v>7917155</v>
      </c>
      <c r="FL12" s="319">
        <v>20399136</v>
      </c>
      <c r="FM12" s="320">
        <v>28316291</v>
      </c>
      <c r="FN12" s="318">
        <v>0</v>
      </c>
      <c r="FO12" s="319">
        <v>16427515</v>
      </c>
      <c r="FP12" s="319">
        <v>48763298</v>
      </c>
      <c r="FQ12" s="319">
        <v>37048658</v>
      </c>
      <c r="FR12" s="319">
        <v>34958359</v>
      </c>
      <c r="FS12" s="319">
        <v>20314474</v>
      </c>
      <c r="FT12" s="320">
        <v>157512304</v>
      </c>
      <c r="FU12" s="322">
        <v>185828595</v>
      </c>
      <c r="FV12" s="326">
        <v>4439930</v>
      </c>
      <c r="FW12" s="319">
        <v>15954216</v>
      </c>
      <c r="FX12" s="323">
        <v>20394146</v>
      </c>
      <c r="FY12" s="324">
        <v>0</v>
      </c>
      <c r="FZ12" s="319">
        <v>13146027</v>
      </c>
      <c r="GA12" s="319">
        <v>44542125</v>
      </c>
      <c r="GB12" s="319">
        <v>34035850</v>
      </c>
      <c r="GC12" s="319">
        <v>31847304</v>
      </c>
      <c r="GD12" s="319">
        <v>19762063</v>
      </c>
      <c r="GE12" s="320">
        <v>143333369</v>
      </c>
      <c r="GF12" s="327">
        <v>163727515</v>
      </c>
      <c r="GG12" s="326">
        <v>356336</v>
      </c>
      <c r="GH12" s="319">
        <v>922642</v>
      </c>
      <c r="GI12" s="323">
        <v>1278978</v>
      </c>
      <c r="GJ12" s="324">
        <v>0</v>
      </c>
      <c r="GK12" s="319">
        <v>651760</v>
      </c>
      <c r="GL12" s="319">
        <v>1179915</v>
      </c>
      <c r="GM12" s="319">
        <v>841761</v>
      </c>
      <c r="GN12" s="319">
        <v>938785</v>
      </c>
      <c r="GO12" s="319">
        <v>194889</v>
      </c>
      <c r="GP12" s="320">
        <v>3807110</v>
      </c>
      <c r="GQ12" s="322">
        <v>5086088</v>
      </c>
      <c r="GR12" s="318">
        <v>3120889</v>
      </c>
      <c r="GS12" s="319">
        <v>3522278</v>
      </c>
      <c r="GT12" s="320">
        <v>6643167</v>
      </c>
      <c r="GU12" s="318">
        <v>0</v>
      </c>
      <c r="GV12" s="319">
        <v>2629728</v>
      </c>
      <c r="GW12" s="319">
        <v>3041258</v>
      </c>
      <c r="GX12" s="319">
        <v>2171047</v>
      </c>
      <c r="GY12" s="319">
        <v>2172270</v>
      </c>
      <c r="GZ12" s="319">
        <v>357522</v>
      </c>
      <c r="HA12" s="323">
        <v>10371825</v>
      </c>
      <c r="HB12" s="322">
        <v>17014992</v>
      </c>
      <c r="HC12" s="318">
        <v>7971451</v>
      </c>
      <c r="HD12" s="319">
        <v>12124928</v>
      </c>
      <c r="HE12" s="323">
        <v>20096379</v>
      </c>
      <c r="HF12" s="324">
        <v>0</v>
      </c>
      <c r="HG12" s="319">
        <v>53256514</v>
      </c>
      <c r="HH12" s="319">
        <v>50334905</v>
      </c>
      <c r="HI12" s="319">
        <v>50893655</v>
      </c>
      <c r="HJ12" s="319">
        <v>63386225</v>
      </c>
      <c r="HK12" s="319">
        <v>37162356</v>
      </c>
      <c r="HL12" s="320">
        <v>255033655</v>
      </c>
      <c r="HM12" s="321">
        <v>275130034</v>
      </c>
      <c r="HN12" s="326">
        <v>4613269</v>
      </c>
      <c r="HO12" s="319">
        <v>12334744</v>
      </c>
      <c r="HP12" s="320">
        <v>16948013</v>
      </c>
      <c r="HQ12" s="318">
        <v>0</v>
      </c>
      <c r="HR12" s="319">
        <v>54153459</v>
      </c>
      <c r="HS12" s="319">
        <v>64662432</v>
      </c>
      <c r="HT12" s="319">
        <v>46699074</v>
      </c>
      <c r="HU12" s="319">
        <v>32686538</v>
      </c>
      <c r="HV12" s="319">
        <v>16707011</v>
      </c>
      <c r="HW12" s="323">
        <v>214908514</v>
      </c>
      <c r="HX12" s="322">
        <v>231856527</v>
      </c>
      <c r="HY12" s="328">
        <v>824884</v>
      </c>
      <c r="HZ12" s="329">
        <v>4189496</v>
      </c>
      <c r="IA12" s="330">
        <v>5014380</v>
      </c>
      <c r="IB12" s="331">
        <v>0</v>
      </c>
      <c r="IC12" s="332">
        <v>140953930</v>
      </c>
      <c r="ID12" s="333">
        <v>174017519</v>
      </c>
      <c r="IE12" s="334">
        <v>190673704</v>
      </c>
      <c r="IF12" s="332">
        <v>129896332</v>
      </c>
      <c r="IG12" s="334">
        <v>75450801</v>
      </c>
      <c r="IH12" s="335">
        <v>710992286</v>
      </c>
      <c r="II12" s="336">
        <v>716006666</v>
      </c>
      <c r="IJ12" s="337">
        <v>0</v>
      </c>
      <c r="IK12" s="338">
        <v>0</v>
      </c>
      <c r="IL12" s="339">
        <v>0</v>
      </c>
      <c r="IM12" s="346"/>
      <c r="IN12" s="341">
        <v>1386547</v>
      </c>
      <c r="IO12" s="341">
        <v>2358432</v>
      </c>
      <c r="IP12" s="341">
        <v>3546994</v>
      </c>
      <c r="IQ12" s="341">
        <v>5515874</v>
      </c>
      <c r="IR12" s="341">
        <v>4544668</v>
      </c>
      <c r="IS12" s="342">
        <v>17352515</v>
      </c>
      <c r="IT12" s="343">
        <v>17352515</v>
      </c>
      <c r="IU12" s="344">
        <v>0</v>
      </c>
      <c r="IV12" s="341">
        <v>0</v>
      </c>
      <c r="IW12" s="345">
        <v>0</v>
      </c>
      <c r="IX12" s="346"/>
      <c r="IY12" s="341">
        <v>22730</v>
      </c>
      <c r="IZ12" s="341">
        <v>45460</v>
      </c>
      <c r="JA12" s="341">
        <v>11365</v>
      </c>
      <c r="JB12" s="341">
        <v>31569</v>
      </c>
      <c r="JC12" s="341">
        <v>131412</v>
      </c>
      <c r="JD12" s="345">
        <v>242536</v>
      </c>
      <c r="JE12" s="347">
        <v>242536</v>
      </c>
      <c r="JF12" s="344">
        <v>0</v>
      </c>
      <c r="JG12" s="341">
        <v>0</v>
      </c>
      <c r="JH12" s="342">
        <v>0</v>
      </c>
      <c r="JI12" s="348">
        <v>0</v>
      </c>
      <c r="JJ12" s="341">
        <v>52298450</v>
      </c>
      <c r="JK12" s="341">
        <v>64332580</v>
      </c>
      <c r="JL12" s="341">
        <v>55153957</v>
      </c>
      <c r="JM12" s="341">
        <v>29159116</v>
      </c>
      <c r="JN12" s="341">
        <v>15384551</v>
      </c>
      <c r="JO12" s="345">
        <v>216328654</v>
      </c>
      <c r="JP12" s="343">
        <v>216328654</v>
      </c>
      <c r="JQ12" s="344">
        <v>0</v>
      </c>
      <c r="JR12" s="341">
        <v>0</v>
      </c>
      <c r="JS12" s="342">
        <v>0</v>
      </c>
      <c r="JT12" s="348">
        <v>0</v>
      </c>
      <c r="JU12" s="341">
        <v>989558</v>
      </c>
      <c r="JV12" s="341">
        <v>1976139</v>
      </c>
      <c r="JW12" s="341">
        <v>5639674</v>
      </c>
      <c r="JX12" s="341">
        <v>2983504</v>
      </c>
      <c r="JY12" s="341">
        <v>3901328</v>
      </c>
      <c r="JZ12" s="345">
        <v>15490203</v>
      </c>
      <c r="KA12" s="343">
        <v>15490203</v>
      </c>
      <c r="KB12" s="349">
        <v>824884</v>
      </c>
      <c r="KC12" s="350">
        <v>2709516</v>
      </c>
      <c r="KD12" s="345">
        <v>3534400</v>
      </c>
      <c r="KE12" s="348">
        <v>0</v>
      </c>
      <c r="KF12" s="341">
        <v>18207862</v>
      </c>
      <c r="KG12" s="341">
        <v>27045154</v>
      </c>
      <c r="KH12" s="341">
        <v>29662878</v>
      </c>
      <c r="KI12" s="341">
        <v>21842986</v>
      </c>
      <c r="KJ12" s="341">
        <v>8441369</v>
      </c>
      <c r="KK12" s="345">
        <v>105200249</v>
      </c>
      <c r="KL12" s="351">
        <v>108734649</v>
      </c>
      <c r="KM12" s="337">
        <v>0</v>
      </c>
      <c r="KN12" s="338">
        <v>1479980</v>
      </c>
      <c r="KO12" s="339">
        <v>1479980</v>
      </c>
      <c r="KP12" s="352"/>
      <c r="KQ12" s="341">
        <v>67054241</v>
      </c>
      <c r="KR12" s="341">
        <v>75715645</v>
      </c>
      <c r="KS12" s="341">
        <v>88485989</v>
      </c>
      <c r="KT12" s="341">
        <v>57567594</v>
      </c>
      <c r="KU12" s="341">
        <v>35869976</v>
      </c>
      <c r="KV12" s="345">
        <v>324693445</v>
      </c>
      <c r="KW12" s="343">
        <v>326173425</v>
      </c>
      <c r="KX12" s="344">
        <v>0</v>
      </c>
      <c r="KY12" s="341">
        <v>0</v>
      </c>
      <c r="KZ12" s="345">
        <v>0</v>
      </c>
      <c r="LA12" s="352"/>
      <c r="LB12" s="341">
        <v>0</v>
      </c>
      <c r="LC12" s="341">
        <v>0</v>
      </c>
      <c r="LD12" s="341">
        <v>0</v>
      </c>
      <c r="LE12" s="341">
        <v>0</v>
      </c>
      <c r="LF12" s="341">
        <v>0</v>
      </c>
      <c r="LG12" s="345">
        <v>0</v>
      </c>
      <c r="LH12" s="347">
        <v>0</v>
      </c>
      <c r="LI12" s="344">
        <v>0</v>
      </c>
      <c r="LJ12" s="341">
        <v>0</v>
      </c>
      <c r="LK12" s="345">
        <v>0</v>
      </c>
      <c r="LL12" s="352"/>
      <c r="LM12" s="341">
        <v>0</v>
      </c>
      <c r="LN12" s="341">
        <v>402711</v>
      </c>
      <c r="LO12" s="341">
        <v>5010686</v>
      </c>
      <c r="LP12" s="341">
        <v>7369522</v>
      </c>
      <c r="LQ12" s="341">
        <v>2137443</v>
      </c>
      <c r="LR12" s="345">
        <v>14920362</v>
      </c>
      <c r="LS12" s="343">
        <v>14920362</v>
      </c>
      <c r="LT12" s="344">
        <v>0</v>
      </c>
      <c r="LU12" s="341">
        <v>0</v>
      </c>
      <c r="LV12" s="345">
        <v>0</v>
      </c>
      <c r="LW12" s="352"/>
      <c r="LX12" s="341">
        <v>994542</v>
      </c>
      <c r="LY12" s="341">
        <v>2141398</v>
      </c>
      <c r="LZ12" s="341">
        <v>3162161</v>
      </c>
      <c r="MA12" s="341">
        <v>5426167</v>
      </c>
      <c r="MB12" s="341">
        <v>5040054</v>
      </c>
      <c r="MC12" s="345">
        <v>16764322</v>
      </c>
      <c r="MD12" s="347">
        <v>16764322</v>
      </c>
      <c r="ME12" s="344">
        <v>0</v>
      </c>
      <c r="MF12" s="341">
        <v>0</v>
      </c>
      <c r="MG12" s="345">
        <v>0</v>
      </c>
      <c r="MH12" s="352"/>
      <c r="MI12" s="341">
        <v>25904766</v>
      </c>
      <c r="MJ12" s="341">
        <v>74740573</v>
      </c>
      <c r="MK12" s="341">
        <v>306803084</v>
      </c>
      <c r="ML12" s="341">
        <v>481953988</v>
      </c>
      <c r="MM12" s="341">
        <v>316737588</v>
      </c>
      <c r="MN12" s="345">
        <v>1206139999</v>
      </c>
      <c r="MO12" s="351">
        <v>1206139999</v>
      </c>
      <c r="MP12" s="344">
        <v>0</v>
      </c>
      <c r="MQ12" s="341">
        <v>0</v>
      </c>
      <c r="MR12" s="345">
        <v>0</v>
      </c>
      <c r="MS12" s="352"/>
      <c r="MT12" s="341">
        <v>2705522</v>
      </c>
      <c r="MU12" s="341">
        <v>16290866</v>
      </c>
      <c r="MV12" s="341">
        <v>217695867</v>
      </c>
      <c r="MW12" s="341">
        <v>339384453</v>
      </c>
      <c r="MX12" s="341">
        <v>217601710</v>
      </c>
      <c r="MY12" s="345">
        <v>793678418</v>
      </c>
      <c r="MZ12" s="351">
        <v>793678418</v>
      </c>
      <c r="NA12" s="344">
        <v>0</v>
      </c>
      <c r="NB12" s="341">
        <v>0</v>
      </c>
      <c r="NC12" s="345">
        <v>0</v>
      </c>
      <c r="ND12" s="352"/>
      <c r="NE12" s="341">
        <v>23199244</v>
      </c>
      <c r="NF12" s="341">
        <v>58449707</v>
      </c>
      <c r="NG12" s="341">
        <v>86761297</v>
      </c>
      <c r="NH12" s="341">
        <v>107009344</v>
      </c>
      <c r="NI12" s="341">
        <v>63466574</v>
      </c>
      <c r="NJ12" s="345">
        <v>338886166</v>
      </c>
      <c r="NK12" s="343">
        <v>338886166</v>
      </c>
      <c r="NL12" s="344">
        <v>0</v>
      </c>
      <c r="NM12" s="341">
        <v>0</v>
      </c>
      <c r="NN12" s="345">
        <v>0</v>
      </c>
      <c r="NO12" s="352"/>
      <c r="NP12" s="341">
        <v>0</v>
      </c>
      <c r="NQ12" s="341">
        <v>0</v>
      </c>
      <c r="NR12" s="341">
        <v>61919</v>
      </c>
      <c r="NS12" s="341">
        <v>8252879</v>
      </c>
      <c r="NT12" s="341">
        <v>7697461</v>
      </c>
      <c r="NU12" s="345">
        <v>16012259</v>
      </c>
      <c r="NV12" s="347">
        <v>16012259</v>
      </c>
      <c r="NW12" s="344">
        <v>0</v>
      </c>
      <c r="NX12" s="341">
        <v>0</v>
      </c>
      <c r="NY12" s="345">
        <v>0</v>
      </c>
      <c r="NZ12" s="352"/>
      <c r="OA12" s="341">
        <v>0</v>
      </c>
      <c r="OB12" s="341">
        <v>0</v>
      </c>
      <c r="OC12" s="341">
        <v>2284001</v>
      </c>
      <c r="OD12" s="341">
        <v>27307312</v>
      </c>
      <c r="OE12" s="341">
        <v>27971843</v>
      </c>
      <c r="OF12" s="345">
        <v>57563156</v>
      </c>
      <c r="OG12" s="347">
        <v>57563156</v>
      </c>
      <c r="OH12" s="344">
        <v>28600147</v>
      </c>
      <c r="OI12" s="341">
        <v>76060721</v>
      </c>
      <c r="OJ12" s="342">
        <v>104660868</v>
      </c>
      <c r="OK12" s="348">
        <v>0</v>
      </c>
      <c r="OL12" s="341">
        <v>490172772</v>
      </c>
      <c r="OM12" s="341">
        <v>723589267</v>
      </c>
      <c r="ON12" s="341">
        <v>933789494</v>
      </c>
      <c r="OO12" s="341">
        <v>1013450914</v>
      </c>
      <c r="OP12" s="341">
        <v>652196473</v>
      </c>
      <c r="OQ12" s="345">
        <v>3813198920</v>
      </c>
      <c r="OR12" s="351">
        <v>3917859788</v>
      </c>
    </row>
    <row r="13" spans="1:408" ht="18.75" customHeight="1" x14ac:dyDescent="0.2">
      <c r="A13" s="61" t="s">
        <v>7</v>
      </c>
      <c r="B13" s="318">
        <v>14355079</v>
      </c>
      <c r="C13" s="319">
        <v>17235562</v>
      </c>
      <c r="D13" s="320">
        <v>31590641</v>
      </c>
      <c r="E13" s="321">
        <v>0</v>
      </c>
      <c r="F13" s="319">
        <v>337270503</v>
      </c>
      <c r="G13" s="319">
        <v>329680538</v>
      </c>
      <c r="H13" s="319">
        <v>273124272</v>
      </c>
      <c r="I13" s="319">
        <v>280763685</v>
      </c>
      <c r="J13" s="319">
        <v>201232830</v>
      </c>
      <c r="K13" s="321">
        <v>1422071828</v>
      </c>
      <c r="L13" s="322">
        <v>1453662469</v>
      </c>
      <c r="M13" s="318">
        <v>1966649</v>
      </c>
      <c r="N13" s="319">
        <v>2086872</v>
      </c>
      <c r="O13" s="320">
        <v>4053521</v>
      </c>
      <c r="P13" s="318">
        <v>0</v>
      </c>
      <c r="Q13" s="319">
        <v>75371354</v>
      </c>
      <c r="R13" s="319">
        <v>89074385</v>
      </c>
      <c r="S13" s="319">
        <v>88451435</v>
      </c>
      <c r="T13" s="319">
        <v>111700562</v>
      </c>
      <c r="U13" s="319">
        <v>104417048</v>
      </c>
      <c r="V13" s="320">
        <v>469014784</v>
      </c>
      <c r="W13" s="322">
        <v>473068305</v>
      </c>
      <c r="X13" s="318">
        <v>0</v>
      </c>
      <c r="Y13" s="319">
        <v>0</v>
      </c>
      <c r="Z13" s="320">
        <v>0</v>
      </c>
      <c r="AA13" s="318">
        <v>0</v>
      </c>
      <c r="AB13" s="319">
        <v>41064949</v>
      </c>
      <c r="AC13" s="319">
        <v>49749244</v>
      </c>
      <c r="AD13" s="319">
        <v>56560123</v>
      </c>
      <c r="AE13" s="319">
        <v>72987959</v>
      </c>
      <c r="AF13" s="319">
        <v>64105761</v>
      </c>
      <c r="AG13" s="320">
        <v>284468036</v>
      </c>
      <c r="AH13" s="322">
        <v>284468036</v>
      </c>
      <c r="AI13" s="318">
        <v>10872</v>
      </c>
      <c r="AJ13" s="319">
        <v>0</v>
      </c>
      <c r="AK13" s="320">
        <v>10872</v>
      </c>
      <c r="AL13" s="318">
        <v>0</v>
      </c>
      <c r="AM13" s="319">
        <v>776050</v>
      </c>
      <c r="AN13" s="319">
        <v>2410294</v>
      </c>
      <c r="AO13" s="319">
        <v>3835724</v>
      </c>
      <c r="AP13" s="319">
        <v>7878492</v>
      </c>
      <c r="AQ13" s="319">
        <v>14479894</v>
      </c>
      <c r="AR13" s="320">
        <v>29380454</v>
      </c>
      <c r="AS13" s="322">
        <v>29391326</v>
      </c>
      <c r="AT13" s="318">
        <v>185044</v>
      </c>
      <c r="AU13" s="319">
        <v>716176</v>
      </c>
      <c r="AV13" s="320">
        <v>901220</v>
      </c>
      <c r="AW13" s="318">
        <v>0</v>
      </c>
      <c r="AX13" s="319">
        <v>17303054</v>
      </c>
      <c r="AY13" s="319">
        <v>21558664</v>
      </c>
      <c r="AZ13" s="319">
        <v>14235434</v>
      </c>
      <c r="BA13" s="319">
        <v>15684230</v>
      </c>
      <c r="BB13" s="319">
        <v>15981299</v>
      </c>
      <c r="BC13" s="320">
        <v>84762681</v>
      </c>
      <c r="BD13" s="322">
        <v>85663901</v>
      </c>
      <c r="BE13" s="318">
        <v>117488</v>
      </c>
      <c r="BF13" s="319">
        <v>241464</v>
      </c>
      <c r="BG13" s="323">
        <v>358952</v>
      </c>
      <c r="BH13" s="324">
        <v>0</v>
      </c>
      <c r="BI13" s="319">
        <v>2035954</v>
      </c>
      <c r="BJ13" s="319">
        <v>2844925</v>
      </c>
      <c r="BK13" s="319">
        <v>1255758</v>
      </c>
      <c r="BL13" s="319">
        <v>1809598</v>
      </c>
      <c r="BM13" s="319">
        <v>1229182</v>
      </c>
      <c r="BN13" s="320">
        <v>9175417</v>
      </c>
      <c r="BO13" s="322">
        <v>9534369</v>
      </c>
      <c r="BP13" s="318">
        <v>1653245</v>
      </c>
      <c r="BQ13" s="319">
        <v>1129232</v>
      </c>
      <c r="BR13" s="320">
        <v>2782477</v>
      </c>
      <c r="BS13" s="318">
        <v>0</v>
      </c>
      <c r="BT13" s="319">
        <v>14191347</v>
      </c>
      <c r="BU13" s="319">
        <v>12511258</v>
      </c>
      <c r="BV13" s="319">
        <v>12564396</v>
      </c>
      <c r="BW13" s="319">
        <v>13340283</v>
      </c>
      <c r="BX13" s="319">
        <v>8620912</v>
      </c>
      <c r="BY13" s="320">
        <v>61228196</v>
      </c>
      <c r="BZ13" s="322">
        <v>64010673</v>
      </c>
      <c r="CA13" s="318">
        <v>392501</v>
      </c>
      <c r="CB13" s="319">
        <v>1712344</v>
      </c>
      <c r="CC13" s="320">
        <v>2104845</v>
      </c>
      <c r="CD13" s="318">
        <v>0</v>
      </c>
      <c r="CE13" s="319">
        <v>96887690</v>
      </c>
      <c r="CF13" s="319">
        <v>92675965</v>
      </c>
      <c r="CG13" s="319">
        <v>59184602</v>
      </c>
      <c r="CH13" s="319">
        <v>39871655</v>
      </c>
      <c r="CI13" s="319">
        <v>18271700</v>
      </c>
      <c r="CJ13" s="320">
        <v>306891612</v>
      </c>
      <c r="CK13" s="322">
        <v>308996457</v>
      </c>
      <c r="CL13" s="318">
        <v>0</v>
      </c>
      <c r="CM13" s="319">
        <v>0</v>
      </c>
      <c r="CN13" s="320">
        <v>0</v>
      </c>
      <c r="CO13" s="324">
        <v>0</v>
      </c>
      <c r="CP13" s="319">
        <v>83219960</v>
      </c>
      <c r="CQ13" s="319">
        <v>76869083</v>
      </c>
      <c r="CR13" s="319">
        <v>48880937</v>
      </c>
      <c r="CS13" s="319">
        <v>33173462</v>
      </c>
      <c r="CT13" s="319">
        <v>16051064</v>
      </c>
      <c r="CU13" s="320">
        <v>258194506</v>
      </c>
      <c r="CV13" s="322">
        <v>258194506</v>
      </c>
      <c r="CW13" s="318">
        <v>392501</v>
      </c>
      <c r="CX13" s="319">
        <v>1712344</v>
      </c>
      <c r="CY13" s="320">
        <v>2104845</v>
      </c>
      <c r="CZ13" s="318">
        <v>0</v>
      </c>
      <c r="DA13" s="319">
        <v>13667730</v>
      </c>
      <c r="DB13" s="319">
        <v>15806882</v>
      </c>
      <c r="DC13" s="319">
        <v>10303665</v>
      </c>
      <c r="DD13" s="319">
        <v>6698193</v>
      </c>
      <c r="DE13" s="319">
        <v>2220636</v>
      </c>
      <c r="DF13" s="320">
        <v>48697106</v>
      </c>
      <c r="DG13" s="322">
        <v>50801951</v>
      </c>
      <c r="DH13" s="318">
        <v>32605</v>
      </c>
      <c r="DI13" s="319">
        <v>53380</v>
      </c>
      <c r="DJ13" s="323">
        <v>85985</v>
      </c>
      <c r="DK13" s="324">
        <v>0</v>
      </c>
      <c r="DL13" s="319">
        <v>11629175</v>
      </c>
      <c r="DM13" s="319">
        <v>21335091</v>
      </c>
      <c r="DN13" s="319">
        <v>25589211</v>
      </c>
      <c r="DO13" s="319">
        <v>22013834</v>
      </c>
      <c r="DP13" s="319">
        <v>16413176</v>
      </c>
      <c r="DQ13" s="320">
        <v>96980487</v>
      </c>
      <c r="DR13" s="322">
        <v>97066472</v>
      </c>
      <c r="DS13" s="318">
        <v>32605</v>
      </c>
      <c r="DT13" s="319">
        <v>53380</v>
      </c>
      <c r="DU13" s="320">
        <v>85985</v>
      </c>
      <c r="DV13" s="318">
        <v>0</v>
      </c>
      <c r="DW13" s="319">
        <v>11237871</v>
      </c>
      <c r="DX13" s="319">
        <v>19717539</v>
      </c>
      <c r="DY13" s="319">
        <v>23864221</v>
      </c>
      <c r="DZ13" s="319">
        <v>20617651</v>
      </c>
      <c r="EA13" s="319">
        <v>14995693</v>
      </c>
      <c r="EB13" s="320">
        <v>90432975</v>
      </c>
      <c r="EC13" s="322">
        <v>90518960</v>
      </c>
      <c r="ED13" s="318">
        <v>0</v>
      </c>
      <c r="EE13" s="323">
        <v>0</v>
      </c>
      <c r="EF13" s="320">
        <v>0</v>
      </c>
      <c r="EG13" s="318">
        <v>0</v>
      </c>
      <c r="EH13" s="319">
        <v>391304</v>
      </c>
      <c r="EI13" s="319">
        <v>1617552</v>
      </c>
      <c r="EJ13" s="319">
        <v>1724990</v>
      </c>
      <c r="EK13" s="319">
        <v>1396183</v>
      </c>
      <c r="EL13" s="319">
        <v>1417483</v>
      </c>
      <c r="EM13" s="323">
        <v>6547512</v>
      </c>
      <c r="EN13" s="322">
        <v>6547512</v>
      </c>
      <c r="EO13" s="318">
        <v>0</v>
      </c>
      <c r="EP13" s="319">
        <v>0</v>
      </c>
      <c r="EQ13" s="323">
        <v>0</v>
      </c>
      <c r="ER13" s="324">
        <v>0</v>
      </c>
      <c r="ES13" s="319">
        <v>0</v>
      </c>
      <c r="ET13" s="319">
        <v>0</v>
      </c>
      <c r="EU13" s="319">
        <v>0</v>
      </c>
      <c r="EV13" s="319">
        <v>0</v>
      </c>
      <c r="EW13" s="319">
        <v>0</v>
      </c>
      <c r="EX13" s="320">
        <v>0</v>
      </c>
      <c r="EY13" s="322">
        <v>0</v>
      </c>
      <c r="EZ13" s="318">
        <v>0</v>
      </c>
      <c r="FA13" s="319">
        <v>0</v>
      </c>
      <c r="FB13" s="323">
        <v>0</v>
      </c>
      <c r="FC13" s="346"/>
      <c r="FD13" s="319">
        <v>0</v>
      </c>
      <c r="FE13" s="319">
        <v>0</v>
      </c>
      <c r="FF13" s="319">
        <v>0</v>
      </c>
      <c r="FG13" s="319">
        <v>0</v>
      </c>
      <c r="FH13" s="319">
        <v>0</v>
      </c>
      <c r="FI13" s="320">
        <v>0</v>
      </c>
      <c r="FJ13" s="322">
        <v>0</v>
      </c>
      <c r="FK13" s="318">
        <v>4322478</v>
      </c>
      <c r="FL13" s="319">
        <v>5295931</v>
      </c>
      <c r="FM13" s="320">
        <v>9618409</v>
      </c>
      <c r="FN13" s="318">
        <v>0</v>
      </c>
      <c r="FO13" s="319">
        <v>13698150</v>
      </c>
      <c r="FP13" s="319">
        <v>30630691</v>
      </c>
      <c r="FQ13" s="319">
        <v>20159959</v>
      </c>
      <c r="FR13" s="319">
        <v>19520018</v>
      </c>
      <c r="FS13" s="319">
        <v>13510636</v>
      </c>
      <c r="FT13" s="320">
        <v>97519454</v>
      </c>
      <c r="FU13" s="322">
        <v>107137863</v>
      </c>
      <c r="FV13" s="326">
        <v>1164556</v>
      </c>
      <c r="FW13" s="319">
        <v>2719052</v>
      </c>
      <c r="FX13" s="323">
        <v>3883608</v>
      </c>
      <c r="FY13" s="324">
        <v>0</v>
      </c>
      <c r="FZ13" s="319">
        <v>10229739</v>
      </c>
      <c r="GA13" s="319">
        <v>28604107</v>
      </c>
      <c r="GB13" s="319">
        <v>18875434</v>
      </c>
      <c r="GC13" s="319">
        <v>18172912</v>
      </c>
      <c r="GD13" s="319">
        <v>13202718</v>
      </c>
      <c r="GE13" s="320">
        <v>89084910</v>
      </c>
      <c r="GF13" s="327">
        <v>92968518</v>
      </c>
      <c r="GG13" s="326">
        <v>312161</v>
      </c>
      <c r="GH13" s="319">
        <v>220194</v>
      </c>
      <c r="GI13" s="323">
        <v>532355</v>
      </c>
      <c r="GJ13" s="324">
        <v>0</v>
      </c>
      <c r="GK13" s="319">
        <v>749026</v>
      </c>
      <c r="GL13" s="319">
        <v>790344</v>
      </c>
      <c r="GM13" s="319">
        <v>553176</v>
      </c>
      <c r="GN13" s="319">
        <v>440806</v>
      </c>
      <c r="GO13" s="319">
        <v>108028</v>
      </c>
      <c r="GP13" s="320">
        <v>2641380</v>
      </c>
      <c r="GQ13" s="322">
        <v>3173735</v>
      </c>
      <c r="GR13" s="318">
        <v>2845761</v>
      </c>
      <c r="GS13" s="319">
        <v>2356685</v>
      </c>
      <c r="GT13" s="320">
        <v>5202446</v>
      </c>
      <c r="GU13" s="318">
        <v>0</v>
      </c>
      <c r="GV13" s="319">
        <v>2719385</v>
      </c>
      <c r="GW13" s="319">
        <v>1236240</v>
      </c>
      <c r="GX13" s="319">
        <v>731349</v>
      </c>
      <c r="GY13" s="319">
        <v>906300</v>
      </c>
      <c r="GZ13" s="319">
        <v>199890</v>
      </c>
      <c r="HA13" s="323">
        <v>5793164</v>
      </c>
      <c r="HB13" s="322">
        <v>10995610</v>
      </c>
      <c r="HC13" s="318">
        <v>6017336</v>
      </c>
      <c r="HD13" s="319">
        <v>4823013</v>
      </c>
      <c r="HE13" s="323">
        <v>10840349</v>
      </c>
      <c r="HF13" s="324">
        <v>0</v>
      </c>
      <c r="HG13" s="319">
        <v>75916169</v>
      </c>
      <c r="HH13" s="319">
        <v>49804962</v>
      </c>
      <c r="HI13" s="319">
        <v>50595720</v>
      </c>
      <c r="HJ13" s="319">
        <v>67059143</v>
      </c>
      <c r="HK13" s="319">
        <v>36368150</v>
      </c>
      <c r="HL13" s="320">
        <v>279744144</v>
      </c>
      <c r="HM13" s="321">
        <v>290584493</v>
      </c>
      <c r="HN13" s="326">
        <v>1623510</v>
      </c>
      <c r="HO13" s="319">
        <v>3264022</v>
      </c>
      <c r="HP13" s="320">
        <v>4887532</v>
      </c>
      <c r="HQ13" s="318">
        <v>0</v>
      </c>
      <c r="HR13" s="319">
        <v>63767965</v>
      </c>
      <c r="HS13" s="319">
        <v>46159444</v>
      </c>
      <c r="HT13" s="319">
        <v>29143345</v>
      </c>
      <c r="HU13" s="319">
        <v>20598473</v>
      </c>
      <c r="HV13" s="319">
        <v>12252120</v>
      </c>
      <c r="HW13" s="323">
        <v>171921347</v>
      </c>
      <c r="HX13" s="322">
        <v>176808879</v>
      </c>
      <c r="HY13" s="328">
        <v>360694</v>
      </c>
      <c r="HZ13" s="329">
        <v>1325985</v>
      </c>
      <c r="IA13" s="330">
        <v>1686679</v>
      </c>
      <c r="IB13" s="353">
        <v>0</v>
      </c>
      <c r="IC13" s="329">
        <v>92826773</v>
      </c>
      <c r="ID13" s="354">
        <v>94804235</v>
      </c>
      <c r="IE13" s="330">
        <v>104949401</v>
      </c>
      <c r="IF13" s="329">
        <v>62378261</v>
      </c>
      <c r="IG13" s="330">
        <v>42671085</v>
      </c>
      <c r="IH13" s="355">
        <v>397629755</v>
      </c>
      <c r="II13" s="336">
        <v>399316434</v>
      </c>
      <c r="IJ13" s="337">
        <v>0</v>
      </c>
      <c r="IK13" s="338">
        <v>0</v>
      </c>
      <c r="IL13" s="339">
        <v>0</v>
      </c>
      <c r="IM13" s="346"/>
      <c r="IN13" s="341">
        <v>435880</v>
      </c>
      <c r="IO13" s="341">
        <v>1086819</v>
      </c>
      <c r="IP13" s="341">
        <v>1029132</v>
      </c>
      <c r="IQ13" s="341">
        <v>1617624</v>
      </c>
      <c r="IR13" s="341">
        <v>2054168</v>
      </c>
      <c r="IS13" s="342">
        <v>6223623</v>
      </c>
      <c r="IT13" s="343">
        <v>6223623</v>
      </c>
      <c r="IU13" s="344">
        <v>0</v>
      </c>
      <c r="IV13" s="341">
        <v>0</v>
      </c>
      <c r="IW13" s="345">
        <v>0</v>
      </c>
      <c r="IX13" s="346"/>
      <c r="IY13" s="341">
        <v>0</v>
      </c>
      <c r="IZ13" s="341">
        <v>0</v>
      </c>
      <c r="JA13" s="341">
        <v>0</v>
      </c>
      <c r="JB13" s="341">
        <v>0</v>
      </c>
      <c r="JC13" s="341">
        <v>0</v>
      </c>
      <c r="JD13" s="345">
        <v>0</v>
      </c>
      <c r="JE13" s="347">
        <v>0</v>
      </c>
      <c r="JF13" s="344">
        <v>0</v>
      </c>
      <c r="JG13" s="341">
        <v>0</v>
      </c>
      <c r="JH13" s="342">
        <v>0</v>
      </c>
      <c r="JI13" s="348">
        <v>0</v>
      </c>
      <c r="JJ13" s="341">
        <v>47180989</v>
      </c>
      <c r="JK13" s="341">
        <v>40313030</v>
      </c>
      <c r="JL13" s="341">
        <v>26509657</v>
      </c>
      <c r="JM13" s="341">
        <v>13795073</v>
      </c>
      <c r="JN13" s="341">
        <v>6196699</v>
      </c>
      <c r="JO13" s="345">
        <v>133995448</v>
      </c>
      <c r="JP13" s="343">
        <v>133995448</v>
      </c>
      <c r="JQ13" s="344">
        <v>0</v>
      </c>
      <c r="JR13" s="341">
        <v>0</v>
      </c>
      <c r="JS13" s="342">
        <v>0</v>
      </c>
      <c r="JT13" s="348">
        <v>0</v>
      </c>
      <c r="JU13" s="341">
        <v>8208935</v>
      </c>
      <c r="JV13" s="341">
        <v>9831559</v>
      </c>
      <c r="JW13" s="341">
        <v>14051704</v>
      </c>
      <c r="JX13" s="341">
        <v>5374565</v>
      </c>
      <c r="JY13" s="341">
        <v>3014083</v>
      </c>
      <c r="JZ13" s="345">
        <v>40480846</v>
      </c>
      <c r="KA13" s="343">
        <v>40480846</v>
      </c>
      <c r="KB13" s="349">
        <v>360694</v>
      </c>
      <c r="KC13" s="350">
        <v>1083355</v>
      </c>
      <c r="KD13" s="345">
        <v>1444049</v>
      </c>
      <c r="KE13" s="348">
        <v>0</v>
      </c>
      <c r="KF13" s="341">
        <v>7455667</v>
      </c>
      <c r="KG13" s="341">
        <v>8125284</v>
      </c>
      <c r="KH13" s="341">
        <v>6880999</v>
      </c>
      <c r="KI13" s="341">
        <v>4026636</v>
      </c>
      <c r="KJ13" s="341">
        <v>2534606</v>
      </c>
      <c r="KK13" s="345">
        <v>29023192</v>
      </c>
      <c r="KL13" s="351">
        <v>30467241</v>
      </c>
      <c r="KM13" s="337">
        <v>0</v>
      </c>
      <c r="KN13" s="338">
        <v>242630</v>
      </c>
      <c r="KO13" s="339">
        <v>242630</v>
      </c>
      <c r="KP13" s="352"/>
      <c r="KQ13" s="341">
        <v>28504165</v>
      </c>
      <c r="KR13" s="341">
        <v>33565461</v>
      </c>
      <c r="KS13" s="341">
        <v>53889674</v>
      </c>
      <c r="KT13" s="341">
        <v>34715458</v>
      </c>
      <c r="KU13" s="341">
        <v>22859601</v>
      </c>
      <c r="KV13" s="345">
        <v>173534359</v>
      </c>
      <c r="KW13" s="343">
        <v>173776989</v>
      </c>
      <c r="KX13" s="344">
        <v>0</v>
      </c>
      <c r="KY13" s="341">
        <v>0</v>
      </c>
      <c r="KZ13" s="345">
        <v>0</v>
      </c>
      <c r="LA13" s="352"/>
      <c r="LB13" s="341">
        <v>0</v>
      </c>
      <c r="LC13" s="341">
        <v>0</v>
      </c>
      <c r="LD13" s="341">
        <v>0</v>
      </c>
      <c r="LE13" s="341">
        <v>0</v>
      </c>
      <c r="LF13" s="341">
        <v>0</v>
      </c>
      <c r="LG13" s="345">
        <v>0</v>
      </c>
      <c r="LH13" s="347">
        <v>0</v>
      </c>
      <c r="LI13" s="344">
        <v>0</v>
      </c>
      <c r="LJ13" s="341">
        <v>0</v>
      </c>
      <c r="LK13" s="345">
        <v>0</v>
      </c>
      <c r="LL13" s="352"/>
      <c r="LM13" s="341">
        <v>0</v>
      </c>
      <c r="LN13" s="341">
        <v>0</v>
      </c>
      <c r="LO13" s="341">
        <v>0</v>
      </c>
      <c r="LP13" s="341">
        <v>0</v>
      </c>
      <c r="LQ13" s="341">
        <v>0</v>
      </c>
      <c r="LR13" s="345">
        <v>0</v>
      </c>
      <c r="LS13" s="343">
        <v>0</v>
      </c>
      <c r="LT13" s="344">
        <v>0</v>
      </c>
      <c r="LU13" s="341">
        <v>0</v>
      </c>
      <c r="LV13" s="345">
        <v>0</v>
      </c>
      <c r="LW13" s="352"/>
      <c r="LX13" s="341">
        <v>1041137</v>
      </c>
      <c r="LY13" s="341">
        <v>1882082</v>
      </c>
      <c r="LZ13" s="341">
        <v>2588235</v>
      </c>
      <c r="MA13" s="341">
        <v>2848905</v>
      </c>
      <c r="MB13" s="341">
        <v>6011928</v>
      </c>
      <c r="MC13" s="345">
        <v>14372287</v>
      </c>
      <c r="MD13" s="347">
        <v>14372287</v>
      </c>
      <c r="ME13" s="344">
        <v>0</v>
      </c>
      <c r="MF13" s="341">
        <v>0</v>
      </c>
      <c r="MG13" s="345">
        <v>0</v>
      </c>
      <c r="MH13" s="352"/>
      <c r="MI13" s="341">
        <v>45341289</v>
      </c>
      <c r="MJ13" s="341">
        <v>74629351</v>
      </c>
      <c r="MK13" s="341">
        <v>206460994</v>
      </c>
      <c r="ML13" s="341">
        <v>330664169</v>
      </c>
      <c r="MM13" s="341">
        <v>203144612</v>
      </c>
      <c r="MN13" s="345">
        <v>860240415</v>
      </c>
      <c r="MO13" s="351">
        <v>860240415</v>
      </c>
      <c r="MP13" s="344">
        <v>0</v>
      </c>
      <c r="MQ13" s="341">
        <v>0</v>
      </c>
      <c r="MR13" s="345">
        <v>0</v>
      </c>
      <c r="MS13" s="352"/>
      <c r="MT13" s="341">
        <v>3987689</v>
      </c>
      <c r="MU13" s="341">
        <v>11718282</v>
      </c>
      <c r="MV13" s="341">
        <v>132313629</v>
      </c>
      <c r="MW13" s="341">
        <v>244889091</v>
      </c>
      <c r="MX13" s="341">
        <v>161120304</v>
      </c>
      <c r="MY13" s="345">
        <v>554028995</v>
      </c>
      <c r="MZ13" s="351">
        <v>554028995</v>
      </c>
      <c r="NA13" s="344">
        <v>0</v>
      </c>
      <c r="NB13" s="341">
        <v>0</v>
      </c>
      <c r="NC13" s="345">
        <v>0</v>
      </c>
      <c r="ND13" s="352"/>
      <c r="NE13" s="341">
        <v>41353600</v>
      </c>
      <c r="NF13" s="341">
        <v>62911069</v>
      </c>
      <c r="NG13" s="341">
        <v>73091545</v>
      </c>
      <c r="NH13" s="341">
        <v>84395170</v>
      </c>
      <c r="NI13" s="341">
        <v>38648043</v>
      </c>
      <c r="NJ13" s="345">
        <v>300399427</v>
      </c>
      <c r="NK13" s="343">
        <v>300399427</v>
      </c>
      <c r="NL13" s="344">
        <v>0</v>
      </c>
      <c r="NM13" s="341">
        <v>0</v>
      </c>
      <c r="NN13" s="345">
        <v>0</v>
      </c>
      <c r="NO13" s="352"/>
      <c r="NP13" s="341">
        <v>0</v>
      </c>
      <c r="NQ13" s="341">
        <v>0</v>
      </c>
      <c r="NR13" s="341">
        <v>0</v>
      </c>
      <c r="NS13" s="341">
        <v>1001215</v>
      </c>
      <c r="NT13" s="341">
        <v>1733103</v>
      </c>
      <c r="NU13" s="345">
        <v>2734318</v>
      </c>
      <c r="NV13" s="347">
        <v>2734318</v>
      </c>
      <c r="NW13" s="344">
        <v>0</v>
      </c>
      <c r="NX13" s="341">
        <v>0</v>
      </c>
      <c r="NY13" s="345">
        <v>0</v>
      </c>
      <c r="NZ13" s="352"/>
      <c r="OA13" s="341">
        <v>0</v>
      </c>
      <c r="OB13" s="341">
        <v>0</v>
      </c>
      <c r="OC13" s="341">
        <v>1055820</v>
      </c>
      <c r="OD13" s="341">
        <v>378693</v>
      </c>
      <c r="OE13" s="341">
        <v>1643162</v>
      </c>
      <c r="OF13" s="345">
        <v>3077675</v>
      </c>
      <c r="OG13" s="347">
        <v>3077675</v>
      </c>
      <c r="OH13" s="344">
        <v>14715773</v>
      </c>
      <c r="OI13" s="341">
        <v>18561547</v>
      </c>
      <c r="OJ13" s="342">
        <v>33277320</v>
      </c>
      <c r="OK13" s="348">
        <v>0</v>
      </c>
      <c r="OL13" s="341">
        <v>475438565</v>
      </c>
      <c r="OM13" s="341">
        <v>499114124</v>
      </c>
      <c r="ON13" s="341">
        <v>584534667</v>
      </c>
      <c r="OO13" s="341">
        <v>673806115</v>
      </c>
      <c r="OP13" s="341">
        <v>447048527</v>
      </c>
      <c r="OQ13" s="345">
        <v>2679941998</v>
      </c>
      <c r="OR13" s="351">
        <v>2713219318</v>
      </c>
    </row>
    <row r="14" spans="1:408" ht="18.75" customHeight="1" x14ac:dyDescent="0.2">
      <c r="A14" s="61" t="s">
        <v>8</v>
      </c>
      <c r="B14" s="318">
        <v>12643612</v>
      </c>
      <c r="C14" s="319">
        <v>15958998</v>
      </c>
      <c r="D14" s="320">
        <v>28602610</v>
      </c>
      <c r="E14" s="321">
        <v>0</v>
      </c>
      <c r="F14" s="319">
        <v>141690021</v>
      </c>
      <c r="G14" s="319">
        <v>189989481</v>
      </c>
      <c r="H14" s="319">
        <v>177763566</v>
      </c>
      <c r="I14" s="319">
        <v>157144348</v>
      </c>
      <c r="J14" s="319">
        <v>128933439</v>
      </c>
      <c r="K14" s="321">
        <v>795520855</v>
      </c>
      <c r="L14" s="322">
        <v>824123465</v>
      </c>
      <c r="M14" s="318">
        <v>2082832</v>
      </c>
      <c r="N14" s="319">
        <v>3221602</v>
      </c>
      <c r="O14" s="320">
        <v>5304434</v>
      </c>
      <c r="P14" s="318">
        <v>0</v>
      </c>
      <c r="Q14" s="319">
        <v>36197490</v>
      </c>
      <c r="R14" s="319">
        <v>56787165</v>
      </c>
      <c r="S14" s="319">
        <v>56805805</v>
      </c>
      <c r="T14" s="319">
        <v>57419894</v>
      </c>
      <c r="U14" s="319">
        <v>65314102</v>
      </c>
      <c r="V14" s="320">
        <v>272524456</v>
      </c>
      <c r="W14" s="322">
        <v>277828890</v>
      </c>
      <c r="X14" s="318">
        <v>0</v>
      </c>
      <c r="Y14" s="319">
        <v>0</v>
      </c>
      <c r="Z14" s="320">
        <v>0</v>
      </c>
      <c r="AA14" s="318">
        <v>0</v>
      </c>
      <c r="AB14" s="319">
        <v>19637186</v>
      </c>
      <c r="AC14" s="319">
        <v>31279465</v>
      </c>
      <c r="AD14" s="319">
        <v>36124507</v>
      </c>
      <c r="AE14" s="319">
        <v>35643185</v>
      </c>
      <c r="AF14" s="319">
        <v>41294568</v>
      </c>
      <c r="AG14" s="320">
        <v>163978911</v>
      </c>
      <c r="AH14" s="322">
        <v>163978911</v>
      </c>
      <c r="AI14" s="318">
        <v>0</v>
      </c>
      <c r="AJ14" s="319">
        <v>17631</v>
      </c>
      <c r="AK14" s="320">
        <v>17631</v>
      </c>
      <c r="AL14" s="318">
        <v>0</v>
      </c>
      <c r="AM14" s="319">
        <v>302305</v>
      </c>
      <c r="AN14" s="319">
        <v>1047919</v>
      </c>
      <c r="AO14" s="319">
        <v>1451622</v>
      </c>
      <c r="AP14" s="319">
        <v>3640652</v>
      </c>
      <c r="AQ14" s="319">
        <v>6861495</v>
      </c>
      <c r="AR14" s="320">
        <v>13303993</v>
      </c>
      <c r="AS14" s="322">
        <v>13321624</v>
      </c>
      <c r="AT14" s="318">
        <v>1053275</v>
      </c>
      <c r="AU14" s="319">
        <v>2151495</v>
      </c>
      <c r="AV14" s="320">
        <v>3204770</v>
      </c>
      <c r="AW14" s="318">
        <v>0</v>
      </c>
      <c r="AX14" s="319">
        <v>8984463</v>
      </c>
      <c r="AY14" s="319">
        <v>14369975</v>
      </c>
      <c r="AZ14" s="319">
        <v>10066133</v>
      </c>
      <c r="BA14" s="319">
        <v>10326055</v>
      </c>
      <c r="BB14" s="319">
        <v>11291717</v>
      </c>
      <c r="BC14" s="320">
        <v>55038343</v>
      </c>
      <c r="BD14" s="322">
        <v>58243113</v>
      </c>
      <c r="BE14" s="318">
        <v>121287</v>
      </c>
      <c r="BF14" s="319">
        <v>560958</v>
      </c>
      <c r="BG14" s="323">
        <v>682245</v>
      </c>
      <c r="BH14" s="324">
        <v>0</v>
      </c>
      <c r="BI14" s="319">
        <v>1654837</v>
      </c>
      <c r="BJ14" s="319">
        <v>3403488</v>
      </c>
      <c r="BK14" s="319">
        <v>2673115</v>
      </c>
      <c r="BL14" s="319">
        <v>1300742</v>
      </c>
      <c r="BM14" s="319">
        <v>934899</v>
      </c>
      <c r="BN14" s="320">
        <v>9967081</v>
      </c>
      <c r="BO14" s="322">
        <v>10649326</v>
      </c>
      <c r="BP14" s="318">
        <v>908270</v>
      </c>
      <c r="BQ14" s="319">
        <v>491518</v>
      </c>
      <c r="BR14" s="320">
        <v>1399788</v>
      </c>
      <c r="BS14" s="318">
        <v>0</v>
      </c>
      <c r="BT14" s="319">
        <v>5618699</v>
      </c>
      <c r="BU14" s="319">
        <v>6686318</v>
      </c>
      <c r="BV14" s="319">
        <v>6490428</v>
      </c>
      <c r="BW14" s="319">
        <v>6509260</v>
      </c>
      <c r="BX14" s="319">
        <v>4931423</v>
      </c>
      <c r="BY14" s="320">
        <v>30236128</v>
      </c>
      <c r="BZ14" s="322">
        <v>31635916</v>
      </c>
      <c r="CA14" s="318">
        <v>1320169</v>
      </c>
      <c r="CB14" s="319">
        <v>2750577</v>
      </c>
      <c r="CC14" s="320">
        <v>4070746</v>
      </c>
      <c r="CD14" s="318">
        <v>0</v>
      </c>
      <c r="CE14" s="319">
        <v>43033773</v>
      </c>
      <c r="CF14" s="319">
        <v>57580021</v>
      </c>
      <c r="CG14" s="319">
        <v>45150494</v>
      </c>
      <c r="CH14" s="319">
        <v>29764108</v>
      </c>
      <c r="CI14" s="319">
        <v>19857452</v>
      </c>
      <c r="CJ14" s="320">
        <v>195385848</v>
      </c>
      <c r="CK14" s="322">
        <v>199456594</v>
      </c>
      <c r="CL14" s="318">
        <v>0</v>
      </c>
      <c r="CM14" s="319">
        <v>0</v>
      </c>
      <c r="CN14" s="320">
        <v>0</v>
      </c>
      <c r="CO14" s="324">
        <v>0</v>
      </c>
      <c r="CP14" s="319">
        <v>36911598</v>
      </c>
      <c r="CQ14" s="319">
        <v>46591599</v>
      </c>
      <c r="CR14" s="319">
        <v>37704216</v>
      </c>
      <c r="CS14" s="319">
        <v>23609247</v>
      </c>
      <c r="CT14" s="319">
        <v>18274171</v>
      </c>
      <c r="CU14" s="320">
        <v>163090831</v>
      </c>
      <c r="CV14" s="322">
        <v>163090831</v>
      </c>
      <c r="CW14" s="318">
        <v>1320169</v>
      </c>
      <c r="CX14" s="319">
        <v>2750577</v>
      </c>
      <c r="CY14" s="320">
        <v>4070746</v>
      </c>
      <c r="CZ14" s="318">
        <v>0</v>
      </c>
      <c r="DA14" s="319">
        <v>6122175</v>
      </c>
      <c r="DB14" s="319">
        <v>10988422</v>
      </c>
      <c r="DC14" s="319">
        <v>7446278</v>
      </c>
      <c r="DD14" s="319">
        <v>6154861</v>
      </c>
      <c r="DE14" s="319">
        <v>1583281</v>
      </c>
      <c r="DF14" s="320">
        <v>32295017</v>
      </c>
      <c r="DG14" s="322">
        <v>36365763</v>
      </c>
      <c r="DH14" s="318">
        <v>32812</v>
      </c>
      <c r="DI14" s="319">
        <v>330866</v>
      </c>
      <c r="DJ14" s="323">
        <v>363678</v>
      </c>
      <c r="DK14" s="324">
        <v>0</v>
      </c>
      <c r="DL14" s="319">
        <v>4142695</v>
      </c>
      <c r="DM14" s="319">
        <v>9754120</v>
      </c>
      <c r="DN14" s="319">
        <v>22542229</v>
      </c>
      <c r="DO14" s="319">
        <v>16922889</v>
      </c>
      <c r="DP14" s="319">
        <v>8336506</v>
      </c>
      <c r="DQ14" s="320">
        <v>61698439</v>
      </c>
      <c r="DR14" s="322">
        <v>62062117</v>
      </c>
      <c r="DS14" s="318">
        <v>32812</v>
      </c>
      <c r="DT14" s="319">
        <v>330866</v>
      </c>
      <c r="DU14" s="320">
        <v>363678</v>
      </c>
      <c r="DV14" s="318">
        <v>0</v>
      </c>
      <c r="DW14" s="319">
        <v>4097119</v>
      </c>
      <c r="DX14" s="319">
        <v>8884722</v>
      </c>
      <c r="DY14" s="319">
        <v>21540418</v>
      </c>
      <c r="DZ14" s="319">
        <v>16922889</v>
      </c>
      <c r="EA14" s="319">
        <v>8265947</v>
      </c>
      <c r="EB14" s="320">
        <v>59711095</v>
      </c>
      <c r="EC14" s="322">
        <v>60074773</v>
      </c>
      <c r="ED14" s="318">
        <v>0</v>
      </c>
      <c r="EE14" s="323">
        <v>0</v>
      </c>
      <c r="EF14" s="320">
        <v>0</v>
      </c>
      <c r="EG14" s="318">
        <v>0</v>
      </c>
      <c r="EH14" s="319">
        <v>45576</v>
      </c>
      <c r="EI14" s="319">
        <v>869398</v>
      </c>
      <c r="EJ14" s="319">
        <v>1001811</v>
      </c>
      <c r="EK14" s="319">
        <v>0</v>
      </c>
      <c r="EL14" s="319">
        <v>70559</v>
      </c>
      <c r="EM14" s="323">
        <v>1987344</v>
      </c>
      <c r="EN14" s="322">
        <v>1987344</v>
      </c>
      <c r="EO14" s="318">
        <v>0</v>
      </c>
      <c r="EP14" s="319">
        <v>0</v>
      </c>
      <c r="EQ14" s="323">
        <v>0</v>
      </c>
      <c r="ER14" s="324">
        <v>0</v>
      </c>
      <c r="ES14" s="319">
        <v>0</v>
      </c>
      <c r="ET14" s="319">
        <v>0</v>
      </c>
      <c r="EU14" s="319">
        <v>0</v>
      </c>
      <c r="EV14" s="319">
        <v>0</v>
      </c>
      <c r="EW14" s="319">
        <v>0</v>
      </c>
      <c r="EX14" s="320">
        <v>0</v>
      </c>
      <c r="EY14" s="322">
        <v>0</v>
      </c>
      <c r="EZ14" s="318">
        <v>0</v>
      </c>
      <c r="FA14" s="319">
        <v>0</v>
      </c>
      <c r="FB14" s="323">
        <v>0</v>
      </c>
      <c r="FC14" s="346"/>
      <c r="FD14" s="319">
        <v>0</v>
      </c>
      <c r="FE14" s="319">
        <v>0</v>
      </c>
      <c r="FF14" s="319">
        <v>0</v>
      </c>
      <c r="FG14" s="319">
        <v>0</v>
      </c>
      <c r="FH14" s="319">
        <v>0</v>
      </c>
      <c r="FI14" s="320">
        <v>0</v>
      </c>
      <c r="FJ14" s="322">
        <v>0</v>
      </c>
      <c r="FK14" s="318">
        <v>3615800</v>
      </c>
      <c r="FL14" s="319">
        <v>4626429</v>
      </c>
      <c r="FM14" s="320">
        <v>8242229</v>
      </c>
      <c r="FN14" s="318">
        <v>0</v>
      </c>
      <c r="FO14" s="319">
        <v>8121496</v>
      </c>
      <c r="FP14" s="319">
        <v>19580091</v>
      </c>
      <c r="FQ14" s="319">
        <v>13873619</v>
      </c>
      <c r="FR14" s="319">
        <v>12063407</v>
      </c>
      <c r="FS14" s="319">
        <v>9457642</v>
      </c>
      <c r="FT14" s="320">
        <v>63096255</v>
      </c>
      <c r="FU14" s="322">
        <v>71338484</v>
      </c>
      <c r="FV14" s="326">
        <v>1917860</v>
      </c>
      <c r="FW14" s="319">
        <v>3392854</v>
      </c>
      <c r="FX14" s="323">
        <v>5310714</v>
      </c>
      <c r="FY14" s="324">
        <v>0</v>
      </c>
      <c r="FZ14" s="319">
        <v>6185791</v>
      </c>
      <c r="GA14" s="319">
        <v>18134717</v>
      </c>
      <c r="GB14" s="319">
        <v>13326946</v>
      </c>
      <c r="GC14" s="319">
        <v>10930773</v>
      </c>
      <c r="GD14" s="319">
        <v>9279645</v>
      </c>
      <c r="GE14" s="320">
        <v>57857872</v>
      </c>
      <c r="GF14" s="327">
        <v>63168586</v>
      </c>
      <c r="GG14" s="326">
        <v>225764</v>
      </c>
      <c r="GH14" s="319">
        <v>223524</v>
      </c>
      <c r="GI14" s="323">
        <v>449288</v>
      </c>
      <c r="GJ14" s="324">
        <v>0</v>
      </c>
      <c r="GK14" s="319">
        <v>543318</v>
      </c>
      <c r="GL14" s="319">
        <v>375273</v>
      </c>
      <c r="GM14" s="319">
        <v>419953</v>
      </c>
      <c r="GN14" s="319">
        <v>294401</v>
      </c>
      <c r="GO14" s="319">
        <v>166396</v>
      </c>
      <c r="GP14" s="320">
        <v>1799341</v>
      </c>
      <c r="GQ14" s="322">
        <v>2248629</v>
      </c>
      <c r="GR14" s="318">
        <v>1472176</v>
      </c>
      <c r="GS14" s="319">
        <v>1010051</v>
      </c>
      <c r="GT14" s="320">
        <v>2482227</v>
      </c>
      <c r="GU14" s="318">
        <v>0</v>
      </c>
      <c r="GV14" s="319">
        <v>1392387</v>
      </c>
      <c r="GW14" s="319">
        <v>1070101</v>
      </c>
      <c r="GX14" s="319">
        <v>126720</v>
      </c>
      <c r="GY14" s="319">
        <v>838233</v>
      </c>
      <c r="GZ14" s="319">
        <v>11601</v>
      </c>
      <c r="HA14" s="323">
        <v>3439042</v>
      </c>
      <c r="HB14" s="322">
        <v>5921269</v>
      </c>
      <c r="HC14" s="318">
        <v>3389621</v>
      </c>
      <c r="HD14" s="319">
        <v>2035053</v>
      </c>
      <c r="HE14" s="323">
        <v>5424674</v>
      </c>
      <c r="HF14" s="324">
        <v>0</v>
      </c>
      <c r="HG14" s="319">
        <v>24533916</v>
      </c>
      <c r="HH14" s="319">
        <v>18695101</v>
      </c>
      <c r="HI14" s="319">
        <v>20810257</v>
      </c>
      <c r="HJ14" s="319">
        <v>29583896</v>
      </c>
      <c r="HK14" s="319">
        <v>18137175</v>
      </c>
      <c r="HL14" s="320">
        <v>111760345</v>
      </c>
      <c r="HM14" s="321">
        <v>117185019</v>
      </c>
      <c r="HN14" s="326">
        <v>2202378</v>
      </c>
      <c r="HO14" s="319">
        <v>2994471</v>
      </c>
      <c r="HP14" s="320">
        <v>5196849</v>
      </c>
      <c r="HQ14" s="318">
        <v>0</v>
      </c>
      <c r="HR14" s="319">
        <v>25660651</v>
      </c>
      <c r="HS14" s="319">
        <v>27592983</v>
      </c>
      <c r="HT14" s="319">
        <v>18581162</v>
      </c>
      <c r="HU14" s="319">
        <v>11390154</v>
      </c>
      <c r="HV14" s="319">
        <v>7830562</v>
      </c>
      <c r="HW14" s="323">
        <v>91055512</v>
      </c>
      <c r="HX14" s="322">
        <v>96252361</v>
      </c>
      <c r="HY14" s="328">
        <v>463192</v>
      </c>
      <c r="HZ14" s="329">
        <v>713535</v>
      </c>
      <c r="IA14" s="330">
        <v>1176727</v>
      </c>
      <c r="IB14" s="331">
        <v>0</v>
      </c>
      <c r="IC14" s="332">
        <v>60079316</v>
      </c>
      <c r="ID14" s="333">
        <v>73362904</v>
      </c>
      <c r="IE14" s="334">
        <v>73819192</v>
      </c>
      <c r="IF14" s="332">
        <v>43950814</v>
      </c>
      <c r="IG14" s="334">
        <v>25755612</v>
      </c>
      <c r="IH14" s="335">
        <v>276967838</v>
      </c>
      <c r="II14" s="336">
        <v>278144565</v>
      </c>
      <c r="IJ14" s="337">
        <v>0</v>
      </c>
      <c r="IK14" s="338">
        <v>0</v>
      </c>
      <c r="IL14" s="339">
        <v>0</v>
      </c>
      <c r="IM14" s="346"/>
      <c r="IN14" s="341">
        <v>358978</v>
      </c>
      <c r="IO14" s="341">
        <v>1195651</v>
      </c>
      <c r="IP14" s="341">
        <v>982862</v>
      </c>
      <c r="IQ14" s="341">
        <v>913019</v>
      </c>
      <c r="IR14" s="341">
        <v>364263</v>
      </c>
      <c r="IS14" s="342">
        <v>3814773</v>
      </c>
      <c r="IT14" s="343">
        <v>3814773</v>
      </c>
      <c r="IU14" s="344">
        <v>0</v>
      </c>
      <c r="IV14" s="341">
        <v>0</v>
      </c>
      <c r="IW14" s="345">
        <v>0</v>
      </c>
      <c r="IX14" s="346"/>
      <c r="IY14" s="341">
        <v>18566</v>
      </c>
      <c r="IZ14" s="341">
        <v>37132</v>
      </c>
      <c r="JA14" s="341">
        <v>37132</v>
      </c>
      <c r="JB14" s="341">
        <v>47917</v>
      </c>
      <c r="JC14" s="341">
        <v>67483</v>
      </c>
      <c r="JD14" s="345">
        <v>208230</v>
      </c>
      <c r="JE14" s="347">
        <v>208230</v>
      </c>
      <c r="JF14" s="344">
        <v>0</v>
      </c>
      <c r="JG14" s="341">
        <v>0</v>
      </c>
      <c r="JH14" s="342">
        <v>0</v>
      </c>
      <c r="JI14" s="348">
        <v>0</v>
      </c>
      <c r="JJ14" s="341">
        <v>28446191</v>
      </c>
      <c r="JK14" s="341">
        <v>33838356</v>
      </c>
      <c r="JL14" s="341">
        <v>27012302</v>
      </c>
      <c r="JM14" s="341">
        <v>13303011</v>
      </c>
      <c r="JN14" s="341">
        <v>7326372</v>
      </c>
      <c r="JO14" s="345">
        <v>109926232</v>
      </c>
      <c r="JP14" s="343">
        <v>109926232</v>
      </c>
      <c r="JQ14" s="344">
        <v>0</v>
      </c>
      <c r="JR14" s="341">
        <v>0</v>
      </c>
      <c r="JS14" s="342">
        <v>0</v>
      </c>
      <c r="JT14" s="348">
        <v>0</v>
      </c>
      <c r="JU14" s="341">
        <v>596174</v>
      </c>
      <c r="JV14" s="341">
        <v>1653216</v>
      </c>
      <c r="JW14" s="341">
        <v>1602362</v>
      </c>
      <c r="JX14" s="341">
        <v>629837</v>
      </c>
      <c r="JY14" s="341">
        <v>1220702</v>
      </c>
      <c r="JZ14" s="345">
        <v>5702291</v>
      </c>
      <c r="KA14" s="343">
        <v>5702291</v>
      </c>
      <c r="KB14" s="349">
        <v>463192</v>
      </c>
      <c r="KC14" s="350">
        <v>713535</v>
      </c>
      <c r="KD14" s="345">
        <v>1176727</v>
      </c>
      <c r="KE14" s="348">
        <v>0</v>
      </c>
      <c r="KF14" s="341">
        <v>10419122</v>
      </c>
      <c r="KG14" s="341">
        <v>11140520</v>
      </c>
      <c r="KH14" s="341">
        <v>13305294</v>
      </c>
      <c r="KI14" s="341">
        <v>4525157</v>
      </c>
      <c r="KJ14" s="341">
        <v>1912116</v>
      </c>
      <c r="KK14" s="345">
        <v>41302209</v>
      </c>
      <c r="KL14" s="351">
        <v>42478936</v>
      </c>
      <c r="KM14" s="337">
        <v>0</v>
      </c>
      <c r="KN14" s="338">
        <v>0</v>
      </c>
      <c r="KO14" s="339">
        <v>0</v>
      </c>
      <c r="KP14" s="352"/>
      <c r="KQ14" s="341">
        <v>17379994</v>
      </c>
      <c r="KR14" s="341">
        <v>20373322</v>
      </c>
      <c r="KS14" s="341">
        <v>21463038</v>
      </c>
      <c r="KT14" s="341">
        <v>14335213</v>
      </c>
      <c r="KU14" s="341">
        <v>8735135</v>
      </c>
      <c r="KV14" s="345">
        <v>82286702</v>
      </c>
      <c r="KW14" s="343">
        <v>82286702</v>
      </c>
      <c r="KX14" s="344">
        <v>0</v>
      </c>
      <c r="KY14" s="341">
        <v>0</v>
      </c>
      <c r="KZ14" s="345">
        <v>0</v>
      </c>
      <c r="LA14" s="352"/>
      <c r="LB14" s="341">
        <v>346122</v>
      </c>
      <c r="LC14" s="341">
        <v>2038484</v>
      </c>
      <c r="LD14" s="341">
        <v>2076172</v>
      </c>
      <c r="LE14" s="341">
        <v>3413678</v>
      </c>
      <c r="LF14" s="341">
        <v>689319</v>
      </c>
      <c r="LG14" s="345">
        <v>8563775</v>
      </c>
      <c r="LH14" s="347">
        <v>8563775</v>
      </c>
      <c r="LI14" s="344">
        <v>0</v>
      </c>
      <c r="LJ14" s="341">
        <v>0</v>
      </c>
      <c r="LK14" s="345">
        <v>0</v>
      </c>
      <c r="LL14" s="352"/>
      <c r="LM14" s="341">
        <v>0</v>
      </c>
      <c r="LN14" s="341">
        <v>669201</v>
      </c>
      <c r="LO14" s="341">
        <v>4641304</v>
      </c>
      <c r="LP14" s="341">
        <v>4233117</v>
      </c>
      <c r="LQ14" s="341">
        <v>3217106</v>
      </c>
      <c r="LR14" s="345">
        <v>12760728</v>
      </c>
      <c r="LS14" s="343">
        <v>12760728</v>
      </c>
      <c r="LT14" s="344">
        <v>0</v>
      </c>
      <c r="LU14" s="341">
        <v>0</v>
      </c>
      <c r="LV14" s="345">
        <v>0</v>
      </c>
      <c r="LW14" s="352"/>
      <c r="LX14" s="341">
        <v>2514169</v>
      </c>
      <c r="LY14" s="341">
        <v>2417022</v>
      </c>
      <c r="LZ14" s="341">
        <v>2698726</v>
      </c>
      <c r="MA14" s="341">
        <v>2549865</v>
      </c>
      <c r="MB14" s="341">
        <v>2223116</v>
      </c>
      <c r="MC14" s="345">
        <v>12402898</v>
      </c>
      <c r="MD14" s="347">
        <v>12402898</v>
      </c>
      <c r="ME14" s="344">
        <v>0</v>
      </c>
      <c r="MF14" s="341">
        <v>0</v>
      </c>
      <c r="MG14" s="345">
        <v>0</v>
      </c>
      <c r="MH14" s="352"/>
      <c r="MI14" s="341">
        <v>18209333</v>
      </c>
      <c r="MJ14" s="341">
        <v>40577772</v>
      </c>
      <c r="MK14" s="341">
        <v>130713781</v>
      </c>
      <c r="ML14" s="341">
        <v>145266377</v>
      </c>
      <c r="MM14" s="341">
        <v>86689194</v>
      </c>
      <c r="MN14" s="345">
        <v>421456457</v>
      </c>
      <c r="MO14" s="351">
        <v>421456457</v>
      </c>
      <c r="MP14" s="344">
        <v>0</v>
      </c>
      <c r="MQ14" s="341">
        <v>0</v>
      </c>
      <c r="MR14" s="345">
        <v>0</v>
      </c>
      <c r="MS14" s="352"/>
      <c r="MT14" s="341">
        <v>5741837</v>
      </c>
      <c r="MU14" s="341">
        <v>14338512</v>
      </c>
      <c r="MV14" s="341">
        <v>85321031</v>
      </c>
      <c r="MW14" s="341">
        <v>101434216</v>
      </c>
      <c r="MX14" s="341">
        <v>62078591</v>
      </c>
      <c r="MY14" s="345">
        <v>268914187</v>
      </c>
      <c r="MZ14" s="351">
        <v>268914187</v>
      </c>
      <c r="NA14" s="344">
        <v>0</v>
      </c>
      <c r="NB14" s="341">
        <v>0</v>
      </c>
      <c r="NC14" s="345">
        <v>0</v>
      </c>
      <c r="ND14" s="352"/>
      <c r="NE14" s="341">
        <v>12255456</v>
      </c>
      <c r="NF14" s="341">
        <v>26239260</v>
      </c>
      <c r="NG14" s="341">
        <v>45088424</v>
      </c>
      <c r="NH14" s="341">
        <v>40108501</v>
      </c>
      <c r="NI14" s="341">
        <v>21809085</v>
      </c>
      <c r="NJ14" s="345">
        <v>145500726</v>
      </c>
      <c r="NK14" s="343">
        <v>145500726</v>
      </c>
      <c r="NL14" s="344">
        <v>0</v>
      </c>
      <c r="NM14" s="341">
        <v>0</v>
      </c>
      <c r="NN14" s="345">
        <v>0</v>
      </c>
      <c r="NO14" s="352"/>
      <c r="NP14" s="341">
        <v>0</v>
      </c>
      <c r="NQ14" s="341">
        <v>0</v>
      </c>
      <c r="NR14" s="341">
        <v>0</v>
      </c>
      <c r="NS14" s="341">
        <v>1307884</v>
      </c>
      <c r="NT14" s="341">
        <v>726629</v>
      </c>
      <c r="NU14" s="345">
        <v>2034513</v>
      </c>
      <c r="NV14" s="347">
        <v>2034513</v>
      </c>
      <c r="NW14" s="344">
        <v>0</v>
      </c>
      <c r="NX14" s="341">
        <v>0</v>
      </c>
      <c r="NY14" s="345">
        <v>0</v>
      </c>
      <c r="NZ14" s="352"/>
      <c r="OA14" s="341">
        <v>212040</v>
      </c>
      <c r="OB14" s="341">
        <v>0</v>
      </c>
      <c r="OC14" s="341">
        <v>304326</v>
      </c>
      <c r="OD14" s="341">
        <v>2415776</v>
      </c>
      <c r="OE14" s="341">
        <v>2074889</v>
      </c>
      <c r="OF14" s="345">
        <v>5007031</v>
      </c>
      <c r="OG14" s="347">
        <v>5007031</v>
      </c>
      <c r="OH14" s="344">
        <v>13106804</v>
      </c>
      <c r="OI14" s="341">
        <v>16672533</v>
      </c>
      <c r="OJ14" s="342">
        <v>29779337</v>
      </c>
      <c r="OK14" s="348">
        <v>0</v>
      </c>
      <c r="OL14" s="341">
        <v>219978670</v>
      </c>
      <c r="OM14" s="341">
        <v>303930157</v>
      </c>
      <c r="ON14" s="341">
        <v>382296539</v>
      </c>
      <c r="OO14" s="341">
        <v>346361539</v>
      </c>
      <c r="OP14" s="341">
        <v>241378245</v>
      </c>
      <c r="OQ14" s="345">
        <v>1493945150</v>
      </c>
      <c r="OR14" s="351">
        <v>1523724487</v>
      </c>
    </row>
    <row r="15" spans="1:408" ht="18.75" customHeight="1" x14ac:dyDescent="0.2">
      <c r="A15" s="61" t="s">
        <v>9</v>
      </c>
      <c r="B15" s="318">
        <v>12148909</v>
      </c>
      <c r="C15" s="319">
        <v>14792723</v>
      </c>
      <c r="D15" s="320">
        <v>26941632</v>
      </c>
      <c r="E15" s="324">
        <v>0</v>
      </c>
      <c r="F15" s="319">
        <v>143734051</v>
      </c>
      <c r="G15" s="319">
        <v>154082991</v>
      </c>
      <c r="H15" s="319">
        <v>152272390</v>
      </c>
      <c r="I15" s="319">
        <v>165544774</v>
      </c>
      <c r="J15" s="319">
        <v>130069796</v>
      </c>
      <c r="K15" s="321">
        <v>745704002</v>
      </c>
      <c r="L15" s="322">
        <v>772645634</v>
      </c>
      <c r="M15" s="318">
        <v>1741451</v>
      </c>
      <c r="N15" s="319">
        <v>2873496</v>
      </c>
      <c r="O15" s="320">
        <v>4614947</v>
      </c>
      <c r="P15" s="318">
        <v>0</v>
      </c>
      <c r="Q15" s="319">
        <v>43433486</v>
      </c>
      <c r="R15" s="319">
        <v>50583426</v>
      </c>
      <c r="S15" s="319">
        <v>54539427</v>
      </c>
      <c r="T15" s="319">
        <v>71595246</v>
      </c>
      <c r="U15" s="319">
        <v>69438710</v>
      </c>
      <c r="V15" s="320">
        <v>289590295</v>
      </c>
      <c r="W15" s="322">
        <v>294205242</v>
      </c>
      <c r="X15" s="318">
        <v>0</v>
      </c>
      <c r="Y15" s="319">
        <v>0</v>
      </c>
      <c r="Z15" s="320">
        <v>0</v>
      </c>
      <c r="AA15" s="318">
        <v>0</v>
      </c>
      <c r="AB15" s="319">
        <v>20776553</v>
      </c>
      <c r="AC15" s="319">
        <v>28054281</v>
      </c>
      <c r="AD15" s="319">
        <v>33058822</v>
      </c>
      <c r="AE15" s="319">
        <v>47169438</v>
      </c>
      <c r="AF15" s="319">
        <v>44097108</v>
      </c>
      <c r="AG15" s="320">
        <v>173156202</v>
      </c>
      <c r="AH15" s="322">
        <v>173156202</v>
      </c>
      <c r="AI15" s="318">
        <v>0</v>
      </c>
      <c r="AJ15" s="319">
        <v>0</v>
      </c>
      <c r="AK15" s="320">
        <v>0</v>
      </c>
      <c r="AL15" s="318">
        <v>0</v>
      </c>
      <c r="AM15" s="319">
        <v>416425</v>
      </c>
      <c r="AN15" s="319">
        <v>538198</v>
      </c>
      <c r="AO15" s="319">
        <v>987043</v>
      </c>
      <c r="AP15" s="319">
        <v>3763481</v>
      </c>
      <c r="AQ15" s="319">
        <v>7080394</v>
      </c>
      <c r="AR15" s="320">
        <v>12785541</v>
      </c>
      <c r="AS15" s="322">
        <v>12785541</v>
      </c>
      <c r="AT15" s="318">
        <v>646388</v>
      </c>
      <c r="AU15" s="319">
        <v>1786041</v>
      </c>
      <c r="AV15" s="320">
        <v>2432429</v>
      </c>
      <c r="AW15" s="318">
        <v>0</v>
      </c>
      <c r="AX15" s="319">
        <v>13976879</v>
      </c>
      <c r="AY15" s="319">
        <v>12580970</v>
      </c>
      <c r="AZ15" s="319">
        <v>10233645</v>
      </c>
      <c r="BA15" s="319">
        <v>10616157</v>
      </c>
      <c r="BB15" s="319">
        <v>10511886</v>
      </c>
      <c r="BC15" s="320">
        <v>57919537</v>
      </c>
      <c r="BD15" s="322">
        <v>60351966</v>
      </c>
      <c r="BE15" s="318">
        <v>79738</v>
      </c>
      <c r="BF15" s="319">
        <v>368137</v>
      </c>
      <c r="BG15" s="323">
        <v>447875</v>
      </c>
      <c r="BH15" s="324">
        <v>0</v>
      </c>
      <c r="BI15" s="319">
        <v>1747669</v>
      </c>
      <c r="BJ15" s="319">
        <v>2239286</v>
      </c>
      <c r="BK15" s="319">
        <v>1740330</v>
      </c>
      <c r="BL15" s="319">
        <v>1618269</v>
      </c>
      <c r="BM15" s="319">
        <v>1887217</v>
      </c>
      <c r="BN15" s="320">
        <v>9232771</v>
      </c>
      <c r="BO15" s="322">
        <v>9680646</v>
      </c>
      <c r="BP15" s="318">
        <v>1015325</v>
      </c>
      <c r="BQ15" s="319">
        <v>719318</v>
      </c>
      <c r="BR15" s="320">
        <v>1734643</v>
      </c>
      <c r="BS15" s="318">
        <v>0</v>
      </c>
      <c r="BT15" s="319">
        <v>6515960</v>
      </c>
      <c r="BU15" s="319">
        <v>7170691</v>
      </c>
      <c r="BV15" s="319">
        <v>8519587</v>
      </c>
      <c r="BW15" s="319">
        <v>8427901</v>
      </c>
      <c r="BX15" s="319">
        <v>5862105</v>
      </c>
      <c r="BY15" s="320">
        <v>36496244</v>
      </c>
      <c r="BZ15" s="322">
        <v>38230887</v>
      </c>
      <c r="CA15" s="318">
        <v>1094182</v>
      </c>
      <c r="CB15" s="319">
        <v>2652148</v>
      </c>
      <c r="CC15" s="320">
        <v>3746330</v>
      </c>
      <c r="CD15" s="318">
        <v>0</v>
      </c>
      <c r="CE15" s="319">
        <v>31574349</v>
      </c>
      <c r="CF15" s="319">
        <v>34485753</v>
      </c>
      <c r="CG15" s="319">
        <v>26987920</v>
      </c>
      <c r="CH15" s="319">
        <v>22822662</v>
      </c>
      <c r="CI15" s="319">
        <v>9872511</v>
      </c>
      <c r="CJ15" s="320">
        <v>125743195</v>
      </c>
      <c r="CK15" s="322">
        <v>129489525</v>
      </c>
      <c r="CL15" s="318">
        <v>0</v>
      </c>
      <c r="CM15" s="319">
        <v>0</v>
      </c>
      <c r="CN15" s="320">
        <v>0</v>
      </c>
      <c r="CO15" s="324">
        <v>0</v>
      </c>
      <c r="CP15" s="319">
        <v>26467797</v>
      </c>
      <c r="CQ15" s="319">
        <v>26762299</v>
      </c>
      <c r="CR15" s="319">
        <v>21455618</v>
      </c>
      <c r="CS15" s="319">
        <v>16351270</v>
      </c>
      <c r="CT15" s="319">
        <v>7711149</v>
      </c>
      <c r="CU15" s="320">
        <v>98748133</v>
      </c>
      <c r="CV15" s="322">
        <v>98748133</v>
      </c>
      <c r="CW15" s="318">
        <v>1094182</v>
      </c>
      <c r="CX15" s="319">
        <v>2652148</v>
      </c>
      <c r="CY15" s="320">
        <v>3746330</v>
      </c>
      <c r="CZ15" s="318">
        <v>0</v>
      </c>
      <c r="DA15" s="319">
        <v>5106552</v>
      </c>
      <c r="DB15" s="319">
        <v>7723454</v>
      </c>
      <c r="DC15" s="319">
        <v>5532302</v>
      </c>
      <c r="DD15" s="319">
        <v>6471392</v>
      </c>
      <c r="DE15" s="319">
        <v>2161362</v>
      </c>
      <c r="DF15" s="320">
        <v>26995062</v>
      </c>
      <c r="DG15" s="322">
        <v>30741392</v>
      </c>
      <c r="DH15" s="318">
        <v>22057</v>
      </c>
      <c r="DI15" s="319">
        <v>78287</v>
      </c>
      <c r="DJ15" s="323">
        <v>100344</v>
      </c>
      <c r="DK15" s="324">
        <v>0</v>
      </c>
      <c r="DL15" s="319">
        <v>3342120</v>
      </c>
      <c r="DM15" s="319">
        <v>7627192</v>
      </c>
      <c r="DN15" s="319">
        <v>15566802</v>
      </c>
      <c r="DO15" s="319">
        <v>14185822</v>
      </c>
      <c r="DP15" s="319">
        <v>8071869</v>
      </c>
      <c r="DQ15" s="320">
        <v>48793805</v>
      </c>
      <c r="DR15" s="322">
        <v>48894149</v>
      </c>
      <c r="DS15" s="318">
        <v>22057</v>
      </c>
      <c r="DT15" s="319">
        <v>78287</v>
      </c>
      <c r="DU15" s="320">
        <v>100344</v>
      </c>
      <c r="DV15" s="318">
        <v>0</v>
      </c>
      <c r="DW15" s="319">
        <v>3010328</v>
      </c>
      <c r="DX15" s="319">
        <v>6784606</v>
      </c>
      <c r="DY15" s="319">
        <v>12867138</v>
      </c>
      <c r="DZ15" s="319">
        <v>12115024</v>
      </c>
      <c r="EA15" s="319">
        <v>7309705</v>
      </c>
      <c r="EB15" s="320">
        <v>42086801</v>
      </c>
      <c r="EC15" s="322">
        <v>42187145</v>
      </c>
      <c r="ED15" s="318">
        <v>0</v>
      </c>
      <c r="EE15" s="323">
        <v>0</v>
      </c>
      <c r="EF15" s="320">
        <v>0</v>
      </c>
      <c r="EG15" s="318">
        <v>0</v>
      </c>
      <c r="EH15" s="319">
        <v>331792</v>
      </c>
      <c r="EI15" s="319">
        <v>842586</v>
      </c>
      <c r="EJ15" s="319">
        <v>2699664</v>
      </c>
      <c r="EK15" s="319">
        <v>2070798</v>
      </c>
      <c r="EL15" s="319">
        <v>762164</v>
      </c>
      <c r="EM15" s="323">
        <v>6707004</v>
      </c>
      <c r="EN15" s="322">
        <v>6707004</v>
      </c>
      <c r="EO15" s="318">
        <v>0</v>
      </c>
      <c r="EP15" s="319">
        <v>0</v>
      </c>
      <c r="EQ15" s="323">
        <v>0</v>
      </c>
      <c r="ER15" s="324">
        <v>0</v>
      </c>
      <c r="ES15" s="319">
        <v>0</v>
      </c>
      <c r="ET15" s="319">
        <v>0</v>
      </c>
      <c r="EU15" s="319">
        <v>0</v>
      </c>
      <c r="EV15" s="319">
        <v>0</v>
      </c>
      <c r="EW15" s="319">
        <v>0</v>
      </c>
      <c r="EX15" s="320">
        <v>0</v>
      </c>
      <c r="EY15" s="322">
        <v>0</v>
      </c>
      <c r="EZ15" s="318">
        <v>0</v>
      </c>
      <c r="FA15" s="319">
        <v>0</v>
      </c>
      <c r="FB15" s="323">
        <v>0</v>
      </c>
      <c r="FC15" s="346"/>
      <c r="FD15" s="319">
        <v>0</v>
      </c>
      <c r="FE15" s="319">
        <v>0</v>
      </c>
      <c r="FF15" s="319">
        <v>0</v>
      </c>
      <c r="FG15" s="319">
        <v>0</v>
      </c>
      <c r="FH15" s="319">
        <v>0</v>
      </c>
      <c r="FI15" s="320">
        <v>0</v>
      </c>
      <c r="FJ15" s="322">
        <v>0</v>
      </c>
      <c r="FK15" s="318">
        <v>4031048</v>
      </c>
      <c r="FL15" s="319">
        <v>4069701</v>
      </c>
      <c r="FM15" s="320">
        <v>8100749</v>
      </c>
      <c r="FN15" s="318">
        <v>0</v>
      </c>
      <c r="FO15" s="319">
        <v>10209440</v>
      </c>
      <c r="FP15" s="319">
        <v>13983404</v>
      </c>
      <c r="FQ15" s="319">
        <v>11091567</v>
      </c>
      <c r="FR15" s="319">
        <v>11118328</v>
      </c>
      <c r="FS15" s="319">
        <v>8945463</v>
      </c>
      <c r="FT15" s="320">
        <v>55348202</v>
      </c>
      <c r="FU15" s="322">
        <v>63448951</v>
      </c>
      <c r="FV15" s="326">
        <v>1718598</v>
      </c>
      <c r="FW15" s="319">
        <v>2715825</v>
      </c>
      <c r="FX15" s="323">
        <v>4434423</v>
      </c>
      <c r="FY15" s="324">
        <v>0</v>
      </c>
      <c r="FZ15" s="319">
        <v>7147621</v>
      </c>
      <c r="GA15" s="319">
        <v>12216816</v>
      </c>
      <c r="GB15" s="319">
        <v>9964599</v>
      </c>
      <c r="GC15" s="319">
        <v>10526234</v>
      </c>
      <c r="GD15" s="319">
        <v>8386331</v>
      </c>
      <c r="GE15" s="320">
        <v>48241601</v>
      </c>
      <c r="GF15" s="327">
        <v>52676024</v>
      </c>
      <c r="GG15" s="326">
        <v>215226</v>
      </c>
      <c r="GH15" s="319">
        <v>172276</v>
      </c>
      <c r="GI15" s="323">
        <v>387502</v>
      </c>
      <c r="GJ15" s="324">
        <v>0</v>
      </c>
      <c r="GK15" s="319">
        <v>594814</v>
      </c>
      <c r="GL15" s="319">
        <v>526708</v>
      </c>
      <c r="GM15" s="319">
        <v>373653</v>
      </c>
      <c r="GN15" s="319">
        <v>432324</v>
      </c>
      <c r="GO15" s="319">
        <v>199132</v>
      </c>
      <c r="GP15" s="320">
        <v>2126631</v>
      </c>
      <c r="GQ15" s="322">
        <v>2514133</v>
      </c>
      <c r="GR15" s="318">
        <v>2097224</v>
      </c>
      <c r="GS15" s="319">
        <v>1181600</v>
      </c>
      <c r="GT15" s="320">
        <v>3278824</v>
      </c>
      <c r="GU15" s="318">
        <v>0</v>
      </c>
      <c r="GV15" s="319">
        <v>2467005</v>
      </c>
      <c r="GW15" s="319">
        <v>1239880</v>
      </c>
      <c r="GX15" s="319">
        <v>753315</v>
      </c>
      <c r="GY15" s="319">
        <v>159770</v>
      </c>
      <c r="GZ15" s="319">
        <v>360000</v>
      </c>
      <c r="HA15" s="323">
        <v>4979970</v>
      </c>
      <c r="HB15" s="322">
        <v>8258794</v>
      </c>
      <c r="HC15" s="318">
        <v>3276990</v>
      </c>
      <c r="HD15" s="319">
        <v>2479323</v>
      </c>
      <c r="HE15" s="323">
        <v>5756313</v>
      </c>
      <c r="HF15" s="324">
        <v>0</v>
      </c>
      <c r="HG15" s="319">
        <v>30029250</v>
      </c>
      <c r="HH15" s="319">
        <v>28124949</v>
      </c>
      <c r="HI15" s="319">
        <v>29816672</v>
      </c>
      <c r="HJ15" s="319">
        <v>34473608</v>
      </c>
      <c r="HK15" s="319">
        <v>26389639</v>
      </c>
      <c r="HL15" s="320">
        <v>148834118</v>
      </c>
      <c r="HM15" s="321">
        <v>154590431</v>
      </c>
      <c r="HN15" s="326">
        <v>1983181</v>
      </c>
      <c r="HO15" s="319">
        <v>2639768</v>
      </c>
      <c r="HP15" s="320">
        <v>4622949</v>
      </c>
      <c r="HQ15" s="318">
        <v>0</v>
      </c>
      <c r="HR15" s="319">
        <v>25145406</v>
      </c>
      <c r="HS15" s="319">
        <v>19278267</v>
      </c>
      <c r="HT15" s="319">
        <v>14270002</v>
      </c>
      <c r="HU15" s="319">
        <v>11349108</v>
      </c>
      <c r="HV15" s="319">
        <v>7351604</v>
      </c>
      <c r="HW15" s="323">
        <v>77394387</v>
      </c>
      <c r="HX15" s="322">
        <v>82017336</v>
      </c>
      <c r="HY15" s="294">
        <v>232754</v>
      </c>
      <c r="HZ15" s="356">
        <v>921855</v>
      </c>
      <c r="IA15" s="296">
        <v>1154609</v>
      </c>
      <c r="IB15" s="353">
        <v>0</v>
      </c>
      <c r="IC15" s="329">
        <v>31657569</v>
      </c>
      <c r="ID15" s="354">
        <v>38232937</v>
      </c>
      <c r="IE15" s="330">
        <v>52041906</v>
      </c>
      <c r="IF15" s="329">
        <v>32138963</v>
      </c>
      <c r="IG15" s="330">
        <v>21720869</v>
      </c>
      <c r="IH15" s="355">
        <v>175792244</v>
      </c>
      <c r="II15" s="301">
        <v>176946853</v>
      </c>
      <c r="IJ15" s="337">
        <v>0</v>
      </c>
      <c r="IK15" s="338">
        <v>0</v>
      </c>
      <c r="IL15" s="339">
        <v>0</v>
      </c>
      <c r="IM15" s="346"/>
      <c r="IN15" s="341">
        <v>368831</v>
      </c>
      <c r="IO15" s="341">
        <v>636071</v>
      </c>
      <c r="IP15" s="341">
        <v>424921</v>
      </c>
      <c r="IQ15" s="341">
        <v>2376446</v>
      </c>
      <c r="IR15" s="341">
        <v>2260804</v>
      </c>
      <c r="IS15" s="342">
        <v>6067073</v>
      </c>
      <c r="IT15" s="343">
        <v>6067073</v>
      </c>
      <c r="IU15" s="344">
        <v>0</v>
      </c>
      <c r="IV15" s="341">
        <v>0</v>
      </c>
      <c r="IW15" s="345">
        <v>0</v>
      </c>
      <c r="IX15" s="346"/>
      <c r="IY15" s="341">
        <v>0</v>
      </c>
      <c r="IZ15" s="341">
        <v>0</v>
      </c>
      <c r="JA15" s="341">
        <v>0</v>
      </c>
      <c r="JB15" s="341">
        <v>0</v>
      </c>
      <c r="JC15" s="341">
        <v>0</v>
      </c>
      <c r="JD15" s="345">
        <v>0</v>
      </c>
      <c r="JE15" s="347">
        <v>0</v>
      </c>
      <c r="JF15" s="344">
        <v>0</v>
      </c>
      <c r="JG15" s="341">
        <v>0</v>
      </c>
      <c r="JH15" s="342">
        <v>0</v>
      </c>
      <c r="JI15" s="348">
        <v>0</v>
      </c>
      <c r="JJ15" s="341">
        <v>18217372</v>
      </c>
      <c r="JK15" s="341">
        <v>17336189</v>
      </c>
      <c r="JL15" s="341">
        <v>16063875</v>
      </c>
      <c r="JM15" s="341">
        <v>8560685</v>
      </c>
      <c r="JN15" s="341">
        <v>3675489</v>
      </c>
      <c r="JO15" s="345">
        <v>63853610</v>
      </c>
      <c r="JP15" s="343">
        <v>63853610</v>
      </c>
      <c r="JQ15" s="344">
        <v>0</v>
      </c>
      <c r="JR15" s="341">
        <v>0</v>
      </c>
      <c r="JS15" s="342">
        <v>0</v>
      </c>
      <c r="JT15" s="348">
        <v>0</v>
      </c>
      <c r="JU15" s="341">
        <v>605834</v>
      </c>
      <c r="JV15" s="341">
        <v>366771</v>
      </c>
      <c r="JW15" s="341">
        <v>989632</v>
      </c>
      <c r="JX15" s="341">
        <v>299277</v>
      </c>
      <c r="JY15" s="341">
        <v>595558</v>
      </c>
      <c r="JZ15" s="345">
        <v>2857072</v>
      </c>
      <c r="KA15" s="343">
        <v>2857072</v>
      </c>
      <c r="KB15" s="349">
        <v>232754</v>
      </c>
      <c r="KC15" s="350">
        <v>666687</v>
      </c>
      <c r="KD15" s="345">
        <v>899441</v>
      </c>
      <c r="KE15" s="348">
        <v>0</v>
      </c>
      <c r="KF15" s="341">
        <v>4133344</v>
      </c>
      <c r="KG15" s="341">
        <v>4760529</v>
      </c>
      <c r="KH15" s="341">
        <v>5693316</v>
      </c>
      <c r="KI15" s="341">
        <v>5461299</v>
      </c>
      <c r="KJ15" s="341">
        <v>1891039</v>
      </c>
      <c r="KK15" s="345">
        <v>21939527</v>
      </c>
      <c r="KL15" s="351">
        <v>22838968</v>
      </c>
      <c r="KM15" s="337">
        <v>0</v>
      </c>
      <c r="KN15" s="338">
        <v>255168</v>
      </c>
      <c r="KO15" s="339">
        <v>255168</v>
      </c>
      <c r="KP15" s="352"/>
      <c r="KQ15" s="341">
        <v>6745623</v>
      </c>
      <c r="KR15" s="341">
        <v>13456251</v>
      </c>
      <c r="KS15" s="341">
        <v>25409940</v>
      </c>
      <c r="KT15" s="341">
        <v>11995320</v>
      </c>
      <c r="KU15" s="341">
        <v>7553098</v>
      </c>
      <c r="KV15" s="345">
        <v>65160232</v>
      </c>
      <c r="KW15" s="343">
        <v>65415400</v>
      </c>
      <c r="KX15" s="344">
        <v>0</v>
      </c>
      <c r="KY15" s="341">
        <v>0</v>
      </c>
      <c r="KZ15" s="345">
        <v>0</v>
      </c>
      <c r="LA15" s="352"/>
      <c r="LB15" s="341">
        <v>682107</v>
      </c>
      <c r="LC15" s="341">
        <v>873490</v>
      </c>
      <c r="LD15" s="341">
        <v>1044490</v>
      </c>
      <c r="LE15" s="341">
        <v>903368</v>
      </c>
      <c r="LF15" s="341">
        <v>1542936</v>
      </c>
      <c r="LG15" s="345">
        <v>5046391</v>
      </c>
      <c r="LH15" s="347">
        <v>5046391</v>
      </c>
      <c r="LI15" s="344">
        <v>0</v>
      </c>
      <c r="LJ15" s="341">
        <v>0</v>
      </c>
      <c r="LK15" s="345">
        <v>0</v>
      </c>
      <c r="LL15" s="352"/>
      <c r="LM15" s="341">
        <v>0</v>
      </c>
      <c r="LN15" s="341">
        <v>0</v>
      </c>
      <c r="LO15" s="341">
        <v>0</v>
      </c>
      <c r="LP15" s="341">
        <v>310514</v>
      </c>
      <c r="LQ15" s="341">
        <v>0</v>
      </c>
      <c r="LR15" s="345">
        <v>310514</v>
      </c>
      <c r="LS15" s="343">
        <v>310514</v>
      </c>
      <c r="LT15" s="344">
        <v>0</v>
      </c>
      <c r="LU15" s="341">
        <v>0</v>
      </c>
      <c r="LV15" s="345">
        <v>0</v>
      </c>
      <c r="LW15" s="352"/>
      <c r="LX15" s="341">
        <v>904458</v>
      </c>
      <c r="LY15" s="341">
        <v>803636</v>
      </c>
      <c r="LZ15" s="341">
        <v>2415732</v>
      </c>
      <c r="MA15" s="341">
        <v>2232054</v>
      </c>
      <c r="MB15" s="341">
        <v>4201945</v>
      </c>
      <c r="MC15" s="345">
        <v>10557825</v>
      </c>
      <c r="MD15" s="347">
        <v>10557825</v>
      </c>
      <c r="ME15" s="344">
        <v>0</v>
      </c>
      <c r="MF15" s="341">
        <v>0</v>
      </c>
      <c r="MG15" s="345">
        <v>0</v>
      </c>
      <c r="MH15" s="352"/>
      <c r="MI15" s="341">
        <v>7693113</v>
      </c>
      <c r="MJ15" s="341">
        <v>17344150</v>
      </c>
      <c r="MK15" s="341">
        <v>80141949</v>
      </c>
      <c r="ML15" s="341">
        <v>140893836</v>
      </c>
      <c r="MM15" s="341">
        <v>113494917</v>
      </c>
      <c r="MN15" s="345">
        <v>359567965</v>
      </c>
      <c r="MO15" s="351">
        <v>359567965</v>
      </c>
      <c r="MP15" s="344">
        <v>0</v>
      </c>
      <c r="MQ15" s="341">
        <v>0</v>
      </c>
      <c r="MR15" s="345">
        <v>0</v>
      </c>
      <c r="MS15" s="352"/>
      <c r="MT15" s="341">
        <v>1318183</v>
      </c>
      <c r="MU15" s="341">
        <v>456476</v>
      </c>
      <c r="MV15" s="341">
        <v>52568870</v>
      </c>
      <c r="MW15" s="341">
        <v>103479635</v>
      </c>
      <c r="MX15" s="341">
        <v>86957344</v>
      </c>
      <c r="MY15" s="345">
        <v>244780508</v>
      </c>
      <c r="MZ15" s="351">
        <v>244780508</v>
      </c>
      <c r="NA15" s="344">
        <v>0</v>
      </c>
      <c r="NB15" s="341">
        <v>0</v>
      </c>
      <c r="NC15" s="345">
        <v>0</v>
      </c>
      <c r="ND15" s="352"/>
      <c r="NE15" s="341">
        <v>6374930</v>
      </c>
      <c r="NF15" s="341">
        <v>16887674</v>
      </c>
      <c r="NG15" s="341">
        <v>26912936</v>
      </c>
      <c r="NH15" s="341">
        <v>35830045</v>
      </c>
      <c r="NI15" s="341">
        <v>24102892</v>
      </c>
      <c r="NJ15" s="345">
        <v>110108477</v>
      </c>
      <c r="NK15" s="343">
        <v>110108477</v>
      </c>
      <c r="NL15" s="344">
        <v>0</v>
      </c>
      <c r="NM15" s="341">
        <v>0</v>
      </c>
      <c r="NN15" s="345">
        <v>0</v>
      </c>
      <c r="NO15" s="352"/>
      <c r="NP15" s="341">
        <v>0</v>
      </c>
      <c r="NQ15" s="341">
        <v>0</v>
      </c>
      <c r="NR15" s="341">
        <v>0</v>
      </c>
      <c r="NS15" s="341">
        <v>991597</v>
      </c>
      <c r="NT15" s="341">
        <v>344671</v>
      </c>
      <c r="NU15" s="345">
        <v>1336268</v>
      </c>
      <c r="NV15" s="347">
        <v>1336268</v>
      </c>
      <c r="NW15" s="344">
        <v>0</v>
      </c>
      <c r="NX15" s="341">
        <v>0</v>
      </c>
      <c r="NY15" s="345">
        <v>0</v>
      </c>
      <c r="NZ15" s="352"/>
      <c r="OA15" s="341">
        <v>0</v>
      </c>
      <c r="OB15" s="341">
        <v>0</v>
      </c>
      <c r="OC15" s="341">
        <v>660143</v>
      </c>
      <c r="OD15" s="341">
        <v>592559</v>
      </c>
      <c r="OE15" s="341">
        <v>2090010</v>
      </c>
      <c r="OF15" s="345">
        <v>3342712</v>
      </c>
      <c r="OG15" s="347">
        <v>3342712</v>
      </c>
      <c r="OH15" s="344">
        <v>12381663</v>
      </c>
      <c r="OI15" s="341">
        <v>15714578</v>
      </c>
      <c r="OJ15" s="342">
        <v>28096241</v>
      </c>
      <c r="OK15" s="348">
        <v>0</v>
      </c>
      <c r="OL15" s="341">
        <v>183084733</v>
      </c>
      <c r="OM15" s="341">
        <v>209660078</v>
      </c>
      <c r="ON15" s="341">
        <v>284456245</v>
      </c>
      <c r="OO15" s="341">
        <v>338577573</v>
      </c>
      <c r="OP15" s="341">
        <v>265285582</v>
      </c>
      <c r="OQ15" s="345">
        <v>1281064211</v>
      </c>
      <c r="OR15" s="351">
        <v>1309160452</v>
      </c>
    </row>
    <row r="16" spans="1:408" ht="18.75" customHeight="1" x14ac:dyDescent="0.2">
      <c r="A16" s="61" t="s">
        <v>10</v>
      </c>
      <c r="B16" s="318">
        <v>24366667</v>
      </c>
      <c r="C16" s="319">
        <v>45693281</v>
      </c>
      <c r="D16" s="320">
        <v>70059948</v>
      </c>
      <c r="E16" s="279">
        <v>0</v>
      </c>
      <c r="F16" s="319">
        <v>320944789</v>
      </c>
      <c r="G16" s="319">
        <v>257190599</v>
      </c>
      <c r="H16" s="319">
        <v>226219811</v>
      </c>
      <c r="I16" s="319">
        <v>211604054</v>
      </c>
      <c r="J16" s="319">
        <v>184124364</v>
      </c>
      <c r="K16" s="321">
        <v>1200083617</v>
      </c>
      <c r="L16" s="322">
        <v>1270143565</v>
      </c>
      <c r="M16" s="318">
        <v>6002581</v>
      </c>
      <c r="N16" s="319">
        <v>13848610</v>
      </c>
      <c r="O16" s="320">
        <v>19851191</v>
      </c>
      <c r="P16" s="318">
        <v>0</v>
      </c>
      <c r="Q16" s="319">
        <v>101079647</v>
      </c>
      <c r="R16" s="319">
        <v>83040164</v>
      </c>
      <c r="S16" s="319">
        <v>76163156</v>
      </c>
      <c r="T16" s="319">
        <v>93362469</v>
      </c>
      <c r="U16" s="319">
        <v>95161225</v>
      </c>
      <c r="V16" s="320">
        <v>448806661</v>
      </c>
      <c r="W16" s="322">
        <v>468657852</v>
      </c>
      <c r="X16" s="318">
        <v>0</v>
      </c>
      <c r="Y16" s="319">
        <v>0</v>
      </c>
      <c r="Z16" s="320">
        <v>0</v>
      </c>
      <c r="AA16" s="318">
        <v>0</v>
      </c>
      <c r="AB16" s="319">
        <v>51409298</v>
      </c>
      <c r="AC16" s="319">
        <v>43369153</v>
      </c>
      <c r="AD16" s="319">
        <v>46157451</v>
      </c>
      <c r="AE16" s="319">
        <v>59418277</v>
      </c>
      <c r="AF16" s="319">
        <v>58612059</v>
      </c>
      <c r="AG16" s="320">
        <v>258966238</v>
      </c>
      <c r="AH16" s="322">
        <v>258966238</v>
      </c>
      <c r="AI16" s="318">
        <v>0</v>
      </c>
      <c r="AJ16" s="319">
        <v>0</v>
      </c>
      <c r="AK16" s="320">
        <v>0</v>
      </c>
      <c r="AL16" s="318">
        <v>0</v>
      </c>
      <c r="AM16" s="319">
        <v>756243</v>
      </c>
      <c r="AN16" s="319">
        <v>1267675</v>
      </c>
      <c r="AO16" s="319">
        <v>1368608</v>
      </c>
      <c r="AP16" s="319">
        <v>6381051</v>
      </c>
      <c r="AQ16" s="319">
        <v>9376798</v>
      </c>
      <c r="AR16" s="320">
        <v>19150375</v>
      </c>
      <c r="AS16" s="322">
        <v>19150375</v>
      </c>
      <c r="AT16" s="318">
        <v>3338662</v>
      </c>
      <c r="AU16" s="319">
        <v>9265888</v>
      </c>
      <c r="AV16" s="320">
        <v>12604550</v>
      </c>
      <c r="AW16" s="318">
        <v>0</v>
      </c>
      <c r="AX16" s="319">
        <v>29652132</v>
      </c>
      <c r="AY16" s="319">
        <v>21575199</v>
      </c>
      <c r="AZ16" s="319">
        <v>14905431</v>
      </c>
      <c r="BA16" s="319">
        <v>14599577</v>
      </c>
      <c r="BB16" s="319">
        <v>14961898</v>
      </c>
      <c r="BC16" s="320">
        <v>95694237</v>
      </c>
      <c r="BD16" s="322">
        <v>108298787</v>
      </c>
      <c r="BE16" s="318">
        <v>504805</v>
      </c>
      <c r="BF16" s="319">
        <v>1449696</v>
      </c>
      <c r="BG16" s="323">
        <v>1954501</v>
      </c>
      <c r="BH16" s="324">
        <v>0</v>
      </c>
      <c r="BI16" s="319">
        <v>3253733</v>
      </c>
      <c r="BJ16" s="319">
        <v>3437612</v>
      </c>
      <c r="BK16" s="319">
        <v>2378042</v>
      </c>
      <c r="BL16" s="319">
        <v>1693857</v>
      </c>
      <c r="BM16" s="319">
        <v>1677285</v>
      </c>
      <c r="BN16" s="320">
        <v>12440529</v>
      </c>
      <c r="BO16" s="322">
        <v>14395030</v>
      </c>
      <c r="BP16" s="318">
        <v>2159114</v>
      </c>
      <c r="BQ16" s="319">
        <v>3133026</v>
      </c>
      <c r="BR16" s="320">
        <v>5292140</v>
      </c>
      <c r="BS16" s="318">
        <v>0</v>
      </c>
      <c r="BT16" s="319">
        <v>16008241</v>
      </c>
      <c r="BU16" s="319">
        <v>13390525</v>
      </c>
      <c r="BV16" s="319">
        <v>11353624</v>
      </c>
      <c r="BW16" s="319">
        <v>11269707</v>
      </c>
      <c r="BX16" s="319">
        <v>10533185</v>
      </c>
      <c r="BY16" s="320">
        <v>62555282</v>
      </c>
      <c r="BZ16" s="322">
        <v>67847422</v>
      </c>
      <c r="CA16" s="318">
        <v>1639008</v>
      </c>
      <c r="CB16" s="319">
        <v>3978808</v>
      </c>
      <c r="CC16" s="320">
        <v>5617816</v>
      </c>
      <c r="CD16" s="318">
        <v>0</v>
      </c>
      <c r="CE16" s="319">
        <v>98045836</v>
      </c>
      <c r="CF16" s="319">
        <v>72899804</v>
      </c>
      <c r="CG16" s="319">
        <v>49066148</v>
      </c>
      <c r="CH16" s="319">
        <v>30803792</v>
      </c>
      <c r="CI16" s="319">
        <v>15582171</v>
      </c>
      <c r="CJ16" s="320">
        <v>266397751</v>
      </c>
      <c r="CK16" s="322">
        <v>272015567</v>
      </c>
      <c r="CL16" s="318">
        <v>0</v>
      </c>
      <c r="CM16" s="319">
        <v>0</v>
      </c>
      <c r="CN16" s="320">
        <v>0</v>
      </c>
      <c r="CO16" s="324">
        <v>0</v>
      </c>
      <c r="CP16" s="319">
        <v>85099454</v>
      </c>
      <c r="CQ16" s="319">
        <v>61862480</v>
      </c>
      <c r="CR16" s="319">
        <v>42471981</v>
      </c>
      <c r="CS16" s="319">
        <v>25305052</v>
      </c>
      <c r="CT16" s="319">
        <v>13664518</v>
      </c>
      <c r="CU16" s="320">
        <v>228403485</v>
      </c>
      <c r="CV16" s="322">
        <v>228403485</v>
      </c>
      <c r="CW16" s="318">
        <v>1639008</v>
      </c>
      <c r="CX16" s="319">
        <v>3978808</v>
      </c>
      <c r="CY16" s="320">
        <v>5617816</v>
      </c>
      <c r="CZ16" s="318">
        <v>0</v>
      </c>
      <c r="DA16" s="319">
        <v>12946382</v>
      </c>
      <c r="DB16" s="319">
        <v>11037324</v>
      </c>
      <c r="DC16" s="319">
        <v>6594167</v>
      </c>
      <c r="DD16" s="319">
        <v>5498740</v>
      </c>
      <c r="DE16" s="319">
        <v>1917653</v>
      </c>
      <c r="DF16" s="320">
        <v>37994266</v>
      </c>
      <c r="DG16" s="322">
        <v>43612082</v>
      </c>
      <c r="DH16" s="318">
        <v>396316</v>
      </c>
      <c r="DI16" s="319">
        <v>1114871</v>
      </c>
      <c r="DJ16" s="323">
        <v>1511187</v>
      </c>
      <c r="DK16" s="324">
        <v>0</v>
      </c>
      <c r="DL16" s="319">
        <v>11007905</v>
      </c>
      <c r="DM16" s="319">
        <v>13774552</v>
      </c>
      <c r="DN16" s="319">
        <v>24420765</v>
      </c>
      <c r="DO16" s="319">
        <v>16499364</v>
      </c>
      <c r="DP16" s="319">
        <v>11635099</v>
      </c>
      <c r="DQ16" s="320">
        <v>77337685</v>
      </c>
      <c r="DR16" s="322">
        <v>78848872</v>
      </c>
      <c r="DS16" s="318">
        <v>396316</v>
      </c>
      <c r="DT16" s="319">
        <v>1041829</v>
      </c>
      <c r="DU16" s="320">
        <v>1438145</v>
      </c>
      <c r="DV16" s="318">
        <v>0</v>
      </c>
      <c r="DW16" s="319">
        <v>10198835</v>
      </c>
      <c r="DX16" s="319">
        <v>12258971</v>
      </c>
      <c r="DY16" s="319">
        <v>21473904</v>
      </c>
      <c r="DZ16" s="319">
        <v>15585975</v>
      </c>
      <c r="EA16" s="319">
        <v>11097256</v>
      </c>
      <c r="EB16" s="320">
        <v>70614941</v>
      </c>
      <c r="EC16" s="322">
        <v>72053086</v>
      </c>
      <c r="ED16" s="318">
        <v>0</v>
      </c>
      <c r="EE16" s="323">
        <v>73042</v>
      </c>
      <c r="EF16" s="320">
        <v>73042</v>
      </c>
      <c r="EG16" s="318">
        <v>0</v>
      </c>
      <c r="EH16" s="319">
        <v>809070</v>
      </c>
      <c r="EI16" s="319">
        <v>1515581</v>
      </c>
      <c r="EJ16" s="319">
        <v>2946861</v>
      </c>
      <c r="EK16" s="319">
        <v>913389</v>
      </c>
      <c r="EL16" s="319">
        <v>537843</v>
      </c>
      <c r="EM16" s="323">
        <v>6722744</v>
      </c>
      <c r="EN16" s="322">
        <v>6795786</v>
      </c>
      <c r="EO16" s="318">
        <v>0</v>
      </c>
      <c r="EP16" s="319">
        <v>0</v>
      </c>
      <c r="EQ16" s="323">
        <v>0</v>
      </c>
      <c r="ER16" s="324">
        <v>0</v>
      </c>
      <c r="ES16" s="319">
        <v>0</v>
      </c>
      <c r="ET16" s="319">
        <v>0</v>
      </c>
      <c r="EU16" s="319">
        <v>0</v>
      </c>
      <c r="EV16" s="319">
        <v>0</v>
      </c>
      <c r="EW16" s="319">
        <v>0</v>
      </c>
      <c r="EX16" s="320">
        <v>0</v>
      </c>
      <c r="EY16" s="322">
        <v>0</v>
      </c>
      <c r="EZ16" s="318">
        <v>0</v>
      </c>
      <c r="FA16" s="319">
        <v>0</v>
      </c>
      <c r="FB16" s="323">
        <v>0</v>
      </c>
      <c r="FC16" s="346"/>
      <c r="FD16" s="319">
        <v>0</v>
      </c>
      <c r="FE16" s="319">
        <v>0</v>
      </c>
      <c r="FF16" s="319">
        <v>0</v>
      </c>
      <c r="FG16" s="319">
        <v>0</v>
      </c>
      <c r="FH16" s="319">
        <v>0</v>
      </c>
      <c r="FI16" s="320">
        <v>0</v>
      </c>
      <c r="FJ16" s="322">
        <v>0</v>
      </c>
      <c r="FK16" s="318">
        <v>6477222</v>
      </c>
      <c r="FL16" s="319">
        <v>10344311</v>
      </c>
      <c r="FM16" s="320">
        <v>16821533</v>
      </c>
      <c r="FN16" s="318">
        <v>0</v>
      </c>
      <c r="FO16" s="319">
        <v>18525029</v>
      </c>
      <c r="FP16" s="319">
        <v>23756404</v>
      </c>
      <c r="FQ16" s="319">
        <v>17747787</v>
      </c>
      <c r="FR16" s="319">
        <v>15172659</v>
      </c>
      <c r="FS16" s="319">
        <v>13119496</v>
      </c>
      <c r="FT16" s="320">
        <v>88321375</v>
      </c>
      <c r="FU16" s="322">
        <v>105142908</v>
      </c>
      <c r="FV16" s="326">
        <v>4118989</v>
      </c>
      <c r="FW16" s="319">
        <v>7849036</v>
      </c>
      <c r="FX16" s="323">
        <v>11968025</v>
      </c>
      <c r="FY16" s="324">
        <v>0</v>
      </c>
      <c r="FZ16" s="319">
        <v>15195508</v>
      </c>
      <c r="GA16" s="319">
        <v>22005465</v>
      </c>
      <c r="GB16" s="319">
        <v>16336601</v>
      </c>
      <c r="GC16" s="319">
        <v>14610883</v>
      </c>
      <c r="GD16" s="319">
        <v>12345799</v>
      </c>
      <c r="GE16" s="320">
        <v>80494256</v>
      </c>
      <c r="GF16" s="327">
        <v>92462281</v>
      </c>
      <c r="GG16" s="326">
        <v>293373</v>
      </c>
      <c r="GH16" s="319">
        <v>801835</v>
      </c>
      <c r="GI16" s="323">
        <v>1095208</v>
      </c>
      <c r="GJ16" s="324">
        <v>0</v>
      </c>
      <c r="GK16" s="319">
        <v>1113994</v>
      </c>
      <c r="GL16" s="319">
        <v>746289</v>
      </c>
      <c r="GM16" s="319">
        <v>353002</v>
      </c>
      <c r="GN16" s="319">
        <v>361976</v>
      </c>
      <c r="GO16" s="319">
        <v>314847</v>
      </c>
      <c r="GP16" s="320">
        <v>2890108</v>
      </c>
      <c r="GQ16" s="322">
        <v>3985316</v>
      </c>
      <c r="GR16" s="318">
        <v>2064860</v>
      </c>
      <c r="GS16" s="319">
        <v>1693440</v>
      </c>
      <c r="GT16" s="320">
        <v>3758300</v>
      </c>
      <c r="GU16" s="318">
        <v>0</v>
      </c>
      <c r="GV16" s="319">
        <v>2215527</v>
      </c>
      <c r="GW16" s="319">
        <v>1004650</v>
      </c>
      <c r="GX16" s="319">
        <v>1058184</v>
      </c>
      <c r="GY16" s="319">
        <v>199800</v>
      </c>
      <c r="GZ16" s="319">
        <v>458850</v>
      </c>
      <c r="HA16" s="323">
        <v>4937011</v>
      </c>
      <c r="HB16" s="322">
        <v>8695311</v>
      </c>
      <c r="HC16" s="318">
        <v>4477418</v>
      </c>
      <c r="HD16" s="319">
        <v>9202543</v>
      </c>
      <c r="HE16" s="323">
        <v>13679961</v>
      </c>
      <c r="HF16" s="324">
        <v>0</v>
      </c>
      <c r="HG16" s="319">
        <v>41685785</v>
      </c>
      <c r="HH16" s="319">
        <v>35671604</v>
      </c>
      <c r="HI16" s="319">
        <v>38870155</v>
      </c>
      <c r="HJ16" s="319">
        <v>41045696</v>
      </c>
      <c r="HK16" s="319">
        <v>38810919</v>
      </c>
      <c r="HL16" s="320">
        <v>196084159</v>
      </c>
      <c r="HM16" s="321">
        <v>209764120</v>
      </c>
      <c r="HN16" s="326">
        <v>5374122</v>
      </c>
      <c r="HO16" s="319">
        <v>7204138</v>
      </c>
      <c r="HP16" s="320">
        <v>12578260</v>
      </c>
      <c r="HQ16" s="318">
        <v>0</v>
      </c>
      <c r="HR16" s="319">
        <v>50600587</v>
      </c>
      <c r="HS16" s="319">
        <v>28048071</v>
      </c>
      <c r="HT16" s="319">
        <v>19951800</v>
      </c>
      <c r="HU16" s="319">
        <v>14720074</v>
      </c>
      <c r="HV16" s="319">
        <v>9815454</v>
      </c>
      <c r="HW16" s="323">
        <v>123135986</v>
      </c>
      <c r="HX16" s="322">
        <v>135714246</v>
      </c>
      <c r="HY16" s="357">
        <v>572770</v>
      </c>
      <c r="HZ16" s="332">
        <v>2685247</v>
      </c>
      <c r="IA16" s="357">
        <v>3258017</v>
      </c>
      <c r="IB16" s="331">
        <v>0</v>
      </c>
      <c r="IC16" s="332">
        <v>86584010</v>
      </c>
      <c r="ID16" s="333">
        <v>79688006</v>
      </c>
      <c r="IE16" s="334">
        <v>74443185</v>
      </c>
      <c r="IF16" s="332">
        <v>63342796</v>
      </c>
      <c r="IG16" s="334">
        <v>60539981</v>
      </c>
      <c r="IH16" s="335">
        <v>364597978</v>
      </c>
      <c r="II16" s="357">
        <v>367855995</v>
      </c>
      <c r="IJ16" s="337">
        <v>0</v>
      </c>
      <c r="IK16" s="338">
        <v>0</v>
      </c>
      <c r="IL16" s="339">
        <v>0</v>
      </c>
      <c r="IM16" s="346"/>
      <c r="IN16" s="341">
        <v>1815502</v>
      </c>
      <c r="IO16" s="341">
        <v>1342591</v>
      </c>
      <c r="IP16" s="341">
        <v>2860535</v>
      </c>
      <c r="IQ16" s="341">
        <v>2469465</v>
      </c>
      <c r="IR16" s="341">
        <v>3351621</v>
      </c>
      <c r="IS16" s="342">
        <v>11839714</v>
      </c>
      <c r="IT16" s="343">
        <v>11839714</v>
      </c>
      <c r="IU16" s="344">
        <v>0</v>
      </c>
      <c r="IV16" s="341">
        <v>0</v>
      </c>
      <c r="IW16" s="345">
        <v>0</v>
      </c>
      <c r="IX16" s="346"/>
      <c r="IY16" s="341">
        <v>134031</v>
      </c>
      <c r="IZ16" s="341">
        <v>121223</v>
      </c>
      <c r="JA16" s="341">
        <v>502312</v>
      </c>
      <c r="JB16" s="341">
        <v>267147</v>
      </c>
      <c r="JC16" s="341">
        <v>176313</v>
      </c>
      <c r="JD16" s="345">
        <v>1201026</v>
      </c>
      <c r="JE16" s="347">
        <v>1201026</v>
      </c>
      <c r="JF16" s="344">
        <v>0</v>
      </c>
      <c r="JG16" s="341">
        <v>0</v>
      </c>
      <c r="JH16" s="342">
        <v>0</v>
      </c>
      <c r="JI16" s="348">
        <v>0</v>
      </c>
      <c r="JJ16" s="341">
        <v>26891142</v>
      </c>
      <c r="JK16" s="341">
        <v>15183867</v>
      </c>
      <c r="JL16" s="341">
        <v>10656601</v>
      </c>
      <c r="JM16" s="341">
        <v>6100017</v>
      </c>
      <c r="JN16" s="341">
        <v>2946317</v>
      </c>
      <c r="JO16" s="345">
        <v>61777944</v>
      </c>
      <c r="JP16" s="343">
        <v>61777944</v>
      </c>
      <c r="JQ16" s="344">
        <v>0</v>
      </c>
      <c r="JR16" s="341">
        <v>45331</v>
      </c>
      <c r="JS16" s="342">
        <v>45331</v>
      </c>
      <c r="JT16" s="348">
        <v>0</v>
      </c>
      <c r="JU16" s="341">
        <v>1527187</v>
      </c>
      <c r="JV16" s="341">
        <v>2202088</v>
      </c>
      <c r="JW16" s="341">
        <v>2145747</v>
      </c>
      <c r="JX16" s="341">
        <v>1112776</v>
      </c>
      <c r="JY16" s="341">
        <v>824472</v>
      </c>
      <c r="JZ16" s="345">
        <v>7812270</v>
      </c>
      <c r="KA16" s="343">
        <v>7857601</v>
      </c>
      <c r="KB16" s="349">
        <v>572770</v>
      </c>
      <c r="KC16" s="350">
        <v>1740807</v>
      </c>
      <c r="KD16" s="345">
        <v>2313577</v>
      </c>
      <c r="KE16" s="348">
        <v>0</v>
      </c>
      <c r="KF16" s="341">
        <v>15666873</v>
      </c>
      <c r="KG16" s="341">
        <v>16795872</v>
      </c>
      <c r="KH16" s="341">
        <v>21815026</v>
      </c>
      <c r="KI16" s="341">
        <v>15348839</v>
      </c>
      <c r="KJ16" s="341">
        <v>14448896</v>
      </c>
      <c r="KK16" s="345">
        <v>84075506</v>
      </c>
      <c r="KL16" s="351">
        <v>86389083</v>
      </c>
      <c r="KM16" s="337">
        <v>0</v>
      </c>
      <c r="KN16" s="338">
        <v>899109</v>
      </c>
      <c r="KO16" s="339">
        <v>899109</v>
      </c>
      <c r="KP16" s="352"/>
      <c r="KQ16" s="341">
        <v>33301194</v>
      </c>
      <c r="KR16" s="341">
        <v>34600650</v>
      </c>
      <c r="KS16" s="341">
        <v>20929382</v>
      </c>
      <c r="KT16" s="341">
        <v>22023067</v>
      </c>
      <c r="KU16" s="341">
        <v>21374695</v>
      </c>
      <c r="KV16" s="345">
        <v>132228988</v>
      </c>
      <c r="KW16" s="343">
        <v>133128097</v>
      </c>
      <c r="KX16" s="344">
        <v>0</v>
      </c>
      <c r="KY16" s="341">
        <v>0</v>
      </c>
      <c r="KZ16" s="345">
        <v>0</v>
      </c>
      <c r="LA16" s="352"/>
      <c r="LB16" s="341">
        <v>4937479</v>
      </c>
      <c r="LC16" s="341">
        <v>5474632</v>
      </c>
      <c r="LD16" s="341">
        <v>6587943</v>
      </c>
      <c r="LE16" s="341">
        <v>5462925</v>
      </c>
      <c r="LF16" s="341">
        <v>5752025</v>
      </c>
      <c r="LG16" s="345">
        <v>28215004</v>
      </c>
      <c r="LH16" s="347">
        <v>28215004</v>
      </c>
      <c r="LI16" s="344">
        <v>0</v>
      </c>
      <c r="LJ16" s="341">
        <v>0</v>
      </c>
      <c r="LK16" s="345">
        <v>0</v>
      </c>
      <c r="LL16" s="352"/>
      <c r="LM16" s="341">
        <v>206794</v>
      </c>
      <c r="LN16" s="341">
        <v>0</v>
      </c>
      <c r="LO16" s="341">
        <v>1009268</v>
      </c>
      <c r="LP16" s="341">
        <v>4588504</v>
      </c>
      <c r="LQ16" s="341">
        <v>5658471</v>
      </c>
      <c r="LR16" s="345">
        <v>11463037</v>
      </c>
      <c r="LS16" s="343">
        <v>11463037</v>
      </c>
      <c r="LT16" s="344">
        <v>0</v>
      </c>
      <c r="LU16" s="341">
        <v>0</v>
      </c>
      <c r="LV16" s="345">
        <v>0</v>
      </c>
      <c r="LW16" s="352"/>
      <c r="LX16" s="341">
        <v>2103808</v>
      </c>
      <c r="LY16" s="341">
        <v>3967083</v>
      </c>
      <c r="LZ16" s="341">
        <v>7936371</v>
      </c>
      <c r="MA16" s="341">
        <v>5970056</v>
      </c>
      <c r="MB16" s="341">
        <v>6007171</v>
      </c>
      <c r="MC16" s="345">
        <v>25984489</v>
      </c>
      <c r="MD16" s="347">
        <v>25984489</v>
      </c>
      <c r="ME16" s="344">
        <v>0</v>
      </c>
      <c r="MF16" s="341">
        <v>0</v>
      </c>
      <c r="MG16" s="345">
        <v>0</v>
      </c>
      <c r="MH16" s="352"/>
      <c r="MI16" s="341">
        <v>29878707</v>
      </c>
      <c r="MJ16" s="341">
        <v>49031470</v>
      </c>
      <c r="MK16" s="341">
        <v>143023607</v>
      </c>
      <c r="ML16" s="341">
        <v>196518148</v>
      </c>
      <c r="MM16" s="341">
        <v>179509758</v>
      </c>
      <c r="MN16" s="345">
        <v>597961690</v>
      </c>
      <c r="MO16" s="351">
        <v>597961690</v>
      </c>
      <c r="MP16" s="344">
        <v>0</v>
      </c>
      <c r="MQ16" s="341">
        <v>0</v>
      </c>
      <c r="MR16" s="345">
        <v>0</v>
      </c>
      <c r="MS16" s="352"/>
      <c r="MT16" s="341">
        <v>3699929</v>
      </c>
      <c r="MU16" s="341">
        <v>11371073</v>
      </c>
      <c r="MV16" s="341">
        <v>96849919</v>
      </c>
      <c r="MW16" s="341">
        <v>144144483</v>
      </c>
      <c r="MX16" s="341">
        <v>132461515</v>
      </c>
      <c r="MY16" s="345">
        <v>388526919</v>
      </c>
      <c r="MZ16" s="351">
        <v>388526919</v>
      </c>
      <c r="NA16" s="344">
        <v>0</v>
      </c>
      <c r="NB16" s="341">
        <v>0</v>
      </c>
      <c r="NC16" s="345">
        <v>0</v>
      </c>
      <c r="ND16" s="352"/>
      <c r="NE16" s="341">
        <v>25979518</v>
      </c>
      <c r="NF16" s="341">
        <v>37660397</v>
      </c>
      <c r="NG16" s="341">
        <v>46173688</v>
      </c>
      <c r="NH16" s="341">
        <v>50448321</v>
      </c>
      <c r="NI16" s="341">
        <v>32020928</v>
      </c>
      <c r="NJ16" s="345">
        <v>192282852</v>
      </c>
      <c r="NK16" s="343">
        <v>192282852</v>
      </c>
      <c r="NL16" s="344">
        <v>0</v>
      </c>
      <c r="NM16" s="341">
        <v>0</v>
      </c>
      <c r="NN16" s="345">
        <v>0</v>
      </c>
      <c r="NO16" s="352"/>
      <c r="NP16" s="341">
        <v>0</v>
      </c>
      <c r="NQ16" s="341">
        <v>0</v>
      </c>
      <c r="NR16" s="341">
        <v>0</v>
      </c>
      <c r="NS16" s="341">
        <v>326791</v>
      </c>
      <c r="NT16" s="341">
        <v>3270682</v>
      </c>
      <c r="NU16" s="345">
        <v>3597473</v>
      </c>
      <c r="NV16" s="347">
        <v>3597473</v>
      </c>
      <c r="NW16" s="344">
        <v>0</v>
      </c>
      <c r="NX16" s="341">
        <v>0</v>
      </c>
      <c r="NY16" s="345">
        <v>0</v>
      </c>
      <c r="NZ16" s="352"/>
      <c r="OA16" s="341">
        <v>199260</v>
      </c>
      <c r="OB16" s="341">
        <v>0</v>
      </c>
      <c r="OC16" s="341">
        <v>0</v>
      </c>
      <c r="OD16" s="341">
        <v>1598553</v>
      </c>
      <c r="OE16" s="341">
        <v>11756633</v>
      </c>
      <c r="OF16" s="345">
        <v>13554446</v>
      </c>
      <c r="OG16" s="347">
        <v>13554446</v>
      </c>
      <c r="OH16" s="344">
        <v>24939437</v>
      </c>
      <c r="OI16" s="341">
        <v>48378528</v>
      </c>
      <c r="OJ16" s="342">
        <v>73317965</v>
      </c>
      <c r="OK16" s="348">
        <v>0</v>
      </c>
      <c r="OL16" s="341">
        <v>437407506</v>
      </c>
      <c r="OM16" s="341">
        <v>385910075</v>
      </c>
      <c r="ON16" s="341">
        <v>443686603</v>
      </c>
      <c r="OO16" s="341">
        <v>471464998</v>
      </c>
      <c r="OP16" s="341">
        <v>424174103</v>
      </c>
      <c r="OQ16" s="345">
        <v>2162643285</v>
      </c>
      <c r="OR16" s="351">
        <v>2235961250</v>
      </c>
    </row>
    <row r="17" spans="1:408" ht="18.75" customHeight="1" x14ac:dyDescent="0.2">
      <c r="A17" s="61" t="s">
        <v>11</v>
      </c>
      <c r="B17" s="318">
        <v>11668392</v>
      </c>
      <c r="C17" s="319">
        <v>15355049</v>
      </c>
      <c r="D17" s="277">
        <v>27023441</v>
      </c>
      <c r="E17" s="324">
        <v>0</v>
      </c>
      <c r="F17" s="319">
        <v>168751748</v>
      </c>
      <c r="G17" s="319">
        <v>134918340</v>
      </c>
      <c r="H17" s="319">
        <v>125928636</v>
      </c>
      <c r="I17" s="319">
        <v>131839760</v>
      </c>
      <c r="J17" s="319">
        <v>95283977</v>
      </c>
      <c r="K17" s="321">
        <v>656722461</v>
      </c>
      <c r="L17" s="322">
        <v>683745902</v>
      </c>
      <c r="M17" s="318">
        <v>1950814</v>
      </c>
      <c r="N17" s="319">
        <v>3304217</v>
      </c>
      <c r="O17" s="320">
        <v>5255031</v>
      </c>
      <c r="P17" s="318">
        <v>0</v>
      </c>
      <c r="Q17" s="319">
        <v>39971280</v>
      </c>
      <c r="R17" s="319">
        <v>35266212</v>
      </c>
      <c r="S17" s="319">
        <v>36995837</v>
      </c>
      <c r="T17" s="319">
        <v>44444390</v>
      </c>
      <c r="U17" s="319">
        <v>45273938</v>
      </c>
      <c r="V17" s="320">
        <v>201951657</v>
      </c>
      <c r="W17" s="322">
        <v>207206688</v>
      </c>
      <c r="X17" s="318">
        <v>0</v>
      </c>
      <c r="Y17" s="319">
        <v>0</v>
      </c>
      <c r="Z17" s="320">
        <v>0</v>
      </c>
      <c r="AA17" s="318">
        <v>0</v>
      </c>
      <c r="AB17" s="319">
        <v>21525484</v>
      </c>
      <c r="AC17" s="319">
        <v>19633335</v>
      </c>
      <c r="AD17" s="319">
        <v>22368228</v>
      </c>
      <c r="AE17" s="319">
        <v>27910439</v>
      </c>
      <c r="AF17" s="319">
        <v>26881721</v>
      </c>
      <c r="AG17" s="320">
        <v>118319207</v>
      </c>
      <c r="AH17" s="322">
        <v>118319207</v>
      </c>
      <c r="AI17" s="318">
        <v>0</v>
      </c>
      <c r="AJ17" s="319">
        <v>0</v>
      </c>
      <c r="AK17" s="320">
        <v>0</v>
      </c>
      <c r="AL17" s="318">
        <v>0</v>
      </c>
      <c r="AM17" s="319">
        <v>244636</v>
      </c>
      <c r="AN17" s="319">
        <v>965878</v>
      </c>
      <c r="AO17" s="319">
        <v>1329942</v>
      </c>
      <c r="AP17" s="319">
        <v>2583359</v>
      </c>
      <c r="AQ17" s="319">
        <v>4150674</v>
      </c>
      <c r="AR17" s="320">
        <v>9274489</v>
      </c>
      <c r="AS17" s="322">
        <v>9274489</v>
      </c>
      <c r="AT17" s="318">
        <v>1132280</v>
      </c>
      <c r="AU17" s="319">
        <v>2375168</v>
      </c>
      <c r="AV17" s="320">
        <v>3507448</v>
      </c>
      <c r="AW17" s="318">
        <v>0</v>
      </c>
      <c r="AX17" s="319">
        <v>11587743</v>
      </c>
      <c r="AY17" s="319">
        <v>8597316</v>
      </c>
      <c r="AZ17" s="319">
        <v>7898997</v>
      </c>
      <c r="BA17" s="319">
        <v>7985852</v>
      </c>
      <c r="BB17" s="319">
        <v>10646028</v>
      </c>
      <c r="BC17" s="320">
        <v>46715936</v>
      </c>
      <c r="BD17" s="322">
        <v>50223384</v>
      </c>
      <c r="BE17" s="318">
        <v>169992</v>
      </c>
      <c r="BF17" s="319">
        <v>368330</v>
      </c>
      <c r="BG17" s="323">
        <v>538322</v>
      </c>
      <c r="BH17" s="324">
        <v>0</v>
      </c>
      <c r="BI17" s="319">
        <v>1168149</v>
      </c>
      <c r="BJ17" s="319">
        <v>916238</v>
      </c>
      <c r="BK17" s="319">
        <v>922841</v>
      </c>
      <c r="BL17" s="319">
        <v>955630</v>
      </c>
      <c r="BM17" s="319">
        <v>97220</v>
      </c>
      <c r="BN17" s="320">
        <v>4060078</v>
      </c>
      <c r="BO17" s="322">
        <v>4598400</v>
      </c>
      <c r="BP17" s="318">
        <v>648542</v>
      </c>
      <c r="BQ17" s="319">
        <v>560719</v>
      </c>
      <c r="BR17" s="320">
        <v>1209261</v>
      </c>
      <c r="BS17" s="318">
        <v>0</v>
      </c>
      <c r="BT17" s="319">
        <v>5445268</v>
      </c>
      <c r="BU17" s="319">
        <v>5153445</v>
      </c>
      <c r="BV17" s="319">
        <v>4475829</v>
      </c>
      <c r="BW17" s="319">
        <v>5009110</v>
      </c>
      <c r="BX17" s="319">
        <v>3498295</v>
      </c>
      <c r="BY17" s="320">
        <v>23581947</v>
      </c>
      <c r="BZ17" s="322">
        <v>24791208</v>
      </c>
      <c r="CA17" s="318">
        <v>1897150</v>
      </c>
      <c r="CB17" s="319">
        <v>2449357</v>
      </c>
      <c r="CC17" s="320">
        <v>4346507</v>
      </c>
      <c r="CD17" s="318">
        <v>0</v>
      </c>
      <c r="CE17" s="319">
        <v>55025625</v>
      </c>
      <c r="CF17" s="319">
        <v>37878540</v>
      </c>
      <c r="CG17" s="319">
        <v>29569802</v>
      </c>
      <c r="CH17" s="319">
        <v>22524455</v>
      </c>
      <c r="CI17" s="319">
        <v>11443089</v>
      </c>
      <c r="CJ17" s="320">
        <v>156441511</v>
      </c>
      <c r="CK17" s="322">
        <v>160788018</v>
      </c>
      <c r="CL17" s="318">
        <v>0</v>
      </c>
      <c r="CM17" s="319">
        <v>0</v>
      </c>
      <c r="CN17" s="320">
        <v>0</v>
      </c>
      <c r="CO17" s="324">
        <v>0</v>
      </c>
      <c r="CP17" s="319">
        <v>44101554</v>
      </c>
      <c r="CQ17" s="319">
        <v>30269160</v>
      </c>
      <c r="CR17" s="319">
        <v>23215475</v>
      </c>
      <c r="CS17" s="319">
        <v>17883405</v>
      </c>
      <c r="CT17" s="319">
        <v>9585705</v>
      </c>
      <c r="CU17" s="320">
        <v>125055299</v>
      </c>
      <c r="CV17" s="322">
        <v>125055299</v>
      </c>
      <c r="CW17" s="318">
        <v>1897150</v>
      </c>
      <c r="CX17" s="319">
        <v>2449357</v>
      </c>
      <c r="CY17" s="320">
        <v>4346507</v>
      </c>
      <c r="CZ17" s="318">
        <v>0</v>
      </c>
      <c r="DA17" s="319">
        <v>10924071</v>
      </c>
      <c r="DB17" s="319">
        <v>7609380</v>
      </c>
      <c r="DC17" s="319">
        <v>6354327</v>
      </c>
      <c r="DD17" s="319">
        <v>4641050</v>
      </c>
      <c r="DE17" s="319">
        <v>1857384</v>
      </c>
      <c r="DF17" s="320">
        <v>31386212</v>
      </c>
      <c r="DG17" s="322">
        <v>35732719</v>
      </c>
      <c r="DH17" s="318">
        <v>47668</v>
      </c>
      <c r="DI17" s="319">
        <v>340310</v>
      </c>
      <c r="DJ17" s="323">
        <v>387978</v>
      </c>
      <c r="DK17" s="324">
        <v>0</v>
      </c>
      <c r="DL17" s="319">
        <v>6130793</v>
      </c>
      <c r="DM17" s="319">
        <v>9985195</v>
      </c>
      <c r="DN17" s="319">
        <v>14111816</v>
      </c>
      <c r="DO17" s="319">
        <v>14293741</v>
      </c>
      <c r="DP17" s="319">
        <v>6550697</v>
      </c>
      <c r="DQ17" s="320">
        <v>51072242</v>
      </c>
      <c r="DR17" s="322">
        <v>51460220</v>
      </c>
      <c r="DS17" s="318">
        <v>47668</v>
      </c>
      <c r="DT17" s="319">
        <v>340310</v>
      </c>
      <c r="DU17" s="320">
        <v>387978</v>
      </c>
      <c r="DV17" s="318">
        <v>0</v>
      </c>
      <c r="DW17" s="319">
        <v>5801663</v>
      </c>
      <c r="DX17" s="319">
        <v>9275261</v>
      </c>
      <c r="DY17" s="319">
        <v>13137122</v>
      </c>
      <c r="DZ17" s="319">
        <v>12867666</v>
      </c>
      <c r="EA17" s="319">
        <v>5896233</v>
      </c>
      <c r="EB17" s="320">
        <v>46977945</v>
      </c>
      <c r="EC17" s="322">
        <v>47365923</v>
      </c>
      <c r="ED17" s="318">
        <v>0</v>
      </c>
      <c r="EE17" s="323">
        <v>0</v>
      </c>
      <c r="EF17" s="320">
        <v>0</v>
      </c>
      <c r="EG17" s="318">
        <v>0</v>
      </c>
      <c r="EH17" s="319">
        <v>329130</v>
      </c>
      <c r="EI17" s="319">
        <v>709934</v>
      </c>
      <c r="EJ17" s="319">
        <v>974694</v>
      </c>
      <c r="EK17" s="319">
        <v>1426075</v>
      </c>
      <c r="EL17" s="319">
        <v>654464</v>
      </c>
      <c r="EM17" s="323">
        <v>4094297</v>
      </c>
      <c r="EN17" s="322">
        <v>4094297</v>
      </c>
      <c r="EO17" s="318">
        <v>0</v>
      </c>
      <c r="EP17" s="319">
        <v>0</v>
      </c>
      <c r="EQ17" s="323">
        <v>0</v>
      </c>
      <c r="ER17" s="324">
        <v>0</v>
      </c>
      <c r="ES17" s="319">
        <v>0</v>
      </c>
      <c r="ET17" s="319">
        <v>0</v>
      </c>
      <c r="EU17" s="319">
        <v>0</v>
      </c>
      <c r="EV17" s="319">
        <v>0</v>
      </c>
      <c r="EW17" s="319">
        <v>0</v>
      </c>
      <c r="EX17" s="320">
        <v>0</v>
      </c>
      <c r="EY17" s="322">
        <v>0</v>
      </c>
      <c r="EZ17" s="318">
        <v>0</v>
      </c>
      <c r="FA17" s="319">
        <v>0</v>
      </c>
      <c r="FB17" s="323">
        <v>0</v>
      </c>
      <c r="FC17" s="346"/>
      <c r="FD17" s="319">
        <v>0</v>
      </c>
      <c r="FE17" s="319">
        <v>0</v>
      </c>
      <c r="FF17" s="319">
        <v>0</v>
      </c>
      <c r="FG17" s="319">
        <v>0</v>
      </c>
      <c r="FH17" s="319">
        <v>0</v>
      </c>
      <c r="FI17" s="320">
        <v>0</v>
      </c>
      <c r="FJ17" s="322">
        <v>0</v>
      </c>
      <c r="FK17" s="318">
        <v>2995668</v>
      </c>
      <c r="FL17" s="319">
        <v>3435148</v>
      </c>
      <c r="FM17" s="320">
        <v>6430816</v>
      </c>
      <c r="FN17" s="318">
        <v>0</v>
      </c>
      <c r="FO17" s="319">
        <v>8446874</v>
      </c>
      <c r="FP17" s="319">
        <v>10575726</v>
      </c>
      <c r="FQ17" s="319">
        <v>9398984</v>
      </c>
      <c r="FR17" s="319">
        <v>8491429</v>
      </c>
      <c r="FS17" s="319">
        <v>6347567</v>
      </c>
      <c r="FT17" s="320">
        <v>43260580</v>
      </c>
      <c r="FU17" s="322">
        <v>49691396</v>
      </c>
      <c r="FV17" s="326">
        <v>1833936</v>
      </c>
      <c r="FW17" s="319">
        <v>2616499</v>
      </c>
      <c r="FX17" s="323">
        <v>4450435</v>
      </c>
      <c r="FY17" s="324">
        <v>0</v>
      </c>
      <c r="FZ17" s="319">
        <v>6467662</v>
      </c>
      <c r="GA17" s="319">
        <v>9889592</v>
      </c>
      <c r="GB17" s="319">
        <v>8706660</v>
      </c>
      <c r="GC17" s="319">
        <v>8191472</v>
      </c>
      <c r="GD17" s="319">
        <v>6052183</v>
      </c>
      <c r="GE17" s="320">
        <v>39307569</v>
      </c>
      <c r="GF17" s="327">
        <v>43758004</v>
      </c>
      <c r="GG17" s="326">
        <v>114781</v>
      </c>
      <c r="GH17" s="319">
        <v>74358</v>
      </c>
      <c r="GI17" s="323">
        <v>189139</v>
      </c>
      <c r="GJ17" s="324">
        <v>0</v>
      </c>
      <c r="GK17" s="319">
        <v>525056</v>
      </c>
      <c r="GL17" s="319">
        <v>103194</v>
      </c>
      <c r="GM17" s="319">
        <v>303190</v>
      </c>
      <c r="GN17" s="319">
        <v>175857</v>
      </c>
      <c r="GO17" s="319">
        <v>46584</v>
      </c>
      <c r="GP17" s="320">
        <v>1153881</v>
      </c>
      <c r="GQ17" s="322">
        <v>1343020</v>
      </c>
      <c r="GR17" s="318">
        <v>1046951</v>
      </c>
      <c r="GS17" s="319">
        <v>744291</v>
      </c>
      <c r="GT17" s="320">
        <v>1791242</v>
      </c>
      <c r="GU17" s="318">
        <v>0</v>
      </c>
      <c r="GV17" s="319">
        <v>1454156</v>
      </c>
      <c r="GW17" s="319">
        <v>582940</v>
      </c>
      <c r="GX17" s="319">
        <v>389134</v>
      </c>
      <c r="GY17" s="319">
        <v>124100</v>
      </c>
      <c r="GZ17" s="319">
        <v>248800</v>
      </c>
      <c r="HA17" s="323">
        <v>2799130</v>
      </c>
      <c r="HB17" s="322">
        <v>4590372</v>
      </c>
      <c r="HC17" s="318">
        <v>2470364</v>
      </c>
      <c r="HD17" s="319">
        <v>3212143</v>
      </c>
      <c r="HE17" s="323">
        <v>5682507</v>
      </c>
      <c r="HF17" s="324">
        <v>0</v>
      </c>
      <c r="HG17" s="319">
        <v>31540255</v>
      </c>
      <c r="HH17" s="319">
        <v>26065861</v>
      </c>
      <c r="HI17" s="319">
        <v>23677893</v>
      </c>
      <c r="HJ17" s="319">
        <v>33527251</v>
      </c>
      <c r="HK17" s="319">
        <v>20223801</v>
      </c>
      <c r="HL17" s="320">
        <v>135035061</v>
      </c>
      <c r="HM17" s="321">
        <v>140717568</v>
      </c>
      <c r="HN17" s="326">
        <v>2306728</v>
      </c>
      <c r="HO17" s="319">
        <v>2613874</v>
      </c>
      <c r="HP17" s="320">
        <v>4920602</v>
      </c>
      <c r="HQ17" s="318">
        <v>0</v>
      </c>
      <c r="HR17" s="319">
        <v>27636921</v>
      </c>
      <c r="HS17" s="319">
        <v>15146806</v>
      </c>
      <c r="HT17" s="319">
        <v>12174304</v>
      </c>
      <c r="HU17" s="319">
        <v>8558494</v>
      </c>
      <c r="HV17" s="319">
        <v>5444885</v>
      </c>
      <c r="HW17" s="323">
        <v>68961410</v>
      </c>
      <c r="HX17" s="322">
        <v>73882012</v>
      </c>
      <c r="HY17" s="328">
        <v>304118</v>
      </c>
      <c r="HZ17" s="329">
        <v>1483557</v>
      </c>
      <c r="IA17" s="330">
        <v>1787675</v>
      </c>
      <c r="IB17" s="353">
        <v>0</v>
      </c>
      <c r="IC17" s="329">
        <v>53999472</v>
      </c>
      <c r="ID17" s="354">
        <v>52792252</v>
      </c>
      <c r="IE17" s="330">
        <v>41971238</v>
      </c>
      <c r="IF17" s="329">
        <v>30809708</v>
      </c>
      <c r="IG17" s="330">
        <v>17123030</v>
      </c>
      <c r="IH17" s="355">
        <v>196695700</v>
      </c>
      <c r="II17" s="336">
        <v>198483375</v>
      </c>
      <c r="IJ17" s="337">
        <v>0</v>
      </c>
      <c r="IK17" s="338">
        <v>0</v>
      </c>
      <c r="IL17" s="339">
        <v>0</v>
      </c>
      <c r="IM17" s="346"/>
      <c r="IN17" s="341">
        <v>607238</v>
      </c>
      <c r="IO17" s="341">
        <v>1024163</v>
      </c>
      <c r="IP17" s="341">
        <v>1406013</v>
      </c>
      <c r="IQ17" s="341">
        <v>781481</v>
      </c>
      <c r="IR17" s="341">
        <v>1834871</v>
      </c>
      <c r="IS17" s="342">
        <v>5653766</v>
      </c>
      <c r="IT17" s="343">
        <v>5653766</v>
      </c>
      <c r="IU17" s="344">
        <v>0</v>
      </c>
      <c r="IV17" s="341">
        <v>0</v>
      </c>
      <c r="IW17" s="345">
        <v>0</v>
      </c>
      <c r="IX17" s="346"/>
      <c r="IY17" s="341">
        <v>187773</v>
      </c>
      <c r="IZ17" s="341">
        <v>262119</v>
      </c>
      <c r="JA17" s="341">
        <v>190570</v>
      </c>
      <c r="JB17" s="341">
        <v>204774</v>
      </c>
      <c r="JC17" s="341">
        <v>60396</v>
      </c>
      <c r="JD17" s="345">
        <v>905632</v>
      </c>
      <c r="JE17" s="347">
        <v>905632</v>
      </c>
      <c r="JF17" s="344">
        <v>0</v>
      </c>
      <c r="JG17" s="341">
        <v>0</v>
      </c>
      <c r="JH17" s="342">
        <v>0</v>
      </c>
      <c r="JI17" s="348">
        <v>0</v>
      </c>
      <c r="JJ17" s="341">
        <v>30711067</v>
      </c>
      <c r="JK17" s="341">
        <v>21390364</v>
      </c>
      <c r="JL17" s="341">
        <v>16644051</v>
      </c>
      <c r="JM17" s="341">
        <v>9506147</v>
      </c>
      <c r="JN17" s="341">
        <v>3527103</v>
      </c>
      <c r="JO17" s="345">
        <v>81778732</v>
      </c>
      <c r="JP17" s="343">
        <v>81778732</v>
      </c>
      <c r="JQ17" s="344">
        <v>0</v>
      </c>
      <c r="JR17" s="341">
        <v>95518</v>
      </c>
      <c r="JS17" s="342">
        <v>95518</v>
      </c>
      <c r="JT17" s="348">
        <v>0</v>
      </c>
      <c r="JU17" s="341">
        <v>1802116</v>
      </c>
      <c r="JV17" s="341">
        <v>926515</v>
      </c>
      <c r="JW17" s="341">
        <v>995520</v>
      </c>
      <c r="JX17" s="341">
        <v>0</v>
      </c>
      <c r="JY17" s="341">
        <v>168797</v>
      </c>
      <c r="JZ17" s="345">
        <v>3892948</v>
      </c>
      <c r="KA17" s="343">
        <v>3988466</v>
      </c>
      <c r="KB17" s="349">
        <v>304118</v>
      </c>
      <c r="KC17" s="350">
        <v>416610</v>
      </c>
      <c r="KD17" s="345">
        <v>720728</v>
      </c>
      <c r="KE17" s="348">
        <v>0</v>
      </c>
      <c r="KF17" s="341">
        <v>6008015</v>
      </c>
      <c r="KG17" s="341">
        <v>6846017</v>
      </c>
      <c r="KH17" s="341">
        <v>5575431</v>
      </c>
      <c r="KI17" s="341">
        <v>4621356</v>
      </c>
      <c r="KJ17" s="341">
        <v>2247747</v>
      </c>
      <c r="KK17" s="345">
        <v>25298566</v>
      </c>
      <c r="KL17" s="351">
        <v>26019294</v>
      </c>
      <c r="KM17" s="337">
        <v>0</v>
      </c>
      <c r="KN17" s="338">
        <v>971429</v>
      </c>
      <c r="KO17" s="339">
        <v>971429</v>
      </c>
      <c r="KP17" s="352"/>
      <c r="KQ17" s="341">
        <v>14234058</v>
      </c>
      <c r="KR17" s="341">
        <v>21731877</v>
      </c>
      <c r="KS17" s="341">
        <v>16110415</v>
      </c>
      <c r="KT17" s="341">
        <v>13855186</v>
      </c>
      <c r="KU17" s="341">
        <v>7950567</v>
      </c>
      <c r="KV17" s="345">
        <v>73882103</v>
      </c>
      <c r="KW17" s="343">
        <v>74853532</v>
      </c>
      <c r="KX17" s="344">
        <v>0</v>
      </c>
      <c r="KY17" s="341">
        <v>0</v>
      </c>
      <c r="KZ17" s="345">
        <v>0</v>
      </c>
      <c r="LA17" s="352"/>
      <c r="LB17" s="341">
        <v>0</v>
      </c>
      <c r="LC17" s="341">
        <v>0</v>
      </c>
      <c r="LD17" s="341">
        <v>0</v>
      </c>
      <c r="LE17" s="341">
        <v>0</v>
      </c>
      <c r="LF17" s="341">
        <v>0</v>
      </c>
      <c r="LG17" s="345">
        <v>0</v>
      </c>
      <c r="LH17" s="347">
        <v>0</v>
      </c>
      <c r="LI17" s="344">
        <v>0</v>
      </c>
      <c r="LJ17" s="341">
        <v>0</v>
      </c>
      <c r="LK17" s="345">
        <v>0</v>
      </c>
      <c r="LL17" s="352"/>
      <c r="LM17" s="341">
        <v>0</v>
      </c>
      <c r="LN17" s="341">
        <v>221580</v>
      </c>
      <c r="LO17" s="341">
        <v>217395</v>
      </c>
      <c r="LP17" s="341">
        <v>0</v>
      </c>
      <c r="LQ17" s="341">
        <v>0</v>
      </c>
      <c r="LR17" s="345">
        <v>438975</v>
      </c>
      <c r="LS17" s="343">
        <v>438975</v>
      </c>
      <c r="LT17" s="344">
        <v>0</v>
      </c>
      <c r="LU17" s="341">
        <v>0</v>
      </c>
      <c r="LV17" s="345">
        <v>0</v>
      </c>
      <c r="LW17" s="352"/>
      <c r="LX17" s="341">
        <v>449205</v>
      </c>
      <c r="LY17" s="341">
        <v>389617</v>
      </c>
      <c r="LZ17" s="341">
        <v>831843</v>
      </c>
      <c r="MA17" s="341">
        <v>1840764</v>
      </c>
      <c r="MB17" s="341">
        <v>1333549</v>
      </c>
      <c r="MC17" s="345">
        <v>4844978</v>
      </c>
      <c r="MD17" s="347">
        <v>4844978</v>
      </c>
      <c r="ME17" s="344">
        <v>0</v>
      </c>
      <c r="MF17" s="341">
        <v>0</v>
      </c>
      <c r="MG17" s="345">
        <v>0</v>
      </c>
      <c r="MH17" s="352"/>
      <c r="MI17" s="341">
        <v>20985773</v>
      </c>
      <c r="MJ17" s="341">
        <v>28239649</v>
      </c>
      <c r="MK17" s="341">
        <v>91254957</v>
      </c>
      <c r="ML17" s="341">
        <v>142678111</v>
      </c>
      <c r="MM17" s="341">
        <v>78956198</v>
      </c>
      <c r="MN17" s="345">
        <v>362114688</v>
      </c>
      <c r="MO17" s="351">
        <v>362114688</v>
      </c>
      <c r="MP17" s="344">
        <v>0</v>
      </c>
      <c r="MQ17" s="341">
        <v>0</v>
      </c>
      <c r="MR17" s="345">
        <v>0</v>
      </c>
      <c r="MS17" s="352"/>
      <c r="MT17" s="341">
        <v>388993</v>
      </c>
      <c r="MU17" s="341">
        <v>1133830</v>
      </c>
      <c r="MV17" s="341">
        <v>51801670</v>
      </c>
      <c r="MW17" s="341">
        <v>94334156</v>
      </c>
      <c r="MX17" s="341">
        <v>51487529</v>
      </c>
      <c r="MY17" s="345">
        <v>199146178</v>
      </c>
      <c r="MZ17" s="351">
        <v>199146178</v>
      </c>
      <c r="NA17" s="344">
        <v>0</v>
      </c>
      <c r="NB17" s="341">
        <v>0</v>
      </c>
      <c r="NC17" s="345">
        <v>0</v>
      </c>
      <c r="ND17" s="352"/>
      <c r="NE17" s="341">
        <v>19821851</v>
      </c>
      <c r="NF17" s="341">
        <v>25532125</v>
      </c>
      <c r="NG17" s="341">
        <v>37081124</v>
      </c>
      <c r="NH17" s="341">
        <v>45549398</v>
      </c>
      <c r="NI17" s="341">
        <v>19509212</v>
      </c>
      <c r="NJ17" s="345">
        <v>147493710</v>
      </c>
      <c r="NK17" s="343">
        <v>147493710</v>
      </c>
      <c r="NL17" s="344">
        <v>0</v>
      </c>
      <c r="NM17" s="341">
        <v>0</v>
      </c>
      <c r="NN17" s="345">
        <v>0</v>
      </c>
      <c r="NO17" s="352"/>
      <c r="NP17" s="341">
        <v>0</v>
      </c>
      <c r="NQ17" s="341">
        <v>0</v>
      </c>
      <c r="NR17" s="341">
        <v>0</v>
      </c>
      <c r="NS17" s="341">
        <v>0</v>
      </c>
      <c r="NT17" s="341">
        <v>378806</v>
      </c>
      <c r="NU17" s="345">
        <v>378806</v>
      </c>
      <c r="NV17" s="347">
        <v>378806</v>
      </c>
      <c r="NW17" s="344">
        <v>0</v>
      </c>
      <c r="NX17" s="341">
        <v>0</v>
      </c>
      <c r="NY17" s="345">
        <v>0</v>
      </c>
      <c r="NZ17" s="352"/>
      <c r="OA17" s="341">
        <v>774929</v>
      </c>
      <c r="OB17" s="341">
        <v>1573694</v>
      </c>
      <c r="OC17" s="341">
        <v>2372163</v>
      </c>
      <c r="OD17" s="341">
        <v>2794557</v>
      </c>
      <c r="OE17" s="341">
        <v>7580651</v>
      </c>
      <c r="OF17" s="345">
        <v>15095994</v>
      </c>
      <c r="OG17" s="347">
        <v>15095994</v>
      </c>
      <c r="OH17" s="344">
        <v>11972510</v>
      </c>
      <c r="OI17" s="341">
        <v>16838606</v>
      </c>
      <c r="OJ17" s="342">
        <v>28811116</v>
      </c>
      <c r="OK17" s="348">
        <v>0</v>
      </c>
      <c r="OL17" s="341">
        <v>243736993</v>
      </c>
      <c r="OM17" s="341">
        <v>215950241</v>
      </c>
      <c r="ON17" s="341">
        <v>259154831</v>
      </c>
      <c r="OO17" s="341">
        <v>305327579</v>
      </c>
      <c r="OP17" s="341">
        <v>191363205</v>
      </c>
      <c r="OQ17" s="345">
        <v>1215532849</v>
      </c>
      <c r="OR17" s="351">
        <v>1244343965</v>
      </c>
    </row>
    <row r="18" spans="1:408" ht="18.75" customHeight="1" x14ac:dyDescent="0.2">
      <c r="A18" s="61" t="s">
        <v>12</v>
      </c>
      <c r="B18" s="318">
        <v>14721468</v>
      </c>
      <c r="C18" s="319">
        <v>28038609</v>
      </c>
      <c r="D18" s="320">
        <v>42760077</v>
      </c>
      <c r="E18" s="321">
        <v>0</v>
      </c>
      <c r="F18" s="319">
        <v>124585044</v>
      </c>
      <c r="G18" s="276">
        <v>136936257</v>
      </c>
      <c r="H18" s="276">
        <v>129300307</v>
      </c>
      <c r="I18" s="276">
        <v>141831846</v>
      </c>
      <c r="J18" s="276">
        <v>101617751</v>
      </c>
      <c r="K18" s="323">
        <v>634271205</v>
      </c>
      <c r="L18" s="322">
        <v>677031282</v>
      </c>
      <c r="M18" s="318">
        <v>3330668</v>
      </c>
      <c r="N18" s="319">
        <v>6980798</v>
      </c>
      <c r="O18" s="320">
        <v>10311466</v>
      </c>
      <c r="P18" s="318">
        <v>0</v>
      </c>
      <c r="Q18" s="319">
        <v>34647882</v>
      </c>
      <c r="R18" s="319">
        <v>41449437</v>
      </c>
      <c r="S18" s="319">
        <v>38827422</v>
      </c>
      <c r="T18" s="319">
        <v>50829071</v>
      </c>
      <c r="U18" s="319">
        <v>52515500</v>
      </c>
      <c r="V18" s="320">
        <v>218269312</v>
      </c>
      <c r="W18" s="322">
        <v>228580778</v>
      </c>
      <c r="X18" s="318">
        <v>0</v>
      </c>
      <c r="Y18" s="319">
        <v>0</v>
      </c>
      <c r="Z18" s="320">
        <v>0</v>
      </c>
      <c r="AA18" s="318">
        <v>0</v>
      </c>
      <c r="AB18" s="319">
        <v>20740741</v>
      </c>
      <c r="AC18" s="319">
        <v>23732662</v>
      </c>
      <c r="AD18" s="319">
        <v>24963435</v>
      </c>
      <c r="AE18" s="319">
        <v>32531328</v>
      </c>
      <c r="AF18" s="319">
        <v>34004274</v>
      </c>
      <c r="AG18" s="320">
        <v>135972440</v>
      </c>
      <c r="AH18" s="322">
        <v>135972440</v>
      </c>
      <c r="AI18" s="318">
        <v>0</v>
      </c>
      <c r="AJ18" s="319">
        <v>159065</v>
      </c>
      <c r="AK18" s="320">
        <v>159065</v>
      </c>
      <c r="AL18" s="318">
        <v>0</v>
      </c>
      <c r="AM18" s="319">
        <v>156235</v>
      </c>
      <c r="AN18" s="319">
        <v>1153366</v>
      </c>
      <c r="AO18" s="319">
        <v>981608</v>
      </c>
      <c r="AP18" s="319">
        <v>3316158</v>
      </c>
      <c r="AQ18" s="319">
        <v>5447698</v>
      </c>
      <c r="AR18" s="320">
        <v>11055065</v>
      </c>
      <c r="AS18" s="322">
        <v>11214130</v>
      </c>
      <c r="AT18" s="318">
        <v>2429048</v>
      </c>
      <c r="AU18" s="319">
        <v>5371311</v>
      </c>
      <c r="AV18" s="320">
        <v>7800359</v>
      </c>
      <c r="AW18" s="318">
        <v>0</v>
      </c>
      <c r="AX18" s="319">
        <v>9054900</v>
      </c>
      <c r="AY18" s="319">
        <v>10536615</v>
      </c>
      <c r="AZ18" s="319">
        <v>7488537</v>
      </c>
      <c r="BA18" s="319">
        <v>9078226</v>
      </c>
      <c r="BB18" s="319">
        <v>8220398</v>
      </c>
      <c r="BC18" s="320">
        <v>44378676</v>
      </c>
      <c r="BD18" s="322">
        <v>52179035</v>
      </c>
      <c r="BE18" s="318">
        <v>89056</v>
      </c>
      <c r="BF18" s="319">
        <v>478507</v>
      </c>
      <c r="BG18" s="323">
        <v>567563</v>
      </c>
      <c r="BH18" s="324">
        <v>0</v>
      </c>
      <c r="BI18" s="319">
        <v>364261</v>
      </c>
      <c r="BJ18" s="319">
        <v>1667463</v>
      </c>
      <c r="BK18" s="319">
        <v>1038876</v>
      </c>
      <c r="BL18" s="319">
        <v>686181</v>
      </c>
      <c r="BM18" s="319">
        <v>744552</v>
      </c>
      <c r="BN18" s="320">
        <v>4501333</v>
      </c>
      <c r="BO18" s="322">
        <v>5068896</v>
      </c>
      <c r="BP18" s="318">
        <v>812564</v>
      </c>
      <c r="BQ18" s="319">
        <v>971915</v>
      </c>
      <c r="BR18" s="320">
        <v>1784479</v>
      </c>
      <c r="BS18" s="318">
        <v>0</v>
      </c>
      <c r="BT18" s="319">
        <v>4331745</v>
      </c>
      <c r="BU18" s="319">
        <v>4359331</v>
      </c>
      <c r="BV18" s="319">
        <v>4354966</v>
      </c>
      <c r="BW18" s="319">
        <v>5217178</v>
      </c>
      <c r="BX18" s="319">
        <v>4098578</v>
      </c>
      <c r="BY18" s="320">
        <v>22361798</v>
      </c>
      <c r="BZ18" s="322">
        <v>24146277</v>
      </c>
      <c r="CA18" s="318">
        <v>3118377</v>
      </c>
      <c r="CB18" s="319">
        <v>5782806</v>
      </c>
      <c r="CC18" s="320">
        <v>8901183</v>
      </c>
      <c r="CD18" s="318">
        <v>0</v>
      </c>
      <c r="CE18" s="319">
        <v>40986283</v>
      </c>
      <c r="CF18" s="319">
        <v>41331493</v>
      </c>
      <c r="CG18" s="319">
        <v>36088648</v>
      </c>
      <c r="CH18" s="319">
        <v>29314272</v>
      </c>
      <c r="CI18" s="319">
        <v>11549273</v>
      </c>
      <c r="CJ18" s="320">
        <v>159269969</v>
      </c>
      <c r="CK18" s="322">
        <v>168171152</v>
      </c>
      <c r="CL18" s="318">
        <v>0</v>
      </c>
      <c r="CM18" s="319">
        <v>0</v>
      </c>
      <c r="CN18" s="320">
        <v>0</v>
      </c>
      <c r="CO18" s="324">
        <v>0</v>
      </c>
      <c r="CP18" s="319">
        <v>35036080</v>
      </c>
      <c r="CQ18" s="319">
        <v>30564632</v>
      </c>
      <c r="CR18" s="319">
        <v>28175431</v>
      </c>
      <c r="CS18" s="319">
        <v>22290816</v>
      </c>
      <c r="CT18" s="319">
        <v>8885505</v>
      </c>
      <c r="CU18" s="320">
        <v>124952464</v>
      </c>
      <c r="CV18" s="322">
        <v>124952464</v>
      </c>
      <c r="CW18" s="318">
        <v>3118377</v>
      </c>
      <c r="CX18" s="319">
        <v>5782806</v>
      </c>
      <c r="CY18" s="320">
        <v>8901183</v>
      </c>
      <c r="CZ18" s="318">
        <v>0</v>
      </c>
      <c r="DA18" s="319">
        <v>5950203</v>
      </c>
      <c r="DB18" s="319">
        <v>10766861</v>
      </c>
      <c r="DC18" s="319">
        <v>7913217</v>
      </c>
      <c r="DD18" s="319">
        <v>7023456</v>
      </c>
      <c r="DE18" s="319">
        <v>2663768</v>
      </c>
      <c r="DF18" s="320">
        <v>34317505</v>
      </c>
      <c r="DG18" s="322">
        <v>43218688</v>
      </c>
      <c r="DH18" s="318">
        <v>100096</v>
      </c>
      <c r="DI18" s="319">
        <v>325013</v>
      </c>
      <c r="DJ18" s="323">
        <v>425109</v>
      </c>
      <c r="DK18" s="324">
        <v>0</v>
      </c>
      <c r="DL18" s="319">
        <v>4388945</v>
      </c>
      <c r="DM18" s="319">
        <v>6860804</v>
      </c>
      <c r="DN18" s="319">
        <v>11722241</v>
      </c>
      <c r="DO18" s="319">
        <v>10648983</v>
      </c>
      <c r="DP18" s="319">
        <v>5418803</v>
      </c>
      <c r="DQ18" s="320">
        <v>39039776</v>
      </c>
      <c r="DR18" s="322">
        <v>39464885</v>
      </c>
      <c r="DS18" s="318">
        <v>76594</v>
      </c>
      <c r="DT18" s="319">
        <v>325013</v>
      </c>
      <c r="DU18" s="320">
        <v>401607</v>
      </c>
      <c r="DV18" s="318">
        <v>0</v>
      </c>
      <c r="DW18" s="319">
        <v>4229315</v>
      </c>
      <c r="DX18" s="319">
        <v>6660583</v>
      </c>
      <c r="DY18" s="319">
        <v>11374497</v>
      </c>
      <c r="DZ18" s="319">
        <v>10210173</v>
      </c>
      <c r="EA18" s="319">
        <v>5281165</v>
      </c>
      <c r="EB18" s="320">
        <v>37755733</v>
      </c>
      <c r="EC18" s="322">
        <v>38157340</v>
      </c>
      <c r="ED18" s="318">
        <v>23502</v>
      </c>
      <c r="EE18" s="323">
        <v>0</v>
      </c>
      <c r="EF18" s="320">
        <v>23502</v>
      </c>
      <c r="EG18" s="318">
        <v>0</v>
      </c>
      <c r="EH18" s="319">
        <v>159630</v>
      </c>
      <c r="EI18" s="319">
        <v>200221</v>
      </c>
      <c r="EJ18" s="319">
        <v>347744</v>
      </c>
      <c r="EK18" s="319">
        <v>438810</v>
      </c>
      <c r="EL18" s="319">
        <v>137638</v>
      </c>
      <c r="EM18" s="323">
        <v>1284043</v>
      </c>
      <c r="EN18" s="322">
        <v>1307545</v>
      </c>
      <c r="EO18" s="318">
        <v>0</v>
      </c>
      <c r="EP18" s="319">
        <v>0</v>
      </c>
      <c r="EQ18" s="323">
        <v>0</v>
      </c>
      <c r="ER18" s="324">
        <v>0</v>
      </c>
      <c r="ES18" s="319">
        <v>0</v>
      </c>
      <c r="ET18" s="319">
        <v>0</v>
      </c>
      <c r="EU18" s="319">
        <v>0</v>
      </c>
      <c r="EV18" s="319">
        <v>0</v>
      </c>
      <c r="EW18" s="319">
        <v>0</v>
      </c>
      <c r="EX18" s="320">
        <v>0</v>
      </c>
      <c r="EY18" s="322">
        <v>0</v>
      </c>
      <c r="EZ18" s="318">
        <v>0</v>
      </c>
      <c r="FA18" s="319">
        <v>0</v>
      </c>
      <c r="FB18" s="323">
        <v>0</v>
      </c>
      <c r="FC18" s="346"/>
      <c r="FD18" s="319">
        <v>0</v>
      </c>
      <c r="FE18" s="319">
        <v>0</v>
      </c>
      <c r="FF18" s="319">
        <v>0</v>
      </c>
      <c r="FG18" s="319">
        <v>0</v>
      </c>
      <c r="FH18" s="319">
        <v>0</v>
      </c>
      <c r="FI18" s="320">
        <v>0</v>
      </c>
      <c r="FJ18" s="322">
        <v>0</v>
      </c>
      <c r="FK18" s="318">
        <v>2554588</v>
      </c>
      <c r="FL18" s="319">
        <v>6104251</v>
      </c>
      <c r="FM18" s="320">
        <v>8658839</v>
      </c>
      <c r="FN18" s="318">
        <v>0</v>
      </c>
      <c r="FO18" s="319">
        <v>3963772</v>
      </c>
      <c r="FP18" s="319">
        <v>12788327</v>
      </c>
      <c r="FQ18" s="319">
        <v>11168229</v>
      </c>
      <c r="FR18" s="319">
        <v>11828179</v>
      </c>
      <c r="FS18" s="319">
        <v>7825091</v>
      </c>
      <c r="FT18" s="320">
        <v>47573598</v>
      </c>
      <c r="FU18" s="322">
        <v>56232437</v>
      </c>
      <c r="FV18" s="326">
        <v>2263952</v>
      </c>
      <c r="FW18" s="319">
        <v>4799734</v>
      </c>
      <c r="FX18" s="323">
        <v>7063686</v>
      </c>
      <c r="FY18" s="324">
        <v>0</v>
      </c>
      <c r="FZ18" s="319">
        <v>3251883</v>
      </c>
      <c r="GA18" s="319">
        <v>12146212</v>
      </c>
      <c r="GB18" s="319">
        <v>10407590</v>
      </c>
      <c r="GC18" s="319">
        <v>11230534</v>
      </c>
      <c r="GD18" s="319">
        <v>7309944</v>
      </c>
      <c r="GE18" s="320">
        <v>44346163</v>
      </c>
      <c r="GF18" s="327">
        <v>51409849</v>
      </c>
      <c r="GG18" s="326">
        <v>33120</v>
      </c>
      <c r="GH18" s="319">
        <v>586178</v>
      </c>
      <c r="GI18" s="323">
        <v>619298</v>
      </c>
      <c r="GJ18" s="324">
        <v>0</v>
      </c>
      <c r="GK18" s="319">
        <v>38610</v>
      </c>
      <c r="GL18" s="319">
        <v>369404</v>
      </c>
      <c r="GM18" s="319">
        <v>291655</v>
      </c>
      <c r="GN18" s="319">
        <v>117947</v>
      </c>
      <c r="GO18" s="319">
        <v>105957</v>
      </c>
      <c r="GP18" s="320">
        <v>923573</v>
      </c>
      <c r="GQ18" s="322">
        <v>1542871</v>
      </c>
      <c r="GR18" s="318">
        <v>257516</v>
      </c>
      <c r="GS18" s="319">
        <v>718339</v>
      </c>
      <c r="GT18" s="320">
        <v>975855</v>
      </c>
      <c r="GU18" s="318">
        <v>0</v>
      </c>
      <c r="GV18" s="319">
        <v>673279</v>
      </c>
      <c r="GW18" s="319">
        <v>272711</v>
      </c>
      <c r="GX18" s="319">
        <v>468984</v>
      </c>
      <c r="GY18" s="319">
        <v>479698</v>
      </c>
      <c r="GZ18" s="319">
        <v>409190</v>
      </c>
      <c r="HA18" s="323">
        <v>2303862</v>
      </c>
      <c r="HB18" s="322">
        <v>3279717</v>
      </c>
      <c r="HC18" s="318">
        <v>2435343</v>
      </c>
      <c r="HD18" s="319">
        <v>4323641</v>
      </c>
      <c r="HE18" s="323">
        <v>6758984</v>
      </c>
      <c r="HF18" s="324">
        <v>0</v>
      </c>
      <c r="HG18" s="319">
        <v>19270848</v>
      </c>
      <c r="HH18" s="319">
        <v>17057806</v>
      </c>
      <c r="HI18" s="319">
        <v>17463304</v>
      </c>
      <c r="HJ18" s="319">
        <v>28648797</v>
      </c>
      <c r="HK18" s="319">
        <v>18410161</v>
      </c>
      <c r="HL18" s="320">
        <v>100850916</v>
      </c>
      <c r="HM18" s="321">
        <v>107609900</v>
      </c>
      <c r="HN18" s="326">
        <v>3182396</v>
      </c>
      <c r="HO18" s="319">
        <v>4522100</v>
      </c>
      <c r="HP18" s="320">
        <v>7704496</v>
      </c>
      <c r="HQ18" s="318">
        <v>0</v>
      </c>
      <c r="HR18" s="319">
        <v>21327314</v>
      </c>
      <c r="HS18" s="319">
        <v>17448390</v>
      </c>
      <c r="HT18" s="319">
        <v>14030463</v>
      </c>
      <c r="HU18" s="319">
        <v>10562544</v>
      </c>
      <c r="HV18" s="319">
        <v>5898923</v>
      </c>
      <c r="HW18" s="323">
        <v>69267634</v>
      </c>
      <c r="HX18" s="322">
        <v>76972130</v>
      </c>
      <c r="HY18" s="357">
        <v>0</v>
      </c>
      <c r="HZ18" s="332">
        <v>212736</v>
      </c>
      <c r="IA18" s="357">
        <v>212736</v>
      </c>
      <c r="IB18" s="331">
        <v>0</v>
      </c>
      <c r="IC18" s="332">
        <v>39926762</v>
      </c>
      <c r="ID18" s="333">
        <v>37863901</v>
      </c>
      <c r="IE18" s="334">
        <v>45280065</v>
      </c>
      <c r="IF18" s="332">
        <v>35043285</v>
      </c>
      <c r="IG18" s="334">
        <v>28499530</v>
      </c>
      <c r="IH18" s="335">
        <v>186613543</v>
      </c>
      <c r="II18" s="357">
        <v>186826279</v>
      </c>
      <c r="IJ18" s="337">
        <v>0</v>
      </c>
      <c r="IK18" s="338">
        <v>0</v>
      </c>
      <c r="IL18" s="339">
        <v>0</v>
      </c>
      <c r="IM18" s="346"/>
      <c r="IN18" s="341">
        <v>772326</v>
      </c>
      <c r="IO18" s="341">
        <v>726973</v>
      </c>
      <c r="IP18" s="341">
        <v>1063104</v>
      </c>
      <c r="IQ18" s="341">
        <v>1222469</v>
      </c>
      <c r="IR18" s="341">
        <v>-44279</v>
      </c>
      <c r="IS18" s="342">
        <v>3740593</v>
      </c>
      <c r="IT18" s="343">
        <v>3740593</v>
      </c>
      <c r="IU18" s="344">
        <v>0</v>
      </c>
      <c r="IV18" s="341">
        <v>0</v>
      </c>
      <c r="IW18" s="345">
        <v>0</v>
      </c>
      <c r="IX18" s="346"/>
      <c r="IY18" s="341">
        <v>0</v>
      </c>
      <c r="IZ18" s="341">
        <v>0</v>
      </c>
      <c r="JA18" s="341">
        <v>0</v>
      </c>
      <c r="JB18" s="341">
        <v>0</v>
      </c>
      <c r="JC18" s="341">
        <v>0</v>
      </c>
      <c r="JD18" s="345">
        <v>0</v>
      </c>
      <c r="JE18" s="347">
        <v>0</v>
      </c>
      <c r="JF18" s="344">
        <v>0</v>
      </c>
      <c r="JG18" s="341">
        <v>0</v>
      </c>
      <c r="JH18" s="342">
        <v>0</v>
      </c>
      <c r="JI18" s="348">
        <v>0</v>
      </c>
      <c r="JJ18" s="341">
        <v>22991225</v>
      </c>
      <c r="JK18" s="341">
        <v>16770628</v>
      </c>
      <c r="JL18" s="341">
        <v>11859413</v>
      </c>
      <c r="JM18" s="341">
        <v>5514064</v>
      </c>
      <c r="JN18" s="341">
        <v>4432295</v>
      </c>
      <c r="JO18" s="345">
        <v>61567625</v>
      </c>
      <c r="JP18" s="343">
        <v>61567625</v>
      </c>
      <c r="JQ18" s="344">
        <v>0</v>
      </c>
      <c r="JR18" s="341">
        <v>0</v>
      </c>
      <c r="JS18" s="342">
        <v>0</v>
      </c>
      <c r="JT18" s="348">
        <v>0</v>
      </c>
      <c r="JU18" s="341">
        <v>244711</v>
      </c>
      <c r="JV18" s="341">
        <v>535769</v>
      </c>
      <c r="JW18" s="341">
        <v>0</v>
      </c>
      <c r="JX18" s="341">
        <v>59409</v>
      </c>
      <c r="JY18" s="341">
        <v>213006</v>
      </c>
      <c r="JZ18" s="345">
        <v>1052895</v>
      </c>
      <c r="KA18" s="343">
        <v>1052895</v>
      </c>
      <c r="KB18" s="349">
        <v>0</v>
      </c>
      <c r="KC18" s="350">
        <v>0</v>
      </c>
      <c r="KD18" s="345">
        <v>0</v>
      </c>
      <c r="KE18" s="348">
        <v>0</v>
      </c>
      <c r="KF18" s="341">
        <v>2357161</v>
      </c>
      <c r="KG18" s="341">
        <v>6409579</v>
      </c>
      <c r="KH18" s="341">
        <v>12303136</v>
      </c>
      <c r="KI18" s="341">
        <v>9390224</v>
      </c>
      <c r="KJ18" s="341">
        <v>8153498</v>
      </c>
      <c r="KK18" s="345">
        <v>38613598</v>
      </c>
      <c r="KL18" s="351">
        <v>38613598</v>
      </c>
      <c r="KM18" s="337">
        <v>0</v>
      </c>
      <c r="KN18" s="338">
        <v>212736</v>
      </c>
      <c r="KO18" s="339">
        <v>212736</v>
      </c>
      <c r="KP18" s="352"/>
      <c r="KQ18" s="341">
        <v>11359344</v>
      </c>
      <c r="KR18" s="341">
        <v>10315711</v>
      </c>
      <c r="KS18" s="341">
        <v>13219551</v>
      </c>
      <c r="KT18" s="341">
        <v>9009109</v>
      </c>
      <c r="KU18" s="341">
        <v>9345671</v>
      </c>
      <c r="KV18" s="345">
        <v>53249386</v>
      </c>
      <c r="KW18" s="343">
        <v>53462122</v>
      </c>
      <c r="KX18" s="344">
        <v>0</v>
      </c>
      <c r="KY18" s="341">
        <v>0</v>
      </c>
      <c r="KZ18" s="345">
        <v>0</v>
      </c>
      <c r="LA18" s="352"/>
      <c r="LB18" s="341">
        <v>485872</v>
      </c>
      <c r="LC18" s="341">
        <v>901775</v>
      </c>
      <c r="LD18" s="341">
        <v>477668</v>
      </c>
      <c r="LE18" s="341">
        <v>2236576</v>
      </c>
      <c r="LF18" s="341">
        <v>976820</v>
      </c>
      <c r="LG18" s="345">
        <v>5078711</v>
      </c>
      <c r="LH18" s="347">
        <v>5078711</v>
      </c>
      <c r="LI18" s="344">
        <v>0</v>
      </c>
      <c r="LJ18" s="341">
        <v>0</v>
      </c>
      <c r="LK18" s="345">
        <v>0</v>
      </c>
      <c r="LL18" s="352"/>
      <c r="LM18" s="341">
        <v>233948</v>
      </c>
      <c r="LN18" s="341">
        <v>0</v>
      </c>
      <c r="LO18" s="341">
        <v>3961137</v>
      </c>
      <c r="LP18" s="341">
        <v>2428654</v>
      </c>
      <c r="LQ18" s="341">
        <v>1180520</v>
      </c>
      <c r="LR18" s="345">
        <v>7804259</v>
      </c>
      <c r="LS18" s="343">
        <v>7804259</v>
      </c>
      <c r="LT18" s="344">
        <v>0</v>
      </c>
      <c r="LU18" s="341">
        <v>0</v>
      </c>
      <c r="LV18" s="345">
        <v>0</v>
      </c>
      <c r="LW18" s="352"/>
      <c r="LX18" s="341">
        <v>1482175</v>
      </c>
      <c r="LY18" s="341">
        <v>2203466</v>
      </c>
      <c r="LZ18" s="341">
        <v>2396056</v>
      </c>
      <c r="MA18" s="341">
        <v>5182780</v>
      </c>
      <c r="MB18" s="341">
        <v>4241999</v>
      </c>
      <c r="MC18" s="345">
        <v>15506476</v>
      </c>
      <c r="MD18" s="347">
        <v>15506476</v>
      </c>
      <c r="ME18" s="344">
        <v>0</v>
      </c>
      <c r="MF18" s="341">
        <v>0</v>
      </c>
      <c r="MG18" s="345">
        <v>0</v>
      </c>
      <c r="MH18" s="352"/>
      <c r="MI18" s="341">
        <v>11155315</v>
      </c>
      <c r="MJ18" s="341">
        <v>25638847</v>
      </c>
      <c r="MK18" s="341">
        <v>85029462</v>
      </c>
      <c r="ML18" s="341">
        <v>137879438</v>
      </c>
      <c r="MM18" s="341">
        <v>93334802</v>
      </c>
      <c r="MN18" s="345">
        <v>353037864</v>
      </c>
      <c r="MO18" s="351">
        <v>353037864</v>
      </c>
      <c r="MP18" s="344">
        <v>0</v>
      </c>
      <c r="MQ18" s="341">
        <v>0</v>
      </c>
      <c r="MR18" s="345">
        <v>0</v>
      </c>
      <c r="MS18" s="352"/>
      <c r="MT18" s="341">
        <v>400364</v>
      </c>
      <c r="MU18" s="341">
        <v>4493937</v>
      </c>
      <c r="MV18" s="341">
        <v>44562372</v>
      </c>
      <c r="MW18" s="341">
        <v>81773430</v>
      </c>
      <c r="MX18" s="341">
        <v>64562537</v>
      </c>
      <c r="MY18" s="345">
        <v>195792640</v>
      </c>
      <c r="MZ18" s="351">
        <v>195792640</v>
      </c>
      <c r="NA18" s="344">
        <v>0</v>
      </c>
      <c r="NB18" s="341">
        <v>0</v>
      </c>
      <c r="NC18" s="345">
        <v>0</v>
      </c>
      <c r="ND18" s="352"/>
      <c r="NE18" s="341">
        <v>10754951</v>
      </c>
      <c r="NF18" s="341">
        <v>20853131</v>
      </c>
      <c r="NG18" s="341">
        <v>39678549</v>
      </c>
      <c r="NH18" s="341">
        <v>52197705</v>
      </c>
      <c r="NI18" s="341">
        <v>23276808</v>
      </c>
      <c r="NJ18" s="345">
        <v>146761144</v>
      </c>
      <c r="NK18" s="343">
        <v>146761144</v>
      </c>
      <c r="NL18" s="344">
        <v>0</v>
      </c>
      <c r="NM18" s="341">
        <v>0</v>
      </c>
      <c r="NN18" s="345">
        <v>0</v>
      </c>
      <c r="NO18" s="352"/>
      <c r="NP18" s="341">
        <v>0</v>
      </c>
      <c r="NQ18" s="341">
        <v>0</v>
      </c>
      <c r="NR18" s="341">
        <v>0</v>
      </c>
      <c r="NS18" s="341">
        <v>3266236</v>
      </c>
      <c r="NT18" s="341">
        <v>3098828</v>
      </c>
      <c r="NU18" s="345">
        <v>6365064</v>
      </c>
      <c r="NV18" s="347">
        <v>6365064</v>
      </c>
      <c r="NW18" s="344">
        <v>0</v>
      </c>
      <c r="NX18" s="341">
        <v>0</v>
      </c>
      <c r="NY18" s="345">
        <v>0</v>
      </c>
      <c r="NZ18" s="352"/>
      <c r="OA18" s="341">
        <v>0</v>
      </c>
      <c r="OB18" s="341">
        <v>291779</v>
      </c>
      <c r="OC18" s="341">
        <v>788541</v>
      </c>
      <c r="OD18" s="341">
        <v>642067</v>
      </c>
      <c r="OE18" s="341">
        <v>2396629</v>
      </c>
      <c r="OF18" s="345">
        <v>4119016</v>
      </c>
      <c r="OG18" s="347">
        <v>4119016</v>
      </c>
      <c r="OH18" s="344">
        <v>14721468</v>
      </c>
      <c r="OI18" s="341">
        <v>28251345</v>
      </c>
      <c r="OJ18" s="342">
        <v>42972813</v>
      </c>
      <c r="OK18" s="348">
        <v>0</v>
      </c>
      <c r="OL18" s="341">
        <v>175667121</v>
      </c>
      <c r="OM18" s="341">
        <v>200439005</v>
      </c>
      <c r="ON18" s="341">
        <v>259609834</v>
      </c>
      <c r="OO18" s="341">
        <v>314754569</v>
      </c>
      <c r="OP18" s="341">
        <v>223452083</v>
      </c>
      <c r="OQ18" s="345">
        <v>1173922612</v>
      </c>
      <c r="OR18" s="351">
        <v>1216895425</v>
      </c>
    </row>
    <row r="19" spans="1:408" ht="18.75" customHeight="1" x14ac:dyDescent="0.2">
      <c r="A19" s="61" t="s">
        <v>13</v>
      </c>
      <c r="B19" s="318">
        <v>3215835</v>
      </c>
      <c r="C19" s="319">
        <v>6609207</v>
      </c>
      <c r="D19" s="320">
        <v>9825042</v>
      </c>
      <c r="E19" s="318">
        <v>0</v>
      </c>
      <c r="F19" s="276">
        <v>47059356</v>
      </c>
      <c r="G19" s="319">
        <v>62466756</v>
      </c>
      <c r="H19" s="319">
        <v>59042215</v>
      </c>
      <c r="I19" s="319">
        <v>56388759</v>
      </c>
      <c r="J19" s="319">
        <v>50887298</v>
      </c>
      <c r="K19" s="323">
        <v>275844384</v>
      </c>
      <c r="L19" s="322">
        <v>285669426</v>
      </c>
      <c r="M19" s="318">
        <v>666871</v>
      </c>
      <c r="N19" s="319">
        <v>1171857</v>
      </c>
      <c r="O19" s="320">
        <v>1838728</v>
      </c>
      <c r="P19" s="318">
        <v>0</v>
      </c>
      <c r="Q19" s="319">
        <v>13052375</v>
      </c>
      <c r="R19" s="319">
        <v>19847111</v>
      </c>
      <c r="S19" s="319">
        <v>18598745</v>
      </c>
      <c r="T19" s="319">
        <v>19204013</v>
      </c>
      <c r="U19" s="319">
        <v>26476759</v>
      </c>
      <c r="V19" s="320">
        <v>97179003</v>
      </c>
      <c r="W19" s="322">
        <v>99017731</v>
      </c>
      <c r="X19" s="318">
        <v>0</v>
      </c>
      <c r="Y19" s="319">
        <v>0</v>
      </c>
      <c r="Z19" s="320">
        <v>0</v>
      </c>
      <c r="AA19" s="318">
        <v>0</v>
      </c>
      <c r="AB19" s="319">
        <v>6347567</v>
      </c>
      <c r="AC19" s="319">
        <v>9882309</v>
      </c>
      <c r="AD19" s="319">
        <v>11255266</v>
      </c>
      <c r="AE19" s="319">
        <v>11768488</v>
      </c>
      <c r="AF19" s="319">
        <v>17847026</v>
      </c>
      <c r="AG19" s="320">
        <v>57100656</v>
      </c>
      <c r="AH19" s="322">
        <v>57100656</v>
      </c>
      <c r="AI19" s="318">
        <v>27269</v>
      </c>
      <c r="AJ19" s="319">
        <v>0</v>
      </c>
      <c r="AK19" s="320">
        <v>27269</v>
      </c>
      <c r="AL19" s="318">
        <v>0</v>
      </c>
      <c r="AM19" s="319">
        <v>0</v>
      </c>
      <c r="AN19" s="319">
        <v>52018</v>
      </c>
      <c r="AO19" s="319">
        <v>540185</v>
      </c>
      <c r="AP19" s="319">
        <v>950545</v>
      </c>
      <c r="AQ19" s="319">
        <v>2372483</v>
      </c>
      <c r="AR19" s="320">
        <v>3915231</v>
      </c>
      <c r="AS19" s="322">
        <v>3942500</v>
      </c>
      <c r="AT19" s="318">
        <v>183907</v>
      </c>
      <c r="AU19" s="319">
        <v>577990</v>
      </c>
      <c r="AV19" s="320">
        <v>761897</v>
      </c>
      <c r="AW19" s="318">
        <v>0</v>
      </c>
      <c r="AX19" s="319">
        <v>3698888</v>
      </c>
      <c r="AY19" s="319">
        <v>6635537</v>
      </c>
      <c r="AZ19" s="319">
        <v>3861826</v>
      </c>
      <c r="BA19" s="319">
        <v>3678402</v>
      </c>
      <c r="BB19" s="319">
        <v>3838944</v>
      </c>
      <c r="BC19" s="320">
        <v>21713597</v>
      </c>
      <c r="BD19" s="322">
        <v>22475494</v>
      </c>
      <c r="BE19" s="318">
        <v>85323</v>
      </c>
      <c r="BF19" s="319">
        <v>100426</v>
      </c>
      <c r="BG19" s="323">
        <v>185749</v>
      </c>
      <c r="BH19" s="324">
        <v>0</v>
      </c>
      <c r="BI19" s="319">
        <v>527328</v>
      </c>
      <c r="BJ19" s="319">
        <v>740544</v>
      </c>
      <c r="BK19" s="319">
        <v>497455</v>
      </c>
      <c r="BL19" s="319">
        <v>363901</v>
      </c>
      <c r="BM19" s="319">
        <v>247367</v>
      </c>
      <c r="BN19" s="320">
        <v>2376595</v>
      </c>
      <c r="BO19" s="322">
        <v>2562344</v>
      </c>
      <c r="BP19" s="318">
        <v>370372</v>
      </c>
      <c r="BQ19" s="319">
        <v>493441</v>
      </c>
      <c r="BR19" s="320">
        <v>863813</v>
      </c>
      <c r="BS19" s="318">
        <v>0</v>
      </c>
      <c r="BT19" s="319">
        <v>2478592</v>
      </c>
      <c r="BU19" s="319">
        <v>2536703</v>
      </c>
      <c r="BV19" s="319">
        <v>2444013</v>
      </c>
      <c r="BW19" s="319">
        <v>2442677</v>
      </c>
      <c r="BX19" s="319">
        <v>2170939</v>
      </c>
      <c r="BY19" s="320">
        <v>12072924</v>
      </c>
      <c r="BZ19" s="322">
        <v>12936737</v>
      </c>
      <c r="CA19" s="318">
        <v>223990</v>
      </c>
      <c r="CB19" s="319">
        <v>1043428</v>
      </c>
      <c r="CC19" s="320">
        <v>1267418</v>
      </c>
      <c r="CD19" s="318">
        <v>0</v>
      </c>
      <c r="CE19" s="319">
        <v>9304123</v>
      </c>
      <c r="CF19" s="319">
        <v>14513168</v>
      </c>
      <c r="CG19" s="319">
        <v>11761850</v>
      </c>
      <c r="CH19" s="319">
        <v>8305025</v>
      </c>
      <c r="CI19" s="319">
        <v>3685376</v>
      </c>
      <c r="CJ19" s="320">
        <v>47569542</v>
      </c>
      <c r="CK19" s="322">
        <v>48836960</v>
      </c>
      <c r="CL19" s="318">
        <v>0</v>
      </c>
      <c r="CM19" s="319">
        <v>0</v>
      </c>
      <c r="CN19" s="320">
        <v>0</v>
      </c>
      <c r="CO19" s="324">
        <v>0</v>
      </c>
      <c r="CP19" s="319">
        <v>8211496</v>
      </c>
      <c r="CQ19" s="319">
        <v>12270378</v>
      </c>
      <c r="CR19" s="319">
        <v>10344594</v>
      </c>
      <c r="CS19" s="319">
        <v>6122195</v>
      </c>
      <c r="CT19" s="319">
        <v>2774677</v>
      </c>
      <c r="CU19" s="320">
        <v>39723340</v>
      </c>
      <c r="CV19" s="322">
        <v>39723340</v>
      </c>
      <c r="CW19" s="318">
        <v>223990</v>
      </c>
      <c r="CX19" s="319">
        <v>1043428</v>
      </c>
      <c r="CY19" s="320">
        <v>1267418</v>
      </c>
      <c r="CZ19" s="318">
        <v>0</v>
      </c>
      <c r="DA19" s="319">
        <v>1092627</v>
      </c>
      <c r="DB19" s="319">
        <v>2242790</v>
      </c>
      <c r="DC19" s="319">
        <v>1417256</v>
      </c>
      <c r="DD19" s="319">
        <v>2182830</v>
      </c>
      <c r="DE19" s="319">
        <v>910699</v>
      </c>
      <c r="DF19" s="320">
        <v>7846202</v>
      </c>
      <c r="DG19" s="322">
        <v>9113620</v>
      </c>
      <c r="DH19" s="318">
        <v>0</v>
      </c>
      <c r="DI19" s="319">
        <v>0</v>
      </c>
      <c r="DJ19" s="323">
        <v>0</v>
      </c>
      <c r="DK19" s="324">
        <v>0</v>
      </c>
      <c r="DL19" s="319">
        <v>1229960</v>
      </c>
      <c r="DM19" s="319">
        <v>2321263</v>
      </c>
      <c r="DN19" s="319">
        <v>7135218</v>
      </c>
      <c r="DO19" s="319">
        <v>6035787</v>
      </c>
      <c r="DP19" s="319">
        <v>3911726</v>
      </c>
      <c r="DQ19" s="320">
        <v>20633954</v>
      </c>
      <c r="DR19" s="322">
        <v>20633954</v>
      </c>
      <c r="DS19" s="318">
        <v>0</v>
      </c>
      <c r="DT19" s="319">
        <v>0</v>
      </c>
      <c r="DU19" s="320">
        <v>0</v>
      </c>
      <c r="DV19" s="318">
        <v>0</v>
      </c>
      <c r="DW19" s="319">
        <v>1020785</v>
      </c>
      <c r="DX19" s="319">
        <v>2035464</v>
      </c>
      <c r="DY19" s="319">
        <v>6324006</v>
      </c>
      <c r="DZ19" s="319">
        <v>5550993</v>
      </c>
      <c r="EA19" s="319">
        <v>3911726</v>
      </c>
      <c r="EB19" s="320">
        <v>18842974</v>
      </c>
      <c r="EC19" s="322">
        <v>18842974</v>
      </c>
      <c r="ED19" s="318">
        <v>0</v>
      </c>
      <c r="EE19" s="323">
        <v>0</v>
      </c>
      <c r="EF19" s="320">
        <v>0</v>
      </c>
      <c r="EG19" s="318">
        <v>0</v>
      </c>
      <c r="EH19" s="319">
        <v>209175</v>
      </c>
      <c r="EI19" s="319">
        <v>285799</v>
      </c>
      <c r="EJ19" s="319">
        <v>811212</v>
      </c>
      <c r="EK19" s="319">
        <v>484794</v>
      </c>
      <c r="EL19" s="319">
        <v>0</v>
      </c>
      <c r="EM19" s="323">
        <v>1790980</v>
      </c>
      <c r="EN19" s="322">
        <v>1790980</v>
      </c>
      <c r="EO19" s="318">
        <v>0</v>
      </c>
      <c r="EP19" s="319">
        <v>0</v>
      </c>
      <c r="EQ19" s="323">
        <v>0</v>
      </c>
      <c r="ER19" s="324">
        <v>0</v>
      </c>
      <c r="ES19" s="319">
        <v>0</v>
      </c>
      <c r="ET19" s="319">
        <v>0</v>
      </c>
      <c r="EU19" s="319">
        <v>0</v>
      </c>
      <c r="EV19" s="319">
        <v>0</v>
      </c>
      <c r="EW19" s="319">
        <v>0</v>
      </c>
      <c r="EX19" s="320">
        <v>0</v>
      </c>
      <c r="EY19" s="322">
        <v>0</v>
      </c>
      <c r="EZ19" s="318">
        <v>0</v>
      </c>
      <c r="FA19" s="319">
        <v>0</v>
      </c>
      <c r="FB19" s="323">
        <v>0</v>
      </c>
      <c r="FC19" s="346"/>
      <c r="FD19" s="319">
        <v>0</v>
      </c>
      <c r="FE19" s="319">
        <v>0</v>
      </c>
      <c r="FF19" s="319">
        <v>0</v>
      </c>
      <c r="FG19" s="319">
        <v>0</v>
      </c>
      <c r="FH19" s="319">
        <v>0</v>
      </c>
      <c r="FI19" s="320">
        <v>0</v>
      </c>
      <c r="FJ19" s="322">
        <v>0</v>
      </c>
      <c r="FK19" s="318">
        <v>606022</v>
      </c>
      <c r="FL19" s="319">
        <v>1247084</v>
      </c>
      <c r="FM19" s="320">
        <v>1853106</v>
      </c>
      <c r="FN19" s="318">
        <v>0</v>
      </c>
      <c r="FO19" s="319">
        <v>2154851</v>
      </c>
      <c r="FP19" s="319">
        <v>5436018</v>
      </c>
      <c r="FQ19" s="319">
        <v>3792650</v>
      </c>
      <c r="FR19" s="319">
        <v>3633387</v>
      </c>
      <c r="FS19" s="319">
        <v>2895940</v>
      </c>
      <c r="FT19" s="320">
        <v>17912846</v>
      </c>
      <c r="FU19" s="322">
        <v>19765952</v>
      </c>
      <c r="FV19" s="326">
        <v>321855</v>
      </c>
      <c r="FW19" s="319">
        <v>801378</v>
      </c>
      <c r="FX19" s="323">
        <v>1123233</v>
      </c>
      <c r="FY19" s="324">
        <v>0</v>
      </c>
      <c r="FZ19" s="319">
        <v>1682797</v>
      </c>
      <c r="GA19" s="319">
        <v>4880945</v>
      </c>
      <c r="GB19" s="319">
        <v>3261172</v>
      </c>
      <c r="GC19" s="319">
        <v>3175987</v>
      </c>
      <c r="GD19" s="319">
        <v>2781730</v>
      </c>
      <c r="GE19" s="320">
        <v>15782631</v>
      </c>
      <c r="GF19" s="327">
        <v>16905864</v>
      </c>
      <c r="GG19" s="326">
        <v>77311</v>
      </c>
      <c r="GH19" s="319">
        <v>89627</v>
      </c>
      <c r="GI19" s="323">
        <v>166938</v>
      </c>
      <c r="GJ19" s="324">
        <v>0</v>
      </c>
      <c r="GK19" s="319">
        <v>100350</v>
      </c>
      <c r="GL19" s="319">
        <v>92673</v>
      </c>
      <c r="GM19" s="319">
        <v>108108</v>
      </c>
      <c r="GN19" s="319">
        <v>41900</v>
      </c>
      <c r="GO19" s="319">
        <v>114210</v>
      </c>
      <c r="GP19" s="320">
        <v>457241</v>
      </c>
      <c r="GQ19" s="322">
        <v>624179</v>
      </c>
      <c r="GR19" s="318">
        <v>206856</v>
      </c>
      <c r="GS19" s="319">
        <v>356079</v>
      </c>
      <c r="GT19" s="320">
        <v>562935</v>
      </c>
      <c r="GU19" s="318">
        <v>0</v>
      </c>
      <c r="GV19" s="319">
        <v>371704</v>
      </c>
      <c r="GW19" s="319">
        <v>462400</v>
      </c>
      <c r="GX19" s="319">
        <v>423370</v>
      </c>
      <c r="GY19" s="319">
        <v>415500</v>
      </c>
      <c r="GZ19" s="319">
        <v>0</v>
      </c>
      <c r="HA19" s="323">
        <v>1672974</v>
      </c>
      <c r="HB19" s="322">
        <v>2235909</v>
      </c>
      <c r="HC19" s="318">
        <v>1296452</v>
      </c>
      <c r="HD19" s="319">
        <v>2197275</v>
      </c>
      <c r="HE19" s="323">
        <v>3493727</v>
      </c>
      <c r="HF19" s="324">
        <v>0</v>
      </c>
      <c r="HG19" s="319">
        <v>13911879</v>
      </c>
      <c r="HH19" s="319">
        <v>12198732</v>
      </c>
      <c r="HI19" s="319">
        <v>12318312</v>
      </c>
      <c r="HJ19" s="319">
        <v>15332142</v>
      </c>
      <c r="HK19" s="319">
        <v>11066796</v>
      </c>
      <c r="HL19" s="320">
        <v>64827861</v>
      </c>
      <c r="HM19" s="321">
        <v>68321588</v>
      </c>
      <c r="HN19" s="326">
        <v>422500</v>
      </c>
      <c r="HO19" s="319">
        <v>949563</v>
      </c>
      <c r="HP19" s="320">
        <v>1372063</v>
      </c>
      <c r="HQ19" s="318">
        <v>0</v>
      </c>
      <c r="HR19" s="319">
        <v>7406168</v>
      </c>
      <c r="HS19" s="319">
        <v>8150464</v>
      </c>
      <c r="HT19" s="319">
        <v>5435440</v>
      </c>
      <c r="HU19" s="319">
        <v>3878405</v>
      </c>
      <c r="HV19" s="319">
        <v>2850701</v>
      </c>
      <c r="HW19" s="323">
        <v>27721178</v>
      </c>
      <c r="HX19" s="322">
        <v>29093241</v>
      </c>
      <c r="HY19" s="328">
        <v>32984</v>
      </c>
      <c r="HZ19" s="329">
        <v>221043</v>
      </c>
      <c r="IA19" s="330">
        <v>254027</v>
      </c>
      <c r="IB19" s="353">
        <v>0</v>
      </c>
      <c r="IC19" s="329">
        <v>12465387</v>
      </c>
      <c r="ID19" s="354">
        <v>14671957</v>
      </c>
      <c r="IE19" s="330">
        <v>15264276</v>
      </c>
      <c r="IF19" s="329">
        <v>8890999</v>
      </c>
      <c r="IG19" s="330">
        <v>7706211</v>
      </c>
      <c r="IH19" s="355">
        <v>58998830</v>
      </c>
      <c r="II19" s="336">
        <v>59252857</v>
      </c>
      <c r="IJ19" s="337">
        <v>0</v>
      </c>
      <c r="IK19" s="338">
        <v>0</v>
      </c>
      <c r="IL19" s="339">
        <v>0</v>
      </c>
      <c r="IM19" s="346"/>
      <c r="IN19" s="341">
        <v>0</v>
      </c>
      <c r="IO19" s="341">
        <v>136457</v>
      </c>
      <c r="IP19" s="341">
        <v>206388</v>
      </c>
      <c r="IQ19" s="341">
        <v>0</v>
      </c>
      <c r="IR19" s="341">
        <v>0</v>
      </c>
      <c r="IS19" s="342">
        <v>342845</v>
      </c>
      <c r="IT19" s="343">
        <v>342845</v>
      </c>
      <c r="IU19" s="344">
        <v>0</v>
      </c>
      <c r="IV19" s="341">
        <v>0</v>
      </c>
      <c r="IW19" s="345">
        <v>0</v>
      </c>
      <c r="IX19" s="346"/>
      <c r="IY19" s="341">
        <v>0</v>
      </c>
      <c r="IZ19" s="341">
        <v>0</v>
      </c>
      <c r="JA19" s="341">
        <v>0</v>
      </c>
      <c r="JB19" s="341">
        <v>0</v>
      </c>
      <c r="JC19" s="341">
        <v>0</v>
      </c>
      <c r="JD19" s="345">
        <v>0</v>
      </c>
      <c r="JE19" s="347">
        <v>0</v>
      </c>
      <c r="JF19" s="344">
        <v>0</v>
      </c>
      <c r="JG19" s="341">
        <v>0</v>
      </c>
      <c r="JH19" s="342">
        <v>0</v>
      </c>
      <c r="JI19" s="348">
        <v>0</v>
      </c>
      <c r="JJ19" s="341">
        <v>6534886</v>
      </c>
      <c r="JK19" s="341">
        <v>7434120</v>
      </c>
      <c r="JL19" s="341">
        <v>5423369</v>
      </c>
      <c r="JM19" s="341">
        <v>1742071</v>
      </c>
      <c r="JN19" s="341">
        <v>1753589</v>
      </c>
      <c r="JO19" s="345">
        <v>22888035</v>
      </c>
      <c r="JP19" s="343">
        <v>22888035</v>
      </c>
      <c r="JQ19" s="344">
        <v>0</v>
      </c>
      <c r="JR19" s="341">
        <v>0</v>
      </c>
      <c r="JS19" s="342">
        <v>0</v>
      </c>
      <c r="JT19" s="348">
        <v>0</v>
      </c>
      <c r="JU19" s="341">
        <v>144752</v>
      </c>
      <c r="JV19" s="341">
        <v>375084</v>
      </c>
      <c r="JW19" s="341">
        <v>1333004</v>
      </c>
      <c r="JX19" s="341">
        <v>553686</v>
      </c>
      <c r="JY19" s="341">
        <v>969764</v>
      </c>
      <c r="JZ19" s="345">
        <v>3376290</v>
      </c>
      <c r="KA19" s="343">
        <v>3376290</v>
      </c>
      <c r="KB19" s="349">
        <v>32984</v>
      </c>
      <c r="KC19" s="350">
        <v>221043</v>
      </c>
      <c r="KD19" s="345">
        <v>254027</v>
      </c>
      <c r="KE19" s="348">
        <v>0</v>
      </c>
      <c r="KF19" s="341">
        <v>1896713</v>
      </c>
      <c r="KG19" s="341">
        <v>1974257</v>
      </c>
      <c r="KH19" s="341">
        <v>213782</v>
      </c>
      <c r="KI19" s="341">
        <v>253204</v>
      </c>
      <c r="KJ19" s="341">
        <v>0</v>
      </c>
      <c r="KK19" s="345">
        <v>4337956</v>
      </c>
      <c r="KL19" s="351">
        <v>4591983</v>
      </c>
      <c r="KM19" s="337">
        <v>0</v>
      </c>
      <c r="KN19" s="338">
        <v>0</v>
      </c>
      <c r="KO19" s="339">
        <v>0</v>
      </c>
      <c r="KP19" s="352"/>
      <c r="KQ19" s="341">
        <v>3889036</v>
      </c>
      <c r="KR19" s="341">
        <v>4752039</v>
      </c>
      <c r="KS19" s="341">
        <v>7326497</v>
      </c>
      <c r="KT19" s="341">
        <v>4311161</v>
      </c>
      <c r="KU19" s="341">
        <v>3959626</v>
      </c>
      <c r="KV19" s="345">
        <v>24238359</v>
      </c>
      <c r="KW19" s="343">
        <v>24238359</v>
      </c>
      <c r="KX19" s="344">
        <v>0</v>
      </c>
      <c r="KY19" s="341">
        <v>0</v>
      </c>
      <c r="KZ19" s="345">
        <v>0</v>
      </c>
      <c r="LA19" s="352"/>
      <c r="LB19" s="341">
        <v>0</v>
      </c>
      <c r="LC19" s="341">
        <v>0</v>
      </c>
      <c r="LD19" s="341">
        <v>761236</v>
      </c>
      <c r="LE19" s="341">
        <v>2030877</v>
      </c>
      <c r="LF19" s="341">
        <v>1023232</v>
      </c>
      <c r="LG19" s="345">
        <v>3815345</v>
      </c>
      <c r="LH19" s="347">
        <v>3815345</v>
      </c>
      <c r="LI19" s="344">
        <v>0</v>
      </c>
      <c r="LJ19" s="341">
        <v>0</v>
      </c>
      <c r="LK19" s="345">
        <v>0</v>
      </c>
      <c r="LL19" s="352"/>
      <c r="LM19" s="341">
        <v>0</v>
      </c>
      <c r="LN19" s="341">
        <v>0</v>
      </c>
      <c r="LO19" s="341">
        <v>0</v>
      </c>
      <c r="LP19" s="341">
        <v>0</v>
      </c>
      <c r="LQ19" s="341">
        <v>0</v>
      </c>
      <c r="LR19" s="345">
        <v>0</v>
      </c>
      <c r="LS19" s="343">
        <v>0</v>
      </c>
      <c r="LT19" s="344">
        <v>0</v>
      </c>
      <c r="LU19" s="341">
        <v>0</v>
      </c>
      <c r="LV19" s="345">
        <v>0</v>
      </c>
      <c r="LW19" s="352"/>
      <c r="LX19" s="341">
        <v>0</v>
      </c>
      <c r="LY19" s="341">
        <v>0</v>
      </c>
      <c r="LZ19" s="341">
        <v>0</v>
      </c>
      <c r="MA19" s="341">
        <v>0</v>
      </c>
      <c r="MB19" s="341">
        <v>0</v>
      </c>
      <c r="MC19" s="345">
        <v>0</v>
      </c>
      <c r="MD19" s="347">
        <v>0</v>
      </c>
      <c r="ME19" s="344">
        <v>0</v>
      </c>
      <c r="MF19" s="341">
        <v>0</v>
      </c>
      <c r="MG19" s="345">
        <v>0</v>
      </c>
      <c r="MH19" s="352"/>
      <c r="MI19" s="341">
        <v>2807351</v>
      </c>
      <c r="MJ19" s="341">
        <v>7159835</v>
      </c>
      <c r="MK19" s="341">
        <v>26829526</v>
      </c>
      <c r="ML19" s="341">
        <v>47338720</v>
      </c>
      <c r="MM19" s="341">
        <v>39819378</v>
      </c>
      <c r="MN19" s="345">
        <v>123954810</v>
      </c>
      <c r="MO19" s="351">
        <v>123954810</v>
      </c>
      <c r="MP19" s="344">
        <v>0</v>
      </c>
      <c r="MQ19" s="341">
        <v>0</v>
      </c>
      <c r="MR19" s="345">
        <v>0</v>
      </c>
      <c r="MS19" s="352"/>
      <c r="MT19" s="341">
        <v>429243</v>
      </c>
      <c r="MU19" s="341">
        <v>226297</v>
      </c>
      <c r="MV19" s="341">
        <v>16860459</v>
      </c>
      <c r="MW19" s="341">
        <v>38454923</v>
      </c>
      <c r="MX19" s="341">
        <v>30806365</v>
      </c>
      <c r="MY19" s="345">
        <v>86777287</v>
      </c>
      <c r="MZ19" s="351">
        <v>86777287</v>
      </c>
      <c r="NA19" s="344">
        <v>0</v>
      </c>
      <c r="NB19" s="341">
        <v>0</v>
      </c>
      <c r="NC19" s="345">
        <v>0</v>
      </c>
      <c r="ND19" s="352"/>
      <c r="NE19" s="341">
        <v>2378108</v>
      </c>
      <c r="NF19" s="341">
        <v>6933538</v>
      </c>
      <c r="NG19" s="341">
        <v>9969067</v>
      </c>
      <c r="NH19" s="341">
        <v>8883797</v>
      </c>
      <c r="NI19" s="341">
        <v>9013013</v>
      </c>
      <c r="NJ19" s="345">
        <v>37177523</v>
      </c>
      <c r="NK19" s="343">
        <v>37177523</v>
      </c>
      <c r="NL19" s="344">
        <v>0</v>
      </c>
      <c r="NM19" s="341">
        <v>0</v>
      </c>
      <c r="NN19" s="345">
        <v>0</v>
      </c>
      <c r="NO19" s="352"/>
      <c r="NP19" s="341">
        <v>0</v>
      </c>
      <c r="NQ19" s="341">
        <v>0</v>
      </c>
      <c r="NR19" s="341">
        <v>0</v>
      </c>
      <c r="NS19" s="341">
        <v>0</v>
      </c>
      <c r="NT19" s="341">
        <v>0</v>
      </c>
      <c r="NU19" s="345">
        <v>0</v>
      </c>
      <c r="NV19" s="347">
        <v>0</v>
      </c>
      <c r="NW19" s="344">
        <v>0</v>
      </c>
      <c r="NX19" s="341">
        <v>0</v>
      </c>
      <c r="NY19" s="345">
        <v>0</v>
      </c>
      <c r="NZ19" s="352"/>
      <c r="OA19" s="341">
        <v>0</v>
      </c>
      <c r="OB19" s="341">
        <v>0</v>
      </c>
      <c r="OC19" s="341">
        <v>0</v>
      </c>
      <c r="OD19" s="341">
        <v>0</v>
      </c>
      <c r="OE19" s="341">
        <v>0</v>
      </c>
      <c r="OF19" s="345">
        <v>0</v>
      </c>
      <c r="OG19" s="347">
        <v>0</v>
      </c>
      <c r="OH19" s="344">
        <v>3248819</v>
      </c>
      <c r="OI19" s="341">
        <v>6830250</v>
      </c>
      <c r="OJ19" s="342">
        <v>10079069</v>
      </c>
      <c r="OK19" s="348">
        <v>0</v>
      </c>
      <c r="OL19" s="341">
        <v>62332094</v>
      </c>
      <c r="OM19" s="341">
        <v>84298548</v>
      </c>
      <c r="ON19" s="341">
        <v>101136017</v>
      </c>
      <c r="OO19" s="341">
        <v>112618478</v>
      </c>
      <c r="OP19" s="341">
        <v>98412887</v>
      </c>
      <c r="OQ19" s="345">
        <v>458798024</v>
      </c>
      <c r="OR19" s="351">
        <v>468877093</v>
      </c>
    </row>
    <row r="20" spans="1:408" ht="18.75" customHeight="1" x14ac:dyDescent="0.2">
      <c r="A20" s="61" t="s">
        <v>15</v>
      </c>
      <c r="B20" s="318">
        <v>1819982</v>
      </c>
      <c r="C20" s="319">
        <v>3847783</v>
      </c>
      <c r="D20" s="320">
        <v>5667765</v>
      </c>
      <c r="E20" s="321">
        <v>0</v>
      </c>
      <c r="F20" s="319">
        <v>31656546</v>
      </c>
      <c r="G20" s="319">
        <v>43051076</v>
      </c>
      <c r="H20" s="319">
        <v>36546811</v>
      </c>
      <c r="I20" s="319">
        <v>28458087</v>
      </c>
      <c r="J20" s="319">
        <v>25619620</v>
      </c>
      <c r="K20" s="321">
        <v>165332140</v>
      </c>
      <c r="L20" s="322">
        <v>170999905</v>
      </c>
      <c r="M20" s="318">
        <v>195914</v>
      </c>
      <c r="N20" s="319">
        <v>527642</v>
      </c>
      <c r="O20" s="320">
        <v>723556</v>
      </c>
      <c r="P20" s="318">
        <v>0</v>
      </c>
      <c r="Q20" s="319">
        <v>6889643</v>
      </c>
      <c r="R20" s="319">
        <v>10449445</v>
      </c>
      <c r="S20" s="319">
        <v>8427171</v>
      </c>
      <c r="T20" s="319">
        <v>7788751</v>
      </c>
      <c r="U20" s="319">
        <v>13152192</v>
      </c>
      <c r="V20" s="320">
        <v>46707202</v>
      </c>
      <c r="W20" s="322">
        <v>47430758</v>
      </c>
      <c r="X20" s="318">
        <v>0</v>
      </c>
      <c r="Y20" s="319">
        <v>0</v>
      </c>
      <c r="Z20" s="320">
        <v>0</v>
      </c>
      <c r="AA20" s="318">
        <v>0</v>
      </c>
      <c r="AB20" s="319">
        <v>3585251</v>
      </c>
      <c r="AC20" s="319">
        <v>5769299</v>
      </c>
      <c r="AD20" s="319">
        <v>4352819</v>
      </c>
      <c r="AE20" s="319">
        <v>3346722</v>
      </c>
      <c r="AF20" s="319">
        <v>7441667</v>
      </c>
      <c r="AG20" s="320">
        <v>24495758</v>
      </c>
      <c r="AH20" s="322">
        <v>24495758</v>
      </c>
      <c r="AI20" s="318">
        <v>0</v>
      </c>
      <c r="AJ20" s="319">
        <v>0</v>
      </c>
      <c r="AK20" s="320">
        <v>0</v>
      </c>
      <c r="AL20" s="318">
        <v>0</v>
      </c>
      <c r="AM20" s="319">
        <v>39424</v>
      </c>
      <c r="AN20" s="319">
        <v>318053</v>
      </c>
      <c r="AO20" s="319">
        <v>615376</v>
      </c>
      <c r="AP20" s="319">
        <v>1032057</v>
      </c>
      <c r="AQ20" s="319">
        <v>2504277</v>
      </c>
      <c r="AR20" s="320">
        <v>4509187</v>
      </c>
      <c r="AS20" s="322">
        <v>4509187</v>
      </c>
      <c r="AT20" s="318">
        <v>61687</v>
      </c>
      <c r="AU20" s="319">
        <v>348690</v>
      </c>
      <c r="AV20" s="320">
        <v>410377</v>
      </c>
      <c r="AW20" s="318">
        <v>0</v>
      </c>
      <c r="AX20" s="319">
        <v>1491778</v>
      </c>
      <c r="AY20" s="319">
        <v>2752133</v>
      </c>
      <c r="AZ20" s="319">
        <v>1782665</v>
      </c>
      <c r="BA20" s="319">
        <v>1811943</v>
      </c>
      <c r="BB20" s="319">
        <v>2046120</v>
      </c>
      <c r="BC20" s="320">
        <v>9884639</v>
      </c>
      <c r="BD20" s="322">
        <v>10295016</v>
      </c>
      <c r="BE20" s="318">
        <v>11639</v>
      </c>
      <c r="BF20" s="319">
        <v>24914</v>
      </c>
      <c r="BG20" s="323">
        <v>36553</v>
      </c>
      <c r="BH20" s="324">
        <v>0</v>
      </c>
      <c r="BI20" s="319">
        <v>130259</v>
      </c>
      <c r="BJ20" s="319">
        <v>426373</v>
      </c>
      <c r="BK20" s="319">
        <v>182004</v>
      </c>
      <c r="BL20" s="319">
        <v>111229</v>
      </c>
      <c r="BM20" s="319">
        <v>289816</v>
      </c>
      <c r="BN20" s="320">
        <v>1139681</v>
      </c>
      <c r="BO20" s="322">
        <v>1176234</v>
      </c>
      <c r="BP20" s="318">
        <v>122588</v>
      </c>
      <c r="BQ20" s="319">
        <v>154038</v>
      </c>
      <c r="BR20" s="320">
        <v>276626</v>
      </c>
      <c r="BS20" s="318">
        <v>0</v>
      </c>
      <c r="BT20" s="319">
        <v>1642931</v>
      </c>
      <c r="BU20" s="319">
        <v>1183587</v>
      </c>
      <c r="BV20" s="319">
        <v>1494307</v>
      </c>
      <c r="BW20" s="319">
        <v>1486800</v>
      </c>
      <c r="BX20" s="319">
        <v>870312</v>
      </c>
      <c r="BY20" s="320">
        <v>6677937</v>
      </c>
      <c r="BZ20" s="322">
        <v>6954563</v>
      </c>
      <c r="CA20" s="318">
        <v>0</v>
      </c>
      <c r="CB20" s="319">
        <v>246569</v>
      </c>
      <c r="CC20" s="320">
        <v>246569</v>
      </c>
      <c r="CD20" s="318">
        <v>0</v>
      </c>
      <c r="CE20" s="319">
        <v>7177035</v>
      </c>
      <c r="CF20" s="319">
        <v>12403380</v>
      </c>
      <c r="CG20" s="319">
        <v>7257693</v>
      </c>
      <c r="CH20" s="319">
        <v>2887508</v>
      </c>
      <c r="CI20" s="319">
        <v>1396792</v>
      </c>
      <c r="CJ20" s="320">
        <v>31122408</v>
      </c>
      <c r="CK20" s="322">
        <v>31368977</v>
      </c>
      <c r="CL20" s="318">
        <v>0</v>
      </c>
      <c r="CM20" s="319">
        <v>0</v>
      </c>
      <c r="CN20" s="320">
        <v>0</v>
      </c>
      <c r="CO20" s="324">
        <v>0</v>
      </c>
      <c r="CP20" s="319">
        <v>5362359</v>
      </c>
      <c r="CQ20" s="319">
        <v>9873202</v>
      </c>
      <c r="CR20" s="319">
        <v>5845409</v>
      </c>
      <c r="CS20" s="319">
        <v>2118887</v>
      </c>
      <c r="CT20" s="319">
        <v>905850</v>
      </c>
      <c r="CU20" s="320">
        <v>24105707</v>
      </c>
      <c r="CV20" s="322">
        <v>24105707</v>
      </c>
      <c r="CW20" s="318">
        <v>0</v>
      </c>
      <c r="CX20" s="319">
        <v>246569</v>
      </c>
      <c r="CY20" s="320">
        <v>246569</v>
      </c>
      <c r="CZ20" s="318">
        <v>0</v>
      </c>
      <c r="DA20" s="319">
        <v>1814676</v>
      </c>
      <c r="DB20" s="319">
        <v>2530178</v>
      </c>
      <c r="DC20" s="319">
        <v>1412284</v>
      </c>
      <c r="DD20" s="319">
        <v>768621</v>
      </c>
      <c r="DE20" s="319">
        <v>490942</v>
      </c>
      <c r="DF20" s="320">
        <v>7016701</v>
      </c>
      <c r="DG20" s="322">
        <v>7263270</v>
      </c>
      <c r="DH20" s="318">
        <v>23281</v>
      </c>
      <c r="DI20" s="319">
        <v>56748</v>
      </c>
      <c r="DJ20" s="323">
        <v>80029</v>
      </c>
      <c r="DK20" s="324">
        <v>0</v>
      </c>
      <c r="DL20" s="319">
        <v>1171171</v>
      </c>
      <c r="DM20" s="319">
        <v>2553466</v>
      </c>
      <c r="DN20" s="319">
        <v>6915960</v>
      </c>
      <c r="DO20" s="319">
        <v>3751269</v>
      </c>
      <c r="DP20" s="319">
        <v>3210996</v>
      </c>
      <c r="DQ20" s="320">
        <v>17602862</v>
      </c>
      <c r="DR20" s="322">
        <v>17682891</v>
      </c>
      <c r="DS20" s="318">
        <v>23281</v>
      </c>
      <c r="DT20" s="319">
        <v>15358</v>
      </c>
      <c r="DU20" s="320">
        <v>38639</v>
      </c>
      <c r="DV20" s="318">
        <v>0</v>
      </c>
      <c r="DW20" s="319">
        <v>1171171</v>
      </c>
      <c r="DX20" s="319">
        <v>2321563</v>
      </c>
      <c r="DY20" s="319">
        <v>6749570</v>
      </c>
      <c r="DZ20" s="319">
        <v>3619410</v>
      </c>
      <c r="EA20" s="319">
        <v>3124621</v>
      </c>
      <c r="EB20" s="320">
        <v>16986335</v>
      </c>
      <c r="EC20" s="322">
        <v>17024974</v>
      </c>
      <c r="ED20" s="318">
        <v>0</v>
      </c>
      <c r="EE20" s="323">
        <v>41390</v>
      </c>
      <c r="EF20" s="320">
        <v>41390</v>
      </c>
      <c r="EG20" s="318">
        <v>0</v>
      </c>
      <c r="EH20" s="319">
        <v>0</v>
      </c>
      <c r="EI20" s="319">
        <v>231903</v>
      </c>
      <c r="EJ20" s="319">
        <v>166390</v>
      </c>
      <c r="EK20" s="319">
        <v>131859</v>
      </c>
      <c r="EL20" s="319">
        <v>86375</v>
      </c>
      <c r="EM20" s="323">
        <v>616527</v>
      </c>
      <c r="EN20" s="322">
        <v>657917</v>
      </c>
      <c r="EO20" s="318">
        <v>0</v>
      </c>
      <c r="EP20" s="319">
        <v>0</v>
      </c>
      <c r="EQ20" s="323">
        <v>0</v>
      </c>
      <c r="ER20" s="324">
        <v>0</v>
      </c>
      <c r="ES20" s="319">
        <v>0</v>
      </c>
      <c r="ET20" s="319">
        <v>0</v>
      </c>
      <c r="EU20" s="319">
        <v>0</v>
      </c>
      <c r="EV20" s="319">
        <v>0</v>
      </c>
      <c r="EW20" s="319">
        <v>0</v>
      </c>
      <c r="EX20" s="320">
        <v>0</v>
      </c>
      <c r="EY20" s="322">
        <v>0</v>
      </c>
      <c r="EZ20" s="318">
        <v>0</v>
      </c>
      <c r="FA20" s="319">
        <v>0</v>
      </c>
      <c r="FB20" s="323">
        <v>0</v>
      </c>
      <c r="FC20" s="346"/>
      <c r="FD20" s="319">
        <v>0</v>
      </c>
      <c r="FE20" s="319">
        <v>0</v>
      </c>
      <c r="FF20" s="319">
        <v>0</v>
      </c>
      <c r="FG20" s="319">
        <v>0</v>
      </c>
      <c r="FH20" s="319">
        <v>0</v>
      </c>
      <c r="FI20" s="320">
        <v>0</v>
      </c>
      <c r="FJ20" s="322">
        <v>0</v>
      </c>
      <c r="FK20" s="318">
        <v>391624</v>
      </c>
      <c r="FL20" s="319">
        <v>847867</v>
      </c>
      <c r="FM20" s="320">
        <v>1239491</v>
      </c>
      <c r="FN20" s="318">
        <v>0</v>
      </c>
      <c r="FO20" s="319">
        <v>1739413</v>
      </c>
      <c r="FP20" s="319">
        <v>4450909</v>
      </c>
      <c r="FQ20" s="319">
        <v>2785940</v>
      </c>
      <c r="FR20" s="319">
        <v>2177579</v>
      </c>
      <c r="FS20" s="319">
        <v>1724827</v>
      </c>
      <c r="FT20" s="320">
        <v>12878668</v>
      </c>
      <c r="FU20" s="322">
        <v>14118159</v>
      </c>
      <c r="FV20" s="326">
        <v>297124</v>
      </c>
      <c r="FW20" s="319">
        <v>666994</v>
      </c>
      <c r="FX20" s="323">
        <v>964118</v>
      </c>
      <c r="FY20" s="324">
        <v>0</v>
      </c>
      <c r="FZ20" s="319">
        <v>1235557</v>
      </c>
      <c r="GA20" s="319">
        <v>4200682</v>
      </c>
      <c r="GB20" s="319">
        <v>2739212</v>
      </c>
      <c r="GC20" s="319">
        <v>2152289</v>
      </c>
      <c r="GD20" s="319">
        <v>1724827</v>
      </c>
      <c r="GE20" s="320">
        <v>12052567</v>
      </c>
      <c r="GF20" s="327">
        <v>13016685</v>
      </c>
      <c r="GG20" s="326">
        <v>0</v>
      </c>
      <c r="GH20" s="319">
        <v>34353</v>
      </c>
      <c r="GI20" s="323">
        <v>34353</v>
      </c>
      <c r="GJ20" s="324">
        <v>0</v>
      </c>
      <c r="GK20" s="319">
        <v>120688</v>
      </c>
      <c r="GL20" s="319">
        <v>99252</v>
      </c>
      <c r="GM20" s="319">
        <v>46728</v>
      </c>
      <c r="GN20" s="319">
        <v>25290</v>
      </c>
      <c r="GO20" s="319">
        <v>0</v>
      </c>
      <c r="GP20" s="320">
        <v>291958</v>
      </c>
      <c r="GQ20" s="322">
        <v>326311</v>
      </c>
      <c r="GR20" s="318">
        <v>94500</v>
      </c>
      <c r="GS20" s="319">
        <v>146520</v>
      </c>
      <c r="GT20" s="320">
        <v>241020</v>
      </c>
      <c r="GU20" s="318">
        <v>0</v>
      </c>
      <c r="GV20" s="319">
        <v>383168</v>
      </c>
      <c r="GW20" s="319">
        <v>150975</v>
      </c>
      <c r="GX20" s="319">
        <v>0</v>
      </c>
      <c r="GY20" s="319">
        <v>0</v>
      </c>
      <c r="GZ20" s="319">
        <v>0</v>
      </c>
      <c r="HA20" s="323">
        <v>534143</v>
      </c>
      <c r="HB20" s="322">
        <v>775163</v>
      </c>
      <c r="HC20" s="318">
        <v>903190</v>
      </c>
      <c r="HD20" s="319">
        <v>1488818</v>
      </c>
      <c r="HE20" s="323">
        <v>2392008</v>
      </c>
      <c r="HF20" s="324">
        <v>0</v>
      </c>
      <c r="HG20" s="319">
        <v>9026887</v>
      </c>
      <c r="HH20" s="319">
        <v>6227993</v>
      </c>
      <c r="HI20" s="319">
        <v>7403946</v>
      </c>
      <c r="HJ20" s="319">
        <v>9471248</v>
      </c>
      <c r="HK20" s="319">
        <v>4584602</v>
      </c>
      <c r="HL20" s="320">
        <v>36714676</v>
      </c>
      <c r="HM20" s="321">
        <v>39106684</v>
      </c>
      <c r="HN20" s="326">
        <v>305973</v>
      </c>
      <c r="HO20" s="319">
        <v>680139</v>
      </c>
      <c r="HP20" s="320">
        <v>986112</v>
      </c>
      <c r="HQ20" s="318">
        <v>0</v>
      </c>
      <c r="HR20" s="319">
        <v>5652397</v>
      </c>
      <c r="HS20" s="319">
        <v>6965883</v>
      </c>
      <c r="HT20" s="319">
        <v>3756101</v>
      </c>
      <c r="HU20" s="319">
        <v>2381732</v>
      </c>
      <c r="HV20" s="319">
        <v>1550211</v>
      </c>
      <c r="HW20" s="323">
        <v>20306324</v>
      </c>
      <c r="HX20" s="322">
        <v>21292436</v>
      </c>
      <c r="HY20" s="357">
        <v>289095</v>
      </c>
      <c r="HZ20" s="332">
        <v>1359950</v>
      </c>
      <c r="IA20" s="357">
        <v>1649045</v>
      </c>
      <c r="IB20" s="331">
        <v>0</v>
      </c>
      <c r="IC20" s="332">
        <v>20425761</v>
      </c>
      <c r="ID20" s="333">
        <v>24380877</v>
      </c>
      <c r="IE20" s="334">
        <v>25121378</v>
      </c>
      <c r="IF20" s="332">
        <v>19189358</v>
      </c>
      <c r="IG20" s="334">
        <v>8784947</v>
      </c>
      <c r="IH20" s="335">
        <v>97902321</v>
      </c>
      <c r="II20" s="357">
        <v>99551366</v>
      </c>
      <c r="IJ20" s="337">
        <v>0</v>
      </c>
      <c r="IK20" s="338">
        <v>0</v>
      </c>
      <c r="IL20" s="339">
        <v>0</v>
      </c>
      <c r="IM20" s="346"/>
      <c r="IN20" s="341">
        <v>261944</v>
      </c>
      <c r="IO20" s="341">
        <v>344511</v>
      </c>
      <c r="IP20" s="341">
        <v>801477</v>
      </c>
      <c r="IQ20" s="341">
        <v>876755</v>
      </c>
      <c r="IR20" s="341">
        <v>851529</v>
      </c>
      <c r="IS20" s="342">
        <v>3136216</v>
      </c>
      <c r="IT20" s="343">
        <v>3136216</v>
      </c>
      <c r="IU20" s="344">
        <v>0</v>
      </c>
      <c r="IV20" s="341">
        <v>0</v>
      </c>
      <c r="IW20" s="345">
        <v>0</v>
      </c>
      <c r="IX20" s="346"/>
      <c r="IY20" s="341">
        <v>0</v>
      </c>
      <c r="IZ20" s="341">
        <v>0</v>
      </c>
      <c r="JA20" s="341">
        <v>0</v>
      </c>
      <c r="JB20" s="341">
        <v>0</v>
      </c>
      <c r="JC20" s="341">
        <v>0</v>
      </c>
      <c r="JD20" s="345">
        <v>0</v>
      </c>
      <c r="JE20" s="347">
        <v>0</v>
      </c>
      <c r="JF20" s="344">
        <v>0</v>
      </c>
      <c r="JG20" s="341">
        <v>0</v>
      </c>
      <c r="JH20" s="342">
        <v>0</v>
      </c>
      <c r="JI20" s="348">
        <v>0</v>
      </c>
      <c r="JJ20" s="341">
        <v>6518015</v>
      </c>
      <c r="JK20" s="341">
        <v>11468799</v>
      </c>
      <c r="JL20" s="341">
        <v>5853657</v>
      </c>
      <c r="JM20" s="341">
        <v>4482889</v>
      </c>
      <c r="JN20" s="341">
        <v>768277</v>
      </c>
      <c r="JO20" s="345">
        <v>29091637</v>
      </c>
      <c r="JP20" s="343">
        <v>29091637</v>
      </c>
      <c r="JQ20" s="344">
        <v>0</v>
      </c>
      <c r="JR20" s="341">
        <v>0</v>
      </c>
      <c r="JS20" s="342">
        <v>0</v>
      </c>
      <c r="JT20" s="348">
        <v>0</v>
      </c>
      <c r="JU20" s="341">
        <v>421686</v>
      </c>
      <c r="JV20" s="341">
        <v>354705</v>
      </c>
      <c r="JW20" s="341">
        <v>591663</v>
      </c>
      <c r="JX20" s="341">
        <v>554694</v>
      </c>
      <c r="JY20" s="341">
        <v>80993</v>
      </c>
      <c r="JZ20" s="345">
        <v>2003741</v>
      </c>
      <c r="KA20" s="343">
        <v>2003741</v>
      </c>
      <c r="KB20" s="349">
        <v>289095</v>
      </c>
      <c r="KC20" s="350">
        <v>1124005</v>
      </c>
      <c r="KD20" s="345">
        <v>1413100</v>
      </c>
      <c r="KE20" s="348">
        <v>0</v>
      </c>
      <c r="KF20" s="341">
        <v>2370993</v>
      </c>
      <c r="KG20" s="341">
        <v>4416168</v>
      </c>
      <c r="KH20" s="341">
        <v>3904199</v>
      </c>
      <c r="KI20" s="341">
        <v>3321190</v>
      </c>
      <c r="KJ20" s="341">
        <v>1244568</v>
      </c>
      <c r="KK20" s="345">
        <v>15257118</v>
      </c>
      <c r="KL20" s="351">
        <v>16670218</v>
      </c>
      <c r="KM20" s="337">
        <v>0</v>
      </c>
      <c r="KN20" s="338">
        <v>235945</v>
      </c>
      <c r="KO20" s="339">
        <v>235945</v>
      </c>
      <c r="KP20" s="352"/>
      <c r="KQ20" s="341">
        <v>10853123</v>
      </c>
      <c r="KR20" s="341">
        <v>7796694</v>
      </c>
      <c r="KS20" s="341">
        <v>11123931</v>
      </c>
      <c r="KT20" s="341">
        <v>7081275</v>
      </c>
      <c r="KU20" s="341">
        <v>4260605</v>
      </c>
      <c r="KV20" s="345">
        <v>41115628</v>
      </c>
      <c r="KW20" s="343">
        <v>41351573</v>
      </c>
      <c r="KX20" s="344">
        <v>0</v>
      </c>
      <c r="KY20" s="341">
        <v>0</v>
      </c>
      <c r="KZ20" s="345">
        <v>0</v>
      </c>
      <c r="LA20" s="352"/>
      <c r="LB20" s="341">
        <v>0</v>
      </c>
      <c r="LC20" s="341">
        <v>0</v>
      </c>
      <c r="LD20" s="341">
        <v>0</v>
      </c>
      <c r="LE20" s="341">
        <v>0</v>
      </c>
      <c r="LF20" s="341">
        <v>0</v>
      </c>
      <c r="LG20" s="345">
        <v>0</v>
      </c>
      <c r="LH20" s="347">
        <v>0</v>
      </c>
      <c r="LI20" s="344">
        <v>0</v>
      </c>
      <c r="LJ20" s="341">
        <v>0</v>
      </c>
      <c r="LK20" s="345">
        <v>0</v>
      </c>
      <c r="LL20" s="352"/>
      <c r="LM20" s="341">
        <v>0</v>
      </c>
      <c r="LN20" s="341">
        <v>0</v>
      </c>
      <c r="LO20" s="341">
        <v>2846451</v>
      </c>
      <c r="LP20" s="341">
        <v>2872555</v>
      </c>
      <c r="LQ20" s="341">
        <v>1578975</v>
      </c>
      <c r="LR20" s="345">
        <v>7297981</v>
      </c>
      <c r="LS20" s="343">
        <v>7297981</v>
      </c>
      <c r="LT20" s="344">
        <v>0</v>
      </c>
      <c r="LU20" s="341">
        <v>0</v>
      </c>
      <c r="LV20" s="345">
        <v>0</v>
      </c>
      <c r="LW20" s="352"/>
      <c r="LX20" s="341">
        <v>0</v>
      </c>
      <c r="LY20" s="341">
        <v>0</v>
      </c>
      <c r="LZ20" s="341">
        <v>0</v>
      </c>
      <c r="MA20" s="341">
        <v>0</v>
      </c>
      <c r="MB20" s="341">
        <v>0</v>
      </c>
      <c r="MC20" s="345">
        <v>0</v>
      </c>
      <c r="MD20" s="347">
        <v>0</v>
      </c>
      <c r="ME20" s="344">
        <v>0</v>
      </c>
      <c r="MF20" s="341">
        <v>0</v>
      </c>
      <c r="MG20" s="345">
        <v>0</v>
      </c>
      <c r="MH20" s="352"/>
      <c r="MI20" s="341">
        <v>6229668</v>
      </c>
      <c r="MJ20" s="341">
        <v>9552883</v>
      </c>
      <c r="MK20" s="341">
        <v>33600051</v>
      </c>
      <c r="ML20" s="341">
        <v>48158816</v>
      </c>
      <c r="MM20" s="341">
        <v>28598688</v>
      </c>
      <c r="MN20" s="345">
        <v>126140106</v>
      </c>
      <c r="MO20" s="351">
        <v>126140106</v>
      </c>
      <c r="MP20" s="344">
        <v>0</v>
      </c>
      <c r="MQ20" s="341">
        <v>0</v>
      </c>
      <c r="MR20" s="345">
        <v>0</v>
      </c>
      <c r="MS20" s="352"/>
      <c r="MT20" s="341">
        <v>0</v>
      </c>
      <c r="MU20" s="341">
        <v>411368</v>
      </c>
      <c r="MV20" s="341">
        <v>21443534</v>
      </c>
      <c r="MW20" s="341">
        <v>34089797</v>
      </c>
      <c r="MX20" s="341">
        <v>20395886</v>
      </c>
      <c r="MY20" s="345">
        <v>76340585</v>
      </c>
      <c r="MZ20" s="351">
        <v>76340585</v>
      </c>
      <c r="NA20" s="344">
        <v>0</v>
      </c>
      <c r="NB20" s="341">
        <v>0</v>
      </c>
      <c r="NC20" s="345">
        <v>0</v>
      </c>
      <c r="ND20" s="352"/>
      <c r="NE20" s="341">
        <v>6229668</v>
      </c>
      <c r="NF20" s="341">
        <v>9141515</v>
      </c>
      <c r="NG20" s="341">
        <v>12156517</v>
      </c>
      <c r="NH20" s="341">
        <v>14069019</v>
      </c>
      <c r="NI20" s="341">
        <v>7852135</v>
      </c>
      <c r="NJ20" s="345">
        <v>49448854</v>
      </c>
      <c r="NK20" s="343">
        <v>49448854</v>
      </c>
      <c r="NL20" s="344">
        <v>0</v>
      </c>
      <c r="NM20" s="341">
        <v>0</v>
      </c>
      <c r="NN20" s="345">
        <v>0</v>
      </c>
      <c r="NO20" s="352"/>
      <c r="NP20" s="341">
        <v>0</v>
      </c>
      <c r="NQ20" s="341">
        <v>0</v>
      </c>
      <c r="NR20" s="341">
        <v>0</v>
      </c>
      <c r="NS20" s="341">
        <v>0</v>
      </c>
      <c r="NT20" s="341">
        <v>350667</v>
      </c>
      <c r="NU20" s="345">
        <v>350667</v>
      </c>
      <c r="NV20" s="347">
        <v>350667</v>
      </c>
      <c r="NW20" s="344">
        <v>0</v>
      </c>
      <c r="NX20" s="341">
        <v>0</v>
      </c>
      <c r="NY20" s="345">
        <v>0</v>
      </c>
      <c r="NZ20" s="352"/>
      <c r="OA20" s="341">
        <v>0</v>
      </c>
      <c r="OB20" s="341">
        <v>0</v>
      </c>
      <c r="OC20" s="341">
        <v>0</v>
      </c>
      <c r="OD20" s="341">
        <v>0</v>
      </c>
      <c r="OE20" s="341">
        <v>0</v>
      </c>
      <c r="OF20" s="345">
        <v>0</v>
      </c>
      <c r="OG20" s="347">
        <v>0</v>
      </c>
      <c r="OH20" s="344">
        <v>2109077</v>
      </c>
      <c r="OI20" s="341">
        <v>5207733</v>
      </c>
      <c r="OJ20" s="342">
        <v>7316810</v>
      </c>
      <c r="OK20" s="348">
        <v>0</v>
      </c>
      <c r="OL20" s="341">
        <v>58311975</v>
      </c>
      <c r="OM20" s="341">
        <v>76984836</v>
      </c>
      <c r="ON20" s="341">
        <v>95268240</v>
      </c>
      <c r="OO20" s="341">
        <v>95806261</v>
      </c>
      <c r="OP20" s="341">
        <v>63003255</v>
      </c>
      <c r="OQ20" s="345">
        <v>389374567</v>
      </c>
      <c r="OR20" s="351">
        <v>396691377</v>
      </c>
    </row>
    <row r="21" spans="1:408" ht="18.75" customHeight="1" x14ac:dyDescent="0.2">
      <c r="A21" s="61" t="s">
        <v>16</v>
      </c>
      <c r="B21" s="318">
        <v>6830813</v>
      </c>
      <c r="C21" s="319">
        <v>12149248</v>
      </c>
      <c r="D21" s="320">
        <v>18980061</v>
      </c>
      <c r="E21" s="321">
        <v>0</v>
      </c>
      <c r="F21" s="319">
        <v>80979702</v>
      </c>
      <c r="G21" s="319">
        <v>129190958</v>
      </c>
      <c r="H21" s="319">
        <v>105141385</v>
      </c>
      <c r="I21" s="319">
        <v>95513910</v>
      </c>
      <c r="J21" s="319">
        <v>72610468</v>
      </c>
      <c r="K21" s="321">
        <v>483436423</v>
      </c>
      <c r="L21" s="322">
        <v>502416484</v>
      </c>
      <c r="M21" s="318">
        <v>1174612</v>
      </c>
      <c r="N21" s="319">
        <v>2001172</v>
      </c>
      <c r="O21" s="320">
        <v>3175784</v>
      </c>
      <c r="P21" s="318">
        <v>0</v>
      </c>
      <c r="Q21" s="319">
        <v>15562704</v>
      </c>
      <c r="R21" s="319">
        <v>28410236</v>
      </c>
      <c r="S21" s="319">
        <v>24201041</v>
      </c>
      <c r="T21" s="319">
        <v>27666099</v>
      </c>
      <c r="U21" s="319">
        <v>23607698</v>
      </c>
      <c r="V21" s="320">
        <v>119447778</v>
      </c>
      <c r="W21" s="322">
        <v>122623562</v>
      </c>
      <c r="X21" s="318">
        <v>0</v>
      </c>
      <c r="Y21" s="319">
        <v>0</v>
      </c>
      <c r="Z21" s="320">
        <v>0</v>
      </c>
      <c r="AA21" s="318">
        <v>0</v>
      </c>
      <c r="AB21" s="319">
        <v>6881356</v>
      </c>
      <c r="AC21" s="319">
        <v>12187711</v>
      </c>
      <c r="AD21" s="319">
        <v>12466820</v>
      </c>
      <c r="AE21" s="319">
        <v>13225128</v>
      </c>
      <c r="AF21" s="319">
        <v>12024110</v>
      </c>
      <c r="AG21" s="320">
        <v>56785125</v>
      </c>
      <c r="AH21" s="322">
        <v>56785125</v>
      </c>
      <c r="AI21" s="318">
        <v>0</v>
      </c>
      <c r="AJ21" s="319">
        <v>0</v>
      </c>
      <c r="AK21" s="320">
        <v>0</v>
      </c>
      <c r="AL21" s="318">
        <v>0</v>
      </c>
      <c r="AM21" s="319">
        <v>63395</v>
      </c>
      <c r="AN21" s="319">
        <v>469409</v>
      </c>
      <c r="AO21" s="319">
        <v>621164</v>
      </c>
      <c r="AP21" s="319">
        <v>1829387</v>
      </c>
      <c r="AQ21" s="319">
        <v>2662762</v>
      </c>
      <c r="AR21" s="320">
        <v>5646117</v>
      </c>
      <c r="AS21" s="322">
        <v>5646117</v>
      </c>
      <c r="AT21" s="318">
        <v>636021</v>
      </c>
      <c r="AU21" s="319">
        <v>1597958</v>
      </c>
      <c r="AV21" s="320">
        <v>2233979</v>
      </c>
      <c r="AW21" s="318">
        <v>0</v>
      </c>
      <c r="AX21" s="319">
        <v>5790051</v>
      </c>
      <c r="AY21" s="319">
        <v>11700381</v>
      </c>
      <c r="AZ21" s="319">
        <v>7564941</v>
      </c>
      <c r="BA21" s="319">
        <v>8690474</v>
      </c>
      <c r="BB21" s="319">
        <v>6040174</v>
      </c>
      <c r="BC21" s="320">
        <v>39786021</v>
      </c>
      <c r="BD21" s="322">
        <v>42020000</v>
      </c>
      <c r="BE21" s="318">
        <v>0</v>
      </c>
      <c r="BF21" s="319">
        <v>219546</v>
      </c>
      <c r="BG21" s="323">
        <v>219546</v>
      </c>
      <c r="BH21" s="324">
        <v>0</v>
      </c>
      <c r="BI21" s="319">
        <v>168688</v>
      </c>
      <c r="BJ21" s="319">
        <v>688977</v>
      </c>
      <c r="BK21" s="319">
        <v>576847</v>
      </c>
      <c r="BL21" s="319">
        <v>587871</v>
      </c>
      <c r="BM21" s="319">
        <v>253475</v>
      </c>
      <c r="BN21" s="320">
        <v>2275858</v>
      </c>
      <c r="BO21" s="322">
        <v>2495404</v>
      </c>
      <c r="BP21" s="318">
        <v>538591</v>
      </c>
      <c r="BQ21" s="319">
        <v>183668</v>
      </c>
      <c r="BR21" s="320">
        <v>722259</v>
      </c>
      <c r="BS21" s="318">
        <v>0</v>
      </c>
      <c r="BT21" s="319">
        <v>2659214</v>
      </c>
      <c r="BU21" s="319">
        <v>3363758</v>
      </c>
      <c r="BV21" s="319">
        <v>2971269</v>
      </c>
      <c r="BW21" s="319">
        <v>3333239</v>
      </c>
      <c r="BX21" s="319">
        <v>2627177</v>
      </c>
      <c r="BY21" s="320">
        <v>14954657</v>
      </c>
      <c r="BZ21" s="322">
        <v>15676916</v>
      </c>
      <c r="CA21" s="318">
        <v>1273464</v>
      </c>
      <c r="CB21" s="319">
        <v>3786380</v>
      </c>
      <c r="CC21" s="320">
        <v>5059844</v>
      </c>
      <c r="CD21" s="318">
        <v>0</v>
      </c>
      <c r="CE21" s="319">
        <v>29728832</v>
      </c>
      <c r="CF21" s="319">
        <v>49010614</v>
      </c>
      <c r="CG21" s="319">
        <v>37276601</v>
      </c>
      <c r="CH21" s="319">
        <v>23966819</v>
      </c>
      <c r="CI21" s="319">
        <v>14804417</v>
      </c>
      <c r="CJ21" s="320">
        <v>154787283</v>
      </c>
      <c r="CK21" s="322">
        <v>159847127</v>
      </c>
      <c r="CL21" s="318">
        <v>0</v>
      </c>
      <c r="CM21" s="319">
        <v>0</v>
      </c>
      <c r="CN21" s="320">
        <v>0</v>
      </c>
      <c r="CO21" s="324">
        <v>0</v>
      </c>
      <c r="CP21" s="319">
        <v>19838518</v>
      </c>
      <c r="CQ21" s="319">
        <v>30149459</v>
      </c>
      <c r="CR21" s="319">
        <v>26983004</v>
      </c>
      <c r="CS21" s="319">
        <v>17000165</v>
      </c>
      <c r="CT21" s="319">
        <v>12140979</v>
      </c>
      <c r="CU21" s="320">
        <v>106112125</v>
      </c>
      <c r="CV21" s="322">
        <v>106112125</v>
      </c>
      <c r="CW21" s="318">
        <v>1273464</v>
      </c>
      <c r="CX21" s="319">
        <v>3786380</v>
      </c>
      <c r="CY21" s="320">
        <v>5059844</v>
      </c>
      <c r="CZ21" s="318">
        <v>0</v>
      </c>
      <c r="DA21" s="319">
        <v>9890314</v>
      </c>
      <c r="DB21" s="319">
        <v>18861155</v>
      </c>
      <c r="DC21" s="319">
        <v>10293597</v>
      </c>
      <c r="DD21" s="319">
        <v>6966654</v>
      </c>
      <c r="DE21" s="319">
        <v>2663438</v>
      </c>
      <c r="DF21" s="320">
        <v>48675158</v>
      </c>
      <c r="DG21" s="322">
        <v>53735002</v>
      </c>
      <c r="DH21" s="318">
        <v>0</v>
      </c>
      <c r="DI21" s="319">
        <v>27665</v>
      </c>
      <c r="DJ21" s="323">
        <v>27665</v>
      </c>
      <c r="DK21" s="324">
        <v>0</v>
      </c>
      <c r="DL21" s="319">
        <v>2364798</v>
      </c>
      <c r="DM21" s="319">
        <v>5344874</v>
      </c>
      <c r="DN21" s="319">
        <v>8459897</v>
      </c>
      <c r="DO21" s="319">
        <v>4887693</v>
      </c>
      <c r="DP21" s="319">
        <v>4078841</v>
      </c>
      <c r="DQ21" s="320">
        <v>25136103</v>
      </c>
      <c r="DR21" s="322">
        <v>25163768</v>
      </c>
      <c r="DS21" s="318">
        <v>0</v>
      </c>
      <c r="DT21" s="319">
        <v>27665</v>
      </c>
      <c r="DU21" s="320">
        <v>27665</v>
      </c>
      <c r="DV21" s="318">
        <v>0</v>
      </c>
      <c r="DW21" s="319">
        <v>2260650</v>
      </c>
      <c r="DX21" s="319">
        <v>5041211</v>
      </c>
      <c r="DY21" s="319">
        <v>8019079</v>
      </c>
      <c r="DZ21" s="319">
        <v>4317884</v>
      </c>
      <c r="EA21" s="319">
        <v>3755349</v>
      </c>
      <c r="EB21" s="320">
        <v>23394173</v>
      </c>
      <c r="EC21" s="322">
        <v>23421838</v>
      </c>
      <c r="ED21" s="318">
        <v>0</v>
      </c>
      <c r="EE21" s="323">
        <v>0</v>
      </c>
      <c r="EF21" s="320">
        <v>0</v>
      </c>
      <c r="EG21" s="318">
        <v>0</v>
      </c>
      <c r="EH21" s="319">
        <v>104148</v>
      </c>
      <c r="EI21" s="319">
        <v>303663</v>
      </c>
      <c r="EJ21" s="319">
        <v>440818</v>
      </c>
      <c r="EK21" s="319">
        <v>569809</v>
      </c>
      <c r="EL21" s="319">
        <v>323492</v>
      </c>
      <c r="EM21" s="323">
        <v>1741930</v>
      </c>
      <c r="EN21" s="322">
        <v>1741930</v>
      </c>
      <c r="EO21" s="318">
        <v>0</v>
      </c>
      <c r="EP21" s="319">
        <v>0</v>
      </c>
      <c r="EQ21" s="323">
        <v>0</v>
      </c>
      <c r="ER21" s="324">
        <v>0</v>
      </c>
      <c r="ES21" s="319">
        <v>0</v>
      </c>
      <c r="ET21" s="319">
        <v>0</v>
      </c>
      <c r="EU21" s="319">
        <v>0</v>
      </c>
      <c r="EV21" s="319">
        <v>0</v>
      </c>
      <c r="EW21" s="319">
        <v>0</v>
      </c>
      <c r="EX21" s="320">
        <v>0</v>
      </c>
      <c r="EY21" s="322">
        <v>0</v>
      </c>
      <c r="EZ21" s="318">
        <v>0</v>
      </c>
      <c r="FA21" s="319">
        <v>0</v>
      </c>
      <c r="FB21" s="323">
        <v>0</v>
      </c>
      <c r="FC21" s="346"/>
      <c r="FD21" s="319">
        <v>0</v>
      </c>
      <c r="FE21" s="319">
        <v>0</v>
      </c>
      <c r="FF21" s="319">
        <v>0</v>
      </c>
      <c r="FG21" s="319">
        <v>0</v>
      </c>
      <c r="FH21" s="319">
        <v>0</v>
      </c>
      <c r="FI21" s="320">
        <v>0</v>
      </c>
      <c r="FJ21" s="322">
        <v>0</v>
      </c>
      <c r="FK21" s="318">
        <v>1249697</v>
      </c>
      <c r="FL21" s="319">
        <v>3217447</v>
      </c>
      <c r="FM21" s="320">
        <v>4467144</v>
      </c>
      <c r="FN21" s="318">
        <v>0</v>
      </c>
      <c r="FO21" s="319">
        <v>4437911</v>
      </c>
      <c r="FP21" s="319">
        <v>12099511</v>
      </c>
      <c r="FQ21" s="319">
        <v>8185216</v>
      </c>
      <c r="FR21" s="319">
        <v>7769480</v>
      </c>
      <c r="FS21" s="319">
        <v>5347831</v>
      </c>
      <c r="FT21" s="320">
        <v>37839949</v>
      </c>
      <c r="FU21" s="322">
        <v>42307093</v>
      </c>
      <c r="FV21" s="326">
        <v>816024</v>
      </c>
      <c r="FW21" s="319">
        <v>1899094</v>
      </c>
      <c r="FX21" s="323">
        <v>2715118</v>
      </c>
      <c r="FY21" s="324">
        <v>0</v>
      </c>
      <c r="FZ21" s="319">
        <v>2992673</v>
      </c>
      <c r="GA21" s="319">
        <v>10897268</v>
      </c>
      <c r="GB21" s="319">
        <v>7518646</v>
      </c>
      <c r="GC21" s="319">
        <v>6916437</v>
      </c>
      <c r="GD21" s="319">
        <v>4998492</v>
      </c>
      <c r="GE21" s="320">
        <v>33323516</v>
      </c>
      <c r="GF21" s="327">
        <v>36038634</v>
      </c>
      <c r="GG21" s="326">
        <v>209713</v>
      </c>
      <c r="GH21" s="319">
        <v>245541</v>
      </c>
      <c r="GI21" s="323">
        <v>455254</v>
      </c>
      <c r="GJ21" s="324">
        <v>0</v>
      </c>
      <c r="GK21" s="319">
        <v>405190</v>
      </c>
      <c r="GL21" s="319">
        <v>389774</v>
      </c>
      <c r="GM21" s="319">
        <v>185920</v>
      </c>
      <c r="GN21" s="319">
        <v>404618</v>
      </c>
      <c r="GO21" s="319">
        <v>169339</v>
      </c>
      <c r="GP21" s="320">
        <v>1554841</v>
      </c>
      <c r="GQ21" s="322">
        <v>2010095</v>
      </c>
      <c r="GR21" s="318">
        <v>223960</v>
      </c>
      <c r="GS21" s="319">
        <v>1072812</v>
      </c>
      <c r="GT21" s="320">
        <v>1296772</v>
      </c>
      <c r="GU21" s="318">
        <v>0</v>
      </c>
      <c r="GV21" s="319">
        <v>1040048</v>
      </c>
      <c r="GW21" s="319">
        <v>812469</v>
      </c>
      <c r="GX21" s="319">
        <v>480650</v>
      </c>
      <c r="GY21" s="319">
        <v>448425</v>
      </c>
      <c r="GZ21" s="319">
        <v>180000</v>
      </c>
      <c r="HA21" s="323">
        <v>2961592</v>
      </c>
      <c r="HB21" s="322">
        <v>4258364</v>
      </c>
      <c r="HC21" s="318">
        <v>2133928</v>
      </c>
      <c r="HD21" s="319">
        <v>1325591</v>
      </c>
      <c r="HE21" s="323">
        <v>3459519</v>
      </c>
      <c r="HF21" s="324">
        <v>0</v>
      </c>
      <c r="HG21" s="319">
        <v>16498102</v>
      </c>
      <c r="HH21" s="319">
        <v>18172098</v>
      </c>
      <c r="HI21" s="319">
        <v>16644950</v>
      </c>
      <c r="HJ21" s="319">
        <v>24696735</v>
      </c>
      <c r="HK21" s="319">
        <v>20865500</v>
      </c>
      <c r="HL21" s="320">
        <v>96877385</v>
      </c>
      <c r="HM21" s="321">
        <v>100336904</v>
      </c>
      <c r="HN21" s="326">
        <v>999112</v>
      </c>
      <c r="HO21" s="319">
        <v>1790993</v>
      </c>
      <c r="HP21" s="320">
        <v>2790105</v>
      </c>
      <c r="HQ21" s="318">
        <v>0</v>
      </c>
      <c r="HR21" s="319">
        <v>12387355</v>
      </c>
      <c r="HS21" s="319">
        <v>16153625</v>
      </c>
      <c r="HT21" s="319">
        <v>10373680</v>
      </c>
      <c r="HU21" s="319">
        <v>6527084</v>
      </c>
      <c r="HV21" s="319">
        <v>3906181</v>
      </c>
      <c r="HW21" s="323">
        <v>49347925</v>
      </c>
      <c r="HX21" s="322">
        <v>52138030</v>
      </c>
      <c r="HY21" s="328">
        <v>45963</v>
      </c>
      <c r="HZ21" s="329">
        <v>85011</v>
      </c>
      <c r="IA21" s="330">
        <v>130974</v>
      </c>
      <c r="IB21" s="353">
        <v>0</v>
      </c>
      <c r="IC21" s="329">
        <v>15543781</v>
      </c>
      <c r="ID21" s="354">
        <v>34145193</v>
      </c>
      <c r="IE21" s="330">
        <v>33993472</v>
      </c>
      <c r="IF21" s="329">
        <v>24528736</v>
      </c>
      <c r="IG21" s="330">
        <v>19241186</v>
      </c>
      <c r="IH21" s="355">
        <v>127452368</v>
      </c>
      <c r="II21" s="336">
        <v>127583342</v>
      </c>
      <c r="IJ21" s="337">
        <v>0</v>
      </c>
      <c r="IK21" s="338">
        <v>0</v>
      </c>
      <c r="IL21" s="339">
        <v>0</v>
      </c>
      <c r="IM21" s="346"/>
      <c r="IN21" s="341">
        <v>773551</v>
      </c>
      <c r="IO21" s="341">
        <v>1461474</v>
      </c>
      <c r="IP21" s="341">
        <v>1353900</v>
      </c>
      <c r="IQ21" s="341">
        <v>2740023</v>
      </c>
      <c r="IR21" s="341">
        <v>1662912</v>
      </c>
      <c r="IS21" s="342">
        <v>7991860</v>
      </c>
      <c r="IT21" s="343">
        <v>7991860</v>
      </c>
      <c r="IU21" s="344">
        <v>0</v>
      </c>
      <c r="IV21" s="341">
        <v>0</v>
      </c>
      <c r="IW21" s="345">
        <v>0</v>
      </c>
      <c r="IX21" s="346"/>
      <c r="IY21" s="341">
        <v>18080</v>
      </c>
      <c r="IZ21" s="341">
        <v>33252</v>
      </c>
      <c r="JA21" s="341">
        <v>74144</v>
      </c>
      <c r="JB21" s="341">
        <v>36160</v>
      </c>
      <c r="JC21" s="341">
        <v>0</v>
      </c>
      <c r="JD21" s="345">
        <v>161636</v>
      </c>
      <c r="JE21" s="347">
        <v>161636</v>
      </c>
      <c r="JF21" s="344">
        <v>0</v>
      </c>
      <c r="JG21" s="341">
        <v>0</v>
      </c>
      <c r="JH21" s="342">
        <v>0</v>
      </c>
      <c r="JI21" s="348">
        <v>0</v>
      </c>
      <c r="JJ21" s="341">
        <v>8401670</v>
      </c>
      <c r="JK21" s="341">
        <v>11494385</v>
      </c>
      <c r="JL21" s="341">
        <v>9475397</v>
      </c>
      <c r="JM21" s="341">
        <v>5572524</v>
      </c>
      <c r="JN21" s="341">
        <v>2571472</v>
      </c>
      <c r="JO21" s="345">
        <v>37515448</v>
      </c>
      <c r="JP21" s="343">
        <v>37515448</v>
      </c>
      <c r="JQ21" s="344">
        <v>0</v>
      </c>
      <c r="JR21" s="341">
        <v>0</v>
      </c>
      <c r="JS21" s="342">
        <v>0</v>
      </c>
      <c r="JT21" s="348">
        <v>0</v>
      </c>
      <c r="JU21" s="341">
        <v>511418</v>
      </c>
      <c r="JV21" s="341">
        <v>1396564</v>
      </c>
      <c r="JW21" s="341">
        <v>1220951</v>
      </c>
      <c r="JX21" s="341">
        <v>648407</v>
      </c>
      <c r="JY21" s="341">
        <v>846281</v>
      </c>
      <c r="JZ21" s="345">
        <v>4623621</v>
      </c>
      <c r="KA21" s="343">
        <v>4623621</v>
      </c>
      <c r="KB21" s="349">
        <v>45963</v>
      </c>
      <c r="KC21" s="350">
        <v>85011</v>
      </c>
      <c r="KD21" s="345">
        <v>130974</v>
      </c>
      <c r="KE21" s="348">
        <v>0</v>
      </c>
      <c r="KF21" s="341">
        <v>946410</v>
      </c>
      <c r="KG21" s="341">
        <v>4020510</v>
      </c>
      <c r="KH21" s="341">
        <v>4149082</v>
      </c>
      <c r="KI21" s="341">
        <v>3018158</v>
      </c>
      <c r="KJ21" s="341">
        <v>3765133</v>
      </c>
      <c r="KK21" s="345">
        <v>15899293</v>
      </c>
      <c r="KL21" s="351">
        <v>16030267</v>
      </c>
      <c r="KM21" s="337">
        <v>0</v>
      </c>
      <c r="KN21" s="338">
        <v>0</v>
      </c>
      <c r="KO21" s="339">
        <v>0</v>
      </c>
      <c r="KP21" s="352"/>
      <c r="KQ21" s="341">
        <v>4528270</v>
      </c>
      <c r="KR21" s="341">
        <v>14360593</v>
      </c>
      <c r="KS21" s="341">
        <v>14162981</v>
      </c>
      <c r="KT21" s="341">
        <v>9775271</v>
      </c>
      <c r="KU21" s="341">
        <v>6269830</v>
      </c>
      <c r="KV21" s="345">
        <v>49096945</v>
      </c>
      <c r="KW21" s="343">
        <v>49096945</v>
      </c>
      <c r="KX21" s="344">
        <v>0</v>
      </c>
      <c r="KY21" s="341">
        <v>0</v>
      </c>
      <c r="KZ21" s="345">
        <v>0</v>
      </c>
      <c r="LA21" s="352"/>
      <c r="LB21" s="341">
        <v>0</v>
      </c>
      <c r="LC21" s="341">
        <v>0</v>
      </c>
      <c r="LD21" s="341">
        <v>0</v>
      </c>
      <c r="LE21" s="341">
        <v>0</v>
      </c>
      <c r="LF21" s="341">
        <v>0</v>
      </c>
      <c r="LG21" s="345">
        <v>0</v>
      </c>
      <c r="LH21" s="347">
        <v>0</v>
      </c>
      <c r="LI21" s="344">
        <v>0</v>
      </c>
      <c r="LJ21" s="341">
        <v>0</v>
      </c>
      <c r="LK21" s="345">
        <v>0</v>
      </c>
      <c r="LL21" s="352"/>
      <c r="LM21" s="341">
        <v>223523</v>
      </c>
      <c r="LN21" s="341">
        <v>238838</v>
      </c>
      <c r="LO21" s="341">
        <v>2118481</v>
      </c>
      <c r="LP21" s="341">
        <v>2278324</v>
      </c>
      <c r="LQ21" s="341">
        <v>2871581</v>
      </c>
      <c r="LR21" s="345">
        <v>7730747</v>
      </c>
      <c r="LS21" s="343">
        <v>7730747</v>
      </c>
      <c r="LT21" s="344">
        <v>0</v>
      </c>
      <c r="LU21" s="341">
        <v>0</v>
      </c>
      <c r="LV21" s="345">
        <v>0</v>
      </c>
      <c r="LW21" s="352"/>
      <c r="LX21" s="341">
        <v>140859</v>
      </c>
      <c r="LY21" s="341">
        <v>1139577</v>
      </c>
      <c r="LZ21" s="341">
        <v>1438536</v>
      </c>
      <c r="MA21" s="341">
        <v>459869</v>
      </c>
      <c r="MB21" s="341">
        <v>1253977</v>
      </c>
      <c r="MC21" s="345">
        <v>4432818</v>
      </c>
      <c r="MD21" s="347">
        <v>4432818</v>
      </c>
      <c r="ME21" s="344">
        <v>0</v>
      </c>
      <c r="MF21" s="341">
        <v>0</v>
      </c>
      <c r="MG21" s="345">
        <v>0</v>
      </c>
      <c r="MH21" s="352"/>
      <c r="MI21" s="341">
        <v>18179767</v>
      </c>
      <c r="MJ21" s="341">
        <v>29039700</v>
      </c>
      <c r="MK21" s="341">
        <v>87905247</v>
      </c>
      <c r="ML21" s="341">
        <v>116887945</v>
      </c>
      <c r="MM21" s="341">
        <v>77663564</v>
      </c>
      <c r="MN21" s="345">
        <v>329676223</v>
      </c>
      <c r="MO21" s="351">
        <v>329676223</v>
      </c>
      <c r="MP21" s="344">
        <v>0</v>
      </c>
      <c r="MQ21" s="341">
        <v>0</v>
      </c>
      <c r="MR21" s="345">
        <v>0</v>
      </c>
      <c r="MS21" s="352"/>
      <c r="MT21" s="341">
        <v>1912410</v>
      </c>
      <c r="MU21" s="341">
        <v>5706147</v>
      </c>
      <c r="MV21" s="341">
        <v>47252972</v>
      </c>
      <c r="MW21" s="341">
        <v>73873647</v>
      </c>
      <c r="MX21" s="341">
        <v>53701282</v>
      </c>
      <c r="MY21" s="345">
        <v>182446458</v>
      </c>
      <c r="MZ21" s="351">
        <v>182446458</v>
      </c>
      <c r="NA21" s="344">
        <v>0</v>
      </c>
      <c r="NB21" s="341">
        <v>0</v>
      </c>
      <c r="NC21" s="345">
        <v>0</v>
      </c>
      <c r="ND21" s="352"/>
      <c r="NE21" s="341">
        <v>16267357</v>
      </c>
      <c r="NF21" s="341">
        <v>23333553</v>
      </c>
      <c r="NG21" s="341">
        <v>38662269</v>
      </c>
      <c r="NH21" s="341">
        <v>38880098</v>
      </c>
      <c r="NI21" s="341">
        <v>19924968</v>
      </c>
      <c r="NJ21" s="345">
        <v>137068245</v>
      </c>
      <c r="NK21" s="343">
        <v>137068245</v>
      </c>
      <c r="NL21" s="344">
        <v>0</v>
      </c>
      <c r="NM21" s="341">
        <v>0</v>
      </c>
      <c r="NN21" s="345">
        <v>0</v>
      </c>
      <c r="NO21" s="352"/>
      <c r="NP21" s="341">
        <v>0</v>
      </c>
      <c r="NQ21" s="341">
        <v>0</v>
      </c>
      <c r="NR21" s="341">
        <v>0</v>
      </c>
      <c r="NS21" s="341">
        <v>319550</v>
      </c>
      <c r="NT21" s="341">
        <v>323660</v>
      </c>
      <c r="NU21" s="345">
        <v>643210</v>
      </c>
      <c r="NV21" s="347">
        <v>643210</v>
      </c>
      <c r="NW21" s="344">
        <v>0</v>
      </c>
      <c r="NX21" s="341">
        <v>0</v>
      </c>
      <c r="NY21" s="345">
        <v>0</v>
      </c>
      <c r="NZ21" s="352"/>
      <c r="OA21" s="341">
        <v>0</v>
      </c>
      <c r="OB21" s="341">
        <v>0</v>
      </c>
      <c r="OC21" s="341">
        <v>1990006</v>
      </c>
      <c r="OD21" s="341">
        <v>3814650</v>
      </c>
      <c r="OE21" s="341">
        <v>3713654</v>
      </c>
      <c r="OF21" s="345">
        <v>9518310</v>
      </c>
      <c r="OG21" s="347">
        <v>9518310</v>
      </c>
      <c r="OH21" s="344">
        <v>6876776</v>
      </c>
      <c r="OI21" s="341">
        <v>12234259</v>
      </c>
      <c r="OJ21" s="342">
        <v>19111035</v>
      </c>
      <c r="OK21" s="348">
        <v>0</v>
      </c>
      <c r="OL21" s="341">
        <v>114703250</v>
      </c>
      <c r="OM21" s="341">
        <v>192375851</v>
      </c>
      <c r="ON21" s="341">
        <v>227040104</v>
      </c>
      <c r="OO21" s="341">
        <v>236930591</v>
      </c>
      <c r="OP21" s="341">
        <v>169515218</v>
      </c>
      <c r="OQ21" s="345">
        <v>940565014</v>
      </c>
      <c r="OR21" s="351">
        <v>959676049</v>
      </c>
    </row>
    <row r="22" spans="1:408" ht="18.75" customHeight="1" x14ac:dyDescent="0.2">
      <c r="A22" s="61" t="s">
        <v>17</v>
      </c>
      <c r="B22" s="318">
        <v>7005395</v>
      </c>
      <c r="C22" s="319">
        <v>18207857</v>
      </c>
      <c r="D22" s="320">
        <v>25213252</v>
      </c>
      <c r="E22" s="321">
        <v>0</v>
      </c>
      <c r="F22" s="319">
        <v>81436847</v>
      </c>
      <c r="G22" s="319">
        <v>153288529</v>
      </c>
      <c r="H22" s="319">
        <v>127507050</v>
      </c>
      <c r="I22" s="319">
        <v>118105798</v>
      </c>
      <c r="J22" s="319">
        <v>94973385</v>
      </c>
      <c r="K22" s="321">
        <v>575311609</v>
      </c>
      <c r="L22" s="322">
        <v>600524861</v>
      </c>
      <c r="M22" s="318">
        <v>1484365</v>
      </c>
      <c r="N22" s="319">
        <v>3985355</v>
      </c>
      <c r="O22" s="320">
        <v>5469720</v>
      </c>
      <c r="P22" s="318">
        <v>0</v>
      </c>
      <c r="Q22" s="319">
        <v>17835278</v>
      </c>
      <c r="R22" s="319">
        <v>40893152</v>
      </c>
      <c r="S22" s="319">
        <v>36541060</v>
      </c>
      <c r="T22" s="319">
        <v>40589816</v>
      </c>
      <c r="U22" s="319">
        <v>50332000</v>
      </c>
      <c r="V22" s="320">
        <v>186191306</v>
      </c>
      <c r="W22" s="322">
        <v>191661026</v>
      </c>
      <c r="X22" s="318">
        <v>0</v>
      </c>
      <c r="Y22" s="319">
        <v>0</v>
      </c>
      <c r="Z22" s="320">
        <v>0</v>
      </c>
      <c r="AA22" s="318">
        <v>0</v>
      </c>
      <c r="AB22" s="319">
        <v>8625191</v>
      </c>
      <c r="AC22" s="319">
        <v>21398555</v>
      </c>
      <c r="AD22" s="319">
        <v>22148381</v>
      </c>
      <c r="AE22" s="319">
        <v>24933767</v>
      </c>
      <c r="AF22" s="319">
        <v>31385236</v>
      </c>
      <c r="AG22" s="320">
        <v>108491130</v>
      </c>
      <c r="AH22" s="322">
        <v>108491130</v>
      </c>
      <c r="AI22" s="318">
        <v>0</v>
      </c>
      <c r="AJ22" s="319">
        <v>80262</v>
      </c>
      <c r="AK22" s="320">
        <v>80262</v>
      </c>
      <c r="AL22" s="318">
        <v>0</v>
      </c>
      <c r="AM22" s="319">
        <v>26009</v>
      </c>
      <c r="AN22" s="319">
        <v>569526</v>
      </c>
      <c r="AO22" s="319">
        <v>1375116</v>
      </c>
      <c r="AP22" s="319">
        <v>2373025</v>
      </c>
      <c r="AQ22" s="319">
        <v>5311846</v>
      </c>
      <c r="AR22" s="320">
        <v>9655522</v>
      </c>
      <c r="AS22" s="322">
        <v>9735784</v>
      </c>
      <c r="AT22" s="318">
        <v>975233</v>
      </c>
      <c r="AU22" s="319">
        <v>3005145</v>
      </c>
      <c r="AV22" s="320">
        <v>3980378</v>
      </c>
      <c r="AW22" s="318">
        <v>0</v>
      </c>
      <c r="AX22" s="319">
        <v>5353119</v>
      </c>
      <c r="AY22" s="319">
        <v>12350497</v>
      </c>
      <c r="AZ22" s="319">
        <v>7300582</v>
      </c>
      <c r="BA22" s="319">
        <v>7973887</v>
      </c>
      <c r="BB22" s="319">
        <v>9472884</v>
      </c>
      <c r="BC22" s="320">
        <v>42450969</v>
      </c>
      <c r="BD22" s="322">
        <v>46431347</v>
      </c>
      <c r="BE22" s="318">
        <v>91332</v>
      </c>
      <c r="BF22" s="319">
        <v>297609</v>
      </c>
      <c r="BG22" s="323">
        <v>388941</v>
      </c>
      <c r="BH22" s="324">
        <v>0</v>
      </c>
      <c r="BI22" s="319">
        <v>141160</v>
      </c>
      <c r="BJ22" s="319">
        <v>1040703</v>
      </c>
      <c r="BK22" s="319">
        <v>770560</v>
      </c>
      <c r="BL22" s="319">
        <v>383805</v>
      </c>
      <c r="BM22" s="319">
        <v>339296</v>
      </c>
      <c r="BN22" s="320">
        <v>2675524</v>
      </c>
      <c r="BO22" s="322">
        <v>3064465</v>
      </c>
      <c r="BP22" s="318">
        <v>417800</v>
      </c>
      <c r="BQ22" s="319">
        <v>602339</v>
      </c>
      <c r="BR22" s="320">
        <v>1020139</v>
      </c>
      <c r="BS22" s="318">
        <v>0</v>
      </c>
      <c r="BT22" s="319">
        <v>3689799</v>
      </c>
      <c r="BU22" s="319">
        <v>5533871</v>
      </c>
      <c r="BV22" s="319">
        <v>4946421</v>
      </c>
      <c r="BW22" s="319">
        <v>4925332</v>
      </c>
      <c r="BX22" s="319">
        <v>3822738</v>
      </c>
      <c r="BY22" s="320">
        <v>22918161</v>
      </c>
      <c r="BZ22" s="322">
        <v>23938300</v>
      </c>
      <c r="CA22" s="318">
        <v>744207</v>
      </c>
      <c r="CB22" s="319">
        <v>3251022</v>
      </c>
      <c r="CC22" s="320">
        <v>3995229</v>
      </c>
      <c r="CD22" s="318">
        <v>0</v>
      </c>
      <c r="CE22" s="319">
        <v>28143116</v>
      </c>
      <c r="CF22" s="319">
        <v>55540502</v>
      </c>
      <c r="CG22" s="319">
        <v>40818933</v>
      </c>
      <c r="CH22" s="319">
        <v>27239487</v>
      </c>
      <c r="CI22" s="319">
        <v>13363066</v>
      </c>
      <c r="CJ22" s="320">
        <v>165105104</v>
      </c>
      <c r="CK22" s="322">
        <v>169100333</v>
      </c>
      <c r="CL22" s="318">
        <v>0</v>
      </c>
      <c r="CM22" s="319">
        <v>0</v>
      </c>
      <c r="CN22" s="320">
        <v>0</v>
      </c>
      <c r="CO22" s="324">
        <v>0</v>
      </c>
      <c r="CP22" s="319">
        <v>23507547</v>
      </c>
      <c r="CQ22" s="319">
        <v>43939069</v>
      </c>
      <c r="CR22" s="319">
        <v>33799821</v>
      </c>
      <c r="CS22" s="319">
        <v>22108872</v>
      </c>
      <c r="CT22" s="319">
        <v>11105033</v>
      </c>
      <c r="CU22" s="320">
        <v>134460342</v>
      </c>
      <c r="CV22" s="322">
        <v>134460342</v>
      </c>
      <c r="CW22" s="318">
        <v>744207</v>
      </c>
      <c r="CX22" s="319">
        <v>3251022</v>
      </c>
      <c r="CY22" s="320">
        <v>3995229</v>
      </c>
      <c r="CZ22" s="318">
        <v>0</v>
      </c>
      <c r="DA22" s="319">
        <v>4635569</v>
      </c>
      <c r="DB22" s="319">
        <v>11601433</v>
      </c>
      <c r="DC22" s="319">
        <v>7019112</v>
      </c>
      <c r="DD22" s="319">
        <v>5130615</v>
      </c>
      <c r="DE22" s="319">
        <v>2258033</v>
      </c>
      <c r="DF22" s="320">
        <v>30644762</v>
      </c>
      <c r="DG22" s="322">
        <v>34639991</v>
      </c>
      <c r="DH22" s="318">
        <v>18102</v>
      </c>
      <c r="DI22" s="319">
        <v>0</v>
      </c>
      <c r="DJ22" s="323">
        <v>18102</v>
      </c>
      <c r="DK22" s="324">
        <v>0</v>
      </c>
      <c r="DL22" s="319">
        <v>2631589</v>
      </c>
      <c r="DM22" s="319">
        <v>6656283</v>
      </c>
      <c r="DN22" s="319">
        <v>10416296</v>
      </c>
      <c r="DO22" s="319">
        <v>10850093</v>
      </c>
      <c r="DP22" s="319">
        <v>5908534</v>
      </c>
      <c r="DQ22" s="320">
        <v>36462795</v>
      </c>
      <c r="DR22" s="322">
        <v>36480897</v>
      </c>
      <c r="DS22" s="318">
        <v>18102</v>
      </c>
      <c r="DT22" s="319">
        <v>0</v>
      </c>
      <c r="DU22" s="320">
        <v>18102</v>
      </c>
      <c r="DV22" s="318">
        <v>0</v>
      </c>
      <c r="DW22" s="319">
        <v>2358801</v>
      </c>
      <c r="DX22" s="319">
        <v>5926030</v>
      </c>
      <c r="DY22" s="319">
        <v>9936188</v>
      </c>
      <c r="DZ22" s="319">
        <v>10228843</v>
      </c>
      <c r="EA22" s="319">
        <v>4994966</v>
      </c>
      <c r="EB22" s="320">
        <v>33444828</v>
      </c>
      <c r="EC22" s="322">
        <v>33462930</v>
      </c>
      <c r="ED22" s="318">
        <v>0</v>
      </c>
      <c r="EE22" s="323">
        <v>0</v>
      </c>
      <c r="EF22" s="320">
        <v>0</v>
      </c>
      <c r="EG22" s="318">
        <v>0</v>
      </c>
      <c r="EH22" s="319">
        <v>272788</v>
      </c>
      <c r="EI22" s="319">
        <v>730253</v>
      </c>
      <c r="EJ22" s="319">
        <v>480108</v>
      </c>
      <c r="EK22" s="319">
        <v>621250</v>
      </c>
      <c r="EL22" s="319">
        <v>913568</v>
      </c>
      <c r="EM22" s="323">
        <v>3017967</v>
      </c>
      <c r="EN22" s="322">
        <v>3017967</v>
      </c>
      <c r="EO22" s="318">
        <v>0</v>
      </c>
      <c r="EP22" s="319">
        <v>0</v>
      </c>
      <c r="EQ22" s="323">
        <v>0</v>
      </c>
      <c r="ER22" s="324">
        <v>0</v>
      </c>
      <c r="ES22" s="319">
        <v>0</v>
      </c>
      <c r="ET22" s="319">
        <v>0</v>
      </c>
      <c r="EU22" s="319">
        <v>0</v>
      </c>
      <c r="EV22" s="319">
        <v>0</v>
      </c>
      <c r="EW22" s="319">
        <v>0</v>
      </c>
      <c r="EX22" s="320">
        <v>0</v>
      </c>
      <c r="EY22" s="322">
        <v>0</v>
      </c>
      <c r="EZ22" s="318">
        <v>0</v>
      </c>
      <c r="FA22" s="319">
        <v>0</v>
      </c>
      <c r="FB22" s="323">
        <v>0</v>
      </c>
      <c r="FC22" s="346"/>
      <c r="FD22" s="319">
        <v>0</v>
      </c>
      <c r="FE22" s="319">
        <v>0</v>
      </c>
      <c r="FF22" s="319">
        <v>0</v>
      </c>
      <c r="FG22" s="319">
        <v>0</v>
      </c>
      <c r="FH22" s="319">
        <v>0</v>
      </c>
      <c r="FI22" s="320">
        <v>0</v>
      </c>
      <c r="FJ22" s="322">
        <v>0</v>
      </c>
      <c r="FK22" s="318">
        <v>1879483</v>
      </c>
      <c r="FL22" s="319">
        <v>4783961</v>
      </c>
      <c r="FM22" s="320">
        <v>6663444</v>
      </c>
      <c r="FN22" s="318">
        <v>0</v>
      </c>
      <c r="FO22" s="319">
        <v>4071047</v>
      </c>
      <c r="FP22" s="319">
        <v>15320287</v>
      </c>
      <c r="FQ22" s="319">
        <v>10092598</v>
      </c>
      <c r="FR22" s="319">
        <v>10655659</v>
      </c>
      <c r="FS22" s="319">
        <v>8007751</v>
      </c>
      <c r="FT22" s="320">
        <v>48147342</v>
      </c>
      <c r="FU22" s="322">
        <v>54810786</v>
      </c>
      <c r="FV22" s="326">
        <v>1104312</v>
      </c>
      <c r="FW22" s="319">
        <v>3721571</v>
      </c>
      <c r="FX22" s="323">
        <v>4825883</v>
      </c>
      <c r="FY22" s="324">
        <v>0</v>
      </c>
      <c r="FZ22" s="319">
        <v>3180022</v>
      </c>
      <c r="GA22" s="319">
        <v>14019109</v>
      </c>
      <c r="GB22" s="319">
        <v>9264302</v>
      </c>
      <c r="GC22" s="319">
        <v>9760035</v>
      </c>
      <c r="GD22" s="319">
        <v>7612003</v>
      </c>
      <c r="GE22" s="320">
        <v>43835471</v>
      </c>
      <c r="GF22" s="327">
        <v>48661354</v>
      </c>
      <c r="GG22" s="326">
        <v>77094</v>
      </c>
      <c r="GH22" s="319">
        <v>198136</v>
      </c>
      <c r="GI22" s="323">
        <v>275230</v>
      </c>
      <c r="GJ22" s="324">
        <v>0</v>
      </c>
      <c r="GK22" s="319">
        <v>415556</v>
      </c>
      <c r="GL22" s="319">
        <v>324534</v>
      </c>
      <c r="GM22" s="319">
        <v>313519</v>
      </c>
      <c r="GN22" s="319">
        <v>166765</v>
      </c>
      <c r="GO22" s="319">
        <v>116028</v>
      </c>
      <c r="GP22" s="320">
        <v>1336402</v>
      </c>
      <c r="GQ22" s="322">
        <v>1611632</v>
      </c>
      <c r="GR22" s="318">
        <v>698077</v>
      </c>
      <c r="GS22" s="319">
        <v>864254</v>
      </c>
      <c r="GT22" s="320">
        <v>1562331</v>
      </c>
      <c r="GU22" s="318">
        <v>0</v>
      </c>
      <c r="GV22" s="319">
        <v>475469</v>
      </c>
      <c r="GW22" s="319">
        <v>976644</v>
      </c>
      <c r="GX22" s="319">
        <v>514777</v>
      </c>
      <c r="GY22" s="319">
        <v>728859</v>
      </c>
      <c r="GZ22" s="319">
        <v>279720</v>
      </c>
      <c r="HA22" s="323">
        <v>2975469</v>
      </c>
      <c r="HB22" s="322">
        <v>4537800</v>
      </c>
      <c r="HC22" s="318">
        <v>1530531</v>
      </c>
      <c r="HD22" s="319">
        <v>3256371</v>
      </c>
      <c r="HE22" s="323">
        <v>4786902</v>
      </c>
      <c r="HF22" s="324">
        <v>0</v>
      </c>
      <c r="HG22" s="319">
        <v>15266174</v>
      </c>
      <c r="HH22" s="319">
        <v>14985818</v>
      </c>
      <c r="HI22" s="319">
        <v>16081538</v>
      </c>
      <c r="HJ22" s="319">
        <v>18859226</v>
      </c>
      <c r="HK22" s="319">
        <v>11339268</v>
      </c>
      <c r="HL22" s="320">
        <v>76532024</v>
      </c>
      <c r="HM22" s="321">
        <v>81318926</v>
      </c>
      <c r="HN22" s="326">
        <v>1348707</v>
      </c>
      <c r="HO22" s="319">
        <v>2931148</v>
      </c>
      <c r="HP22" s="320">
        <v>4279855</v>
      </c>
      <c r="HQ22" s="318">
        <v>0</v>
      </c>
      <c r="HR22" s="319">
        <v>13489643</v>
      </c>
      <c r="HS22" s="319">
        <v>19892487</v>
      </c>
      <c r="HT22" s="319">
        <v>13556625</v>
      </c>
      <c r="HU22" s="319">
        <v>9911517</v>
      </c>
      <c r="HV22" s="319">
        <v>6022766</v>
      </c>
      <c r="HW22" s="323">
        <v>62873038</v>
      </c>
      <c r="HX22" s="322">
        <v>67152893</v>
      </c>
      <c r="HY22" s="357">
        <v>46544</v>
      </c>
      <c r="HZ22" s="332">
        <v>158875</v>
      </c>
      <c r="IA22" s="357">
        <v>205419</v>
      </c>
      <c r="IB22" s="331">
        <v>0</v>
      </c>
      <c r="IC22" s="332">
        <v>30085698</v>
      </c>
      <c r="ID22" s="333">
        <v>44675633</v>
      </c>
      <c r="IE22" s="334">
        <v>48571833</v>
      </c>
      <c r="IF22" s="332">
        <v>39587394</v>
      </c>
      <c r="IG22" s="334">
        <v>34022250</v>
      </c>
      <c r="IH22" s="335">
        <v>196942808</v>
      </c>
      <c r="II22" s="357">
        <v>197148227</v>
      </c>
      <c r="IJ22" s="337">
        <v>0</v>
      </c>
      <c r="IK22" s="338">
        <v>0</v>
      </c>
      <c r="IL22" s="339">
        <v>0</v>
      </c>
      <c r="IM22" s="346"/>
      <c r="IN22" s="341">
        <v>158463</v>
      </c>
      <c r="IO22" s="341">
        <v>199997</v>
      </c>
      <c r="IP22" s="341">
        <v>177066</v>
      </c>
      <c r="IQ22" s="341">
        <v>875826</v>
      </c>
      <c r="IR22" s="341">
        <v>0</v>
      </c>
      <c r="IS22" s="342">
        <v>1411352</v>
      </c>
      <c r="IT22" s="343">
        <v>1411352</v>
      </c>
      <c r="IU22" s="344">
        <v>0</v>
      </c>
      <c r="IV22" s="341">
        <v>0</v>
      </c>
      <c r="IW22" s="345">
        <v>0</v>
      </c>
      <c r="IX22" s="346"/>
      <c r="IY22" s="341">
        <v>0</v>
      </c>
      <c r="IZ22" s="341">
        <v>0</v>
      </c>
      <c r="JA22" s="341">
        <v>0</v>
      </c>
      <c r="JB22" s="341">
        <v>0</v>
      </c>
      <c r="JC22" s="341">
        <v>0</v>
      </c>
      <c r="JD22" s="345">
        <v>0</v>
      </c>
      <c r="JE22" s="347">
        <v>0</v>
      </c>
      <c r="JF22" s="344">
        <v>0</v>
      </c>
      <c r="JG22" s="341">
        <v>0</v>
      </c>
      <c r="JH22" s="342">
        <v>0</v>
      </c>
      <c r="JI22" s="348">
        <v>0</v>
      </c>
      <c r="JJ22" s="341">
        <v>13230416</v>
      </c>
      <c r="JK22" s="341">
        <v>18135658</v>
      </c>
      <c r="JL22" s="341">
        <v>13240526</v>
      </c>
      <c r="JM22" s="341">
        <v>11441588</v>
      </c>
      <c r="JN22" s="341">
        <v>9283897</v>
      </c>
      <c r="JO22" s="345">
        <v>65332085</v>
      </c>
      <c r="JP22" s="343">
        <v>65332085</v>
      </c>
      <c r="JQ22" s="344">
        <v>0</v>
      </c>
      <c r="JR22" s="341">
        <v>73499</v>
      </c>
      <c r="JS22" s="342">
        <v>73499</v>
      </c>
      <c r="JT22" s="348">
        <v>0</v>
      </c>
      <c r="JU22" s="341">
        <v>2130282</v>
      </c>
      <c r="JV22" s="341">
        <v>2838889</v>
      </c>
      <c r="JW22" s="341">
        <v>3207711</v>
      </c>
      <c r="JX22" s="341">
        <v>1362424</v>
      </c>
      <c r="JY22" s="341">
        <v>366420</v>
      </c>
      <c r="JZ22" s="345">
        <v>9905726</v>
      </c>
      <c r="KA22" s="343">
        <v>9979225</v>
      </c>
      <c r="KB22" s="349">
        <v>46544</v>
      </c>
      <c r="KC22" s="350">
        <v>85376</v>
      </c>
      <c r="KD22" s="345">
        <v>131920</v>
      </c>
      <c r="KE22" s="348">
        <v>0</v>
      </c>
      <c r="KF22" s="341">
        <v>1805450</v>
      </c>
      <c r="KG22" s="341">
        <v>6114833</v>
      </c>
      <c r="KH22" s="341">
        <v>6892746</v>
      </c>
      <c r="KI22" s="341">
        <v>8707480</v>
      </c>
      <c r="KJ22" s="341">
        <v>3490132</v>
      </c>
      <c r="KK22" s="345">
        <v>27010641</v>
      </c>
      <c r="KL22" s="351">
        <v>27142561</v>
      </c>
      <c r="KM22" s="337">
        <v>0</v>
      </c>
      <c r="KN22" s="338">
        <v>0</v>
      </c>
      <c r="KO22" s="339">
        <v>0</v>
      </c>
      <c r="KP22" s="352"/>
      <c r="KQ22" s="341">
        <v>11846410</v>
      </c>
      <c r="KR22" s="341">
        <v>17153452</v>
      </c>
      <c r="KS22" s="341">
        <v>15652731</v>
      </c>
      <c r="KT22" s="341">
        <v>9799572</v>
      </c>
      <c r="KU22" s="341">
        <v>5020500</v>
      </c>
      <c r="KV22" s="345">
        <v>59472665</v>
      </c>
      <c r="KW22" s="343">
        <v>59472665</v>
      </c>
      <c r="KX22" s="344">
        <v>0</v>
      </c>
      <c r="KY22" s="341">
        <v>0</v>
      </c>
      <c r="KZ22" s="345">
        <v>0</v>
      </c>
      <c r="LA22" s="352"/>
      <c r="LB22" s="341">
        <v>0</v>
      </c>
      <c r="LC22" s="341">
        <v>0</v>
      </c>
      <c r="LD22" s="341">
        <v>0</v>
      </c>
      <c r="LE22" s="341">
        <v>0</v>
      </c>
      <c r="LF22" s="341">
        <v>0</v>
      </c>
      <c r="LG22" s="345">
        <v>0</v>
      </c>
      <c r="LH22" s="347">
        <v>0</v>
      </c>
      <c r="LI22" s="344">
        <v>0</v>
      </c>
      <c r="LJ22" s="341">
        <v>0</v>
      </c>
      <c r="LK22" s="345">
        <v>0</v>
      </c>
      <c r="LL22" s="352"/>
      <c r="LM22" s="341">
        <v>210067</v>
      </c>
      <c r="LN22" s="341">
        <v>232804</v>
      </c>
      <c r="LO22" s="341">
        <v>8768408</v>
      </c>
      <c r="LP22" s="341">
        <v>6733515</v>
      </c>
      <c r="LQ22" s="341">
        <v>13516475</v>
      </c>
      <c r="LR22" s="345">
        <v>29461269</v>
      </c>
      <c r="LS22" s="343">
        <v>29461269</v>
      </c>
      <c r="LT22" s="344">
        <v>0</v>
      </c>
      <c r="LU22" s="341">
        <v>0</v>
      </c>
      <c r="LV22" s="345">
        <v>0</v>
      </c>
      <c r="LW22" s="352"/>
      <c r="LX22" s="341">
        <v>704610</v>
      </c>
      <c r="LY22" s="341">
        <v>0</v>
      </c>
      <c r="LZ22" s="341">
        <v>632645</v>
      </c>
      <c r="MA22" s="341">
        <v>666989</v>
      </c>
      <c r="MB22" s="341">
        <v>2344826</v>
      </c>
      <c r="MC22" s="345">
        <v>4349070</v>
      </c>
      <c r="MD22" s="347">
        <v>4349070</v>
      </c>
      <c r="ME22" s="344">
        <v>0</v>
      </c>
      <c r="MF22" s="341">
        <v>0</v>
      </c>
      <c r="MG22" s="345">
        <v>0</v>
      </c>
      <c r="MH22" s="352"/>
      <c r="MI22" s="341">
        <v>10655427</v>
      </c>
      <c r="MJ22" s="341">
        <v>30578586</v>
      </c>
      <c r="MK22" s="341">
        <v>80823926</v>
      </c>
      <c r="ML22" s="341">
        <v>108994836</v>
      </c>
      <c r="MM22" s="341">
        <v>81970481</v>
      </c>
      <c r="MN22" s="345">
        <v>313023256</v>
      </c>
      <c r="MO22" s="351">
        <v>313023256</v>
      </c>
      <c r="MP22" s="344">
        <v>0</v>
      </c>
      <c r="MQ22" s="341">
        <v>0</v>
      </c>
      <c r="MR22" s="345">
        <v>0</v>
      </c>
      <c r="MS22" s="352"/>
      <c r="MT22" s="341">
        <v>1428382</v>
      </c>
      <c r="MU22" s="341">
        <v>5363817</v>
      </c>
      <c r="MV22" s="341">
        <v>44437746</v>
      </c>
      <c r="MW22" s="341">
        <v>71456661</v>
      </c>
      <c r="MX22" s="341">
        <v>54782175</v>
      </c>
      <c r="MY22" s="345">
        <v>177468781</v>
      </c>
      <c r="MZ22" s="351">
        <v>177468781</v>
      </c>
      <c r="NA22" s="344">
        <v>0</v>
      </c>
      <c r="NB22" s="341">
        <v>0</v>
      </c>
      <c r="NC22" s="345">
        <v>0</v>
      </c>
      <c r="ND22" s="352"/>
      <c r="NE22" s="341">
        <v>9227045</v>
      </c>
      <c r="NF22" s="341">
        <v>25214769</v>
      </c>
      <c r="NG22" s="341">
        <v>36386180</v>
      </c>
      <c r="NH22" s="341">
        <v>36087898</v>
      </c>
      <c r="NI22" s="341">
        <v>21939183</v>
      </c>
      <c r="NJ22" s="345">
        <v>128855075</v>
      </c>
      <c r="NK22" s="343">
        <v>128855075</v>
      </c>
      <c r="NL22" s="344">
        <v>0</v>
      </c>
      <c r="NM22" s="341">
        <v>0</v>
      </c>
      <c r="NN22" s="345">
        <v>0</v>
      </c>
      <c r="NO22" s="352"/>
      <c r="NP22" s="341">
        <v>0</v>
      </c>
      <c r="NQ22" s="341">
        <v>0</v>
      </c>
      <c r="NR22" s="341">
        <v>0</v>
      </c>
      <c r="NS22" s="341">
        <v>0</v>
      </c>
      <c r="NT22" s="341">
        <v>1329722</v>
      </c>
      <c r="NU22" s="345">
        <v>1329722</v>
      </c>
      <c r="NV22" s="347">
        <v>1329722</v>
      </c>
      <c r="NW22" s="344">
        <v>0</v>
      </c>
      <c r="NX22" s="341">
        <v>0</v>
      </c>
      <c r="NY22" s="345">
        <v>0</v>
      </c>
      <c r="NZ22" s="352"/>
      <c r="OA22" s="341">
        <v>0</v>
      </c>
      <c r="OB22" s="341">
        <v>0</v>
      </c>
      <c r="OC22" s="341">
        <v>0</v>
      </c>
      <c r="OD22" s="341">
        <v>1450277</v>
      </c>
      <c r="OE22" s="341">
        <v>3919401</v>
      </c>
      <c r="OF22" s="345">
        <v>5369678</v>
      </c>
      <c r="OG22" s="347">
        <v>5369678</v>
      </c>
      <c r="OH22" s="344">
        <v>7051939</v>
      </c>
      <c r="OI22" s="341">
        <v>18366732</v>
      </c>
      <c r="OJ22" s="342">
        <v>25418671</v>
      </c>
      <c r="OK22" s="348">
        <v>0</v>
      </c>
      <c r="OL22" s="341">
        <v>122177972</v>
      </c>
      <c r="OM22" s="341">
        <v>228542748</v>
      </c>
      <c r="ON22" s="341">
        <v>256902809</v>
      </c>
      <c r="OO22" s="341">
        <v>266688028</v>
      </c>
      <c r="OP22" s="341">
        <v>210966116</v>
      </c>
      <c r="OQ22" s="345">
        <v>1085277673</v>
      </c>
      <c r="OR22" s="351">
        <v>1110696344</v>
      </c>
    </row>
    <row r="23" spans="1:408" ht="18.75" customHeight="1" x14ac:dyDescent="0.2">
      <c r="A23" s="61" t="s">
        <v>18</v>
      </c>
      <c r="B23" s="318">
        <v>6871784</v>
      </c>
      <c r="C23" s="319">
        <v>15010780</v>
      </c>
      <c r="D23" s="320">
        <v>21882564</v>
      </c>
      <c r="E23" s="321">
        <v>0</v>
      </c>
      <c r="F23" s="319">
        <v>132387809</v>
      </c>
      <c r="G23" s="319">
        <v>161211813</v>
      </c>
      <c r="H23" s="319">
        <v>142953408</v>
      </c>
      <c r="I23" s="319">
        <v>132375519</v>
      </c>
      <c r="J23" s="319">
        <v>97537930</v>
      </c>
      <c r="K23" s="321">
        <v>666466479</v>
      </c>
      <c r="L23" s="322">
        <v>688349043</v>
      </c>
      <c r="M23" s="318">
        <v>1659068</v>
      </c>
      <c r="N23" s="319">
        <v>4233265</v>
      </c>
      <c r="O23" s="320">
        <v>5892333</v>
      </c>
      <c r="P23" s="318">
        <v>0</v>
      </c>
      <c r="Q23" s="319">
        <v>37753669</v>
      </c>
      <c r="R23" s="319">
        <v>46303923</v>
      </c>
      <c r="S23" s="319">
        <v>41637955</v>
      </c>
      <c r="T23" s="319">
        <v>52632790</v>
      </c>
      <c r="U23" s="319">
        <v>47560783</v>
      </c>
      <c r="V23" s="320">
        <v>225889120</v>
      </c>
      <c r="W23" s="322">
        <v>231781453</v>
      </c>
      <c r="X23" s="318">
        <v>0</v>
      </c>
      <c r="Y23" s="319">
        <v>0</v>
      </c>
      <c r="Z23" s="320">
        <v>0</v>
      </c>
      <c r="AA23" s="318">
        <v>0</v>
      </c>
      <c r="AB23" s="319">
        <v>18317351</v>
      </c>
      <c r="AC23" s="319">
        <v>23804397</v>
      </c>
      <c r="AD23" s="319">
        <v>22872341</v>
      </c>
      <c r="AE23" s="319">
        <v>34264912</v>
      </c>
      <c r="AF23" s="319">
        <v>27625268</v>
      </c>
      <c r="AG23" s="320">
        <v>126884269</v>
      </c>
      <c r="AH23" s="322">
        <v>126884269</v>
      </c>
      <c r="AI23" s="318">
        <v>0</v>
      </c>
      <c r="AJ23" s="319">
        <v>34725</v>
      </c>
      <c r="AK23" s="320">
        <v>34725</v>
      </c>
      <c r="AL23" s="318">
        <v>0</v>
      </c>
      <c r="AM23" s="319">
        <v>168928</v>
      </c>
      <c r="AN23" s="319">
        <v>836708</v>
      </c>
      <c r="AO23" s="319">
        <v>1005761</v>
      </c>
      <c r="AP23" s="319">
        <v>2549631</v>
      </c>
      <c r="AQ23" s="319">
        <v>6264843</v>
      </c>
      <c r="AR23" s="320">
        <v>10825871</v>
      </c>
      <c r="AS23" s="322">
        <v>10860596</v>
      </c>
      <c r="AT23" s="318">
        <v>940347</v>
      </c>
      <c r="AU23" s="319">
        <v>3167768</v>
      </c>
      <c r="AV23" s="320">
        <v>4108115</v>
      </c>
      <c r="AW23" s="318">
        <v>0</v>
      </c>
      <c r="AX23" s="319">
        <v>11955820</v>
      </c>
      <c r="AY23" s="319">
        <v>12894983</v>
      </c>
      <c r="AZ23" s="319">
        <v>9272310</v>
      </c>
      <c r="BA23" s="319">
        <v>8853581</v>
      </c>
      <c r="BB23" s="319">
        <v>7925681</v>
      </c>
      <c r="BC23" s="320">
        <v>50902375</v>
      </c>
      <c r="BD23" s="322">
        <v>55010490</v>
      </c>
      <c r="BE23" s="318">
        <v>141954</v>
      </c>
      <c r="BF23" s="319">
        <v>270611</v>
      </c>
      <c r="BG23" s="323">
        <v>412565</v>
      </c>
      <c r="BH23" s="324">
        <v>0</v>
      </c>
      <c r="BI23" s="319">
        <v>1553491</v>
      </c>
      <c r="BJ23" s="319">
        <v>1817871</v>
      </c>
      <c r="BK23" s="319">
        <v>1635135</v>
      </c>
      <c r="BL23" s="319">
        <v>1096912</v>
      </c>
      <c r="BM23" s="319">
        <v>576926</v>
      </c>
      <c r="BN23" s="320">
        <v>6680335</v>
      </c>
      <c r="BO23" s="322">
        <v>7092900</v>
      </c>
      <c r="BP23" s="318">
        <v>576767</v>
      </c>
      <c r="BQ23" s="319">
        <v>760161</v>
      </c>
      <c r="BR23" s="320">
        <v>1336928</v>
      </c>
      <c r="BS23" s="318">
        <v>0</v>
      </c>
      <c r="BT23" s="319">
        <v>5758079</v>
      </c>
      <c r="BU23" s="319">
        <v>6949964</v>
      </c>
      <c r="BV23" s="319">
        <v>6852408</v>
      </c>
      <c r="BW23" s="319">
        <v>5867754</v>
      </c>
      <c r="BX23" s="319">
        <v>5168065</v>
      </c>
      <c r="BY23" s="320">
        <v>30596270</v>
      </c>
      <c r="BZ23" s="322">
        <v>31933198</v>
      </c>
      <c r="CA23" s="318">
        <v>1049537</v>
      </c>
      <c r="CB23" s="319">
        <v>2999590</v>
      </c>
      <c r="CC23" s="320">
        <v>4049127</v>
      </c>
      <c r="CD23" s="318">
        <v>0</v>
      </c>
      <c r="CE23" s="319">
        <v>43309092</v>
      </c>
      <c r="CF23" s="319">
        <v>55030453</v>
      </c>
      <c r="CG23" s="319">
        <v>41268158</v>
      </c>
      <c r="CH23" s="319">
        <v>26705435</v>
      </c>
      <c r="CI23" s="319">
        <v>10549748</v>
      </c>
      <c r="CJ23" s="320">
        <v>176862886</v>
      </c>
      <c r="CK23" s="322">
        <v>180912013</v>
      </c>
      <c r="CL23" s="318">
        <v>0</v>
      </c>
      <c r="CM23" s="319">
        <v>0</v>
      </c>
      <c r="CN23" s="320">
        <v>0</v>
      </c>
      <c r="CO23" s="324">
        <v>0</v>
      </c>
      <c r="CP23" s="319">
        <v>34555750</v>
      </c>
      <c r="CQ23" s="319">
        <v>44398002</v>
      </c>
      <c r="CR23" s="319">
        <v>33177472</v>
      </c>
      <c r="CS23" s="319">
        <v>21071393</v>
      </c>
      <c r="CT23" s="319">
        <v>9002920</v>
      </c>
      <c r="CU23" s="320">
        <v>142205537</v>
      </c>
      <c r="CV23" s="322">
        <v>142205537</v>
      </c>
      <c r="CW23" s="318">
        <v>1049537</v>
      </c>
      <c r="CX23" s="319">
        <v>2999590</v>
      </c>
      <c r="CY23" s="320">
        <v>4049127</v>
      </c>
      <c r="CZ23" s="318">
        <v>0</v>
      </c>
      <c r="DA23" s="319">
        <v>8753342</v>
      </c>
      <c r="DB23" s="319">
        <v>10632451</v>
      </c>
      <c r="DC23" s="319">
        <v>8090686</v>
      </c>
      <c r="DD23" s="319">
        <v>5634042</v>
      </c>
      <c r="DE23" s="319">
        <v>1546828</v>
      </c>
      <c r="DF23" s="320">
        <v>34657349</v>
      </c>
      <c r="DG23" s="322">
        <v>38706476</v>
      </c>
      <c r="DH23" s="318">
        <v>23604</v>
      </c>
      <c r="DI23" s="319">
        <v>80548</v>
      </c>
      <c r="DJ23" s="323">
        <v>104152</v>
      </c>
      <c r="DK23" s="324">
        <v>0</v>
      </c>
      <c r="DL23" s="319">
        <v>2673758</v>
      </c>
      <c r="DM23" s="319">
        <v>6533074</v>
      </c>
      <c r="DN23" s="319">
        <v>15857192</v>
      </c>
      <c r="DO23" s="319">
        <v>15039399</v>
      </c>
      <c r="DP23" s="319">
        <v>8927207</v>
      </c>
      <c r="DQ23" s="320">
        <v>49030630</v>
      </c>
      <c r="DR23" s="322">
        <v>49134782</v>
      </c>
      <c r="DS23" s="318">
        <v>23604</v>
      </c>
      <c r="DT23" s="319">
        <v>80548</v>
      </c>
      <c r="DU23" s="320">
        <v>104152</v>
      </c>
      <c r="DV23" s="318">
        <v>0</v>
      </c>
      <c r="DW23" s="319">
        <v>2630571</v>
      </c>
      <c r="DX23" s="319">
        <v>6493942</v>
      </c>
      <c r="DY23" s="319">
        <v>15666011</v>
      </c>
      <c r="DZ23" s="319">
        <v>14719859</v>
      </c>
      <c r="EA23" s="319">
        <v>8572038</v>
      </c>
      <c r="EB23" s="320">
        <v>48082421</v>
      </c>
      <c r="EC23" s="322">
        <v>48186573</v>
      </c>
      <c r="ED23" s="318">
        <v>0</v>
      </c>
      <c r="EE23" s="323">
        <v>0</v>
      </c>
      <c r="EF23" s="320">
        <v>0</v>
      </c>
      <c r="EG23" s="318">
        <v>0</v>
      </c>
      <c r="EH23" s="319">
        <v>43187</v>
      </c>
      <c r="EI23" s="319">
        <v>39132</v>
      </c>
      <c r="EJ23" s="319">
        <v>191181</v>
      </c>
      <c r="EK23" s="319">
        <v>319540</v>
      </c>
      <c r="EL23" s="319">
        <v>355169</v>
      </c>
      <c r="EM23" s="323">
        <v>948209</v>
      </c>
      <c r="EN23" s="322">
        <v>948209</v>
      </c>
      <c r="EO23" s="318">
        <v>0</v>
      </c>
      <c r="EP23" s="319">
        <v>0</v>
      </c>
      <c r="EQ23" s="323">
        <v>0</v>
      </c>
      <c r="ER23" s="324">
        <v>0</v>
      </c>
      <c r="ES23" s="319">
        <v>0</v>
      </c>
      <c r="ET23" s="319">
        <v>0</v>
      </c>
      <c r="EU23" s="319">
        <v>0</v>
      </c>
      <c r="EV23" s="319">
        <v>0</v>
      </c>
      <c r="EW23" s="319">
        <v>0</v>
      </c>
      <c r="EX23" s="320">
        <v>0</v>
      </c>
      <c r="EY23" s="322">
        <v>0</v>
      </c>
      <c r="EZ23" s="318">
        <v>0</v>
      </c>
      <c r="FA23" s="319">
        <v>0</v>
      </c>
      <c r="FB23" s="323">
        <v>0</v>
      </c>
      <c r="FC23" s="346"/>
      <c r="FD23" s="319">
        <v>0</v>
      </c>
      <c r="FE23" s="319">
        <v>0</v>
      </c>
      <c r="FF23" s="319">
        <v>0</v>
      </c>
      <c r="FG23" s="319">
        <v>0</v>
      </c>
      <c r="FH23" s="319">
        <v>0</v>
      </c>
      <c r="FI23" s="320">
        <v>0</v>
      </c>
      <c r="FJ23" s="322">
        <v>0</v>
      </c>
      <c r="FK23" s="318">
        <v>1390747</v>
      </c>
      <c r="FL23" s="319">
        <v>3242345</v>
      </c>
      <c r="FM23" s="320">
        <v>4633092</v>
      </c>
      <c r="FN23" s="318">
        <v>0</v>
      </c>
      <c r="FO23" s="319">
        <v>7565727</v>
      </c>
      <c r="FP23" s="319">
        <v>14127927</v>
      </c>
      <c r="FQ23" s="319">
        <v>10045689</v>
      </c>
      <c r="FR23" s="319">
        <v>10043417</v>
      </c>
      <c r="FS23" s="319">
        <v>7447336</v>
      </c>
      <c r="FT23" s="320">
        <v>49230096</v>
      </c>
      <c r="FU23" s="322">
        <v>53863188</v>
      </c>
      <c r="FV23" s="326">
        <v>1037347</v>
      </c>
      <c r="FW23" s="319">
        <v>2560788</v>
      </c>
      <c r="FX23" s="323">
        <v>3598135</v>
      </c>
      <c r="FY23" s="324">
        <v>0</v>
      </c>
      <c r="FZ23" s="319">
        <v>5887588</v>
      </c>
      <c r="GA23" s="319">
        <v>13210991</v>
      </c>
      <c r="GB23" s="319">
        <v>9411409</v>
      </c>
      <c r="GC23" s="319">
        <v>9573077</v>
      </c>
      <c r="GD23" s="319">
        <v>6911519</v>
      </c>
      <c r="GE23" s="320">
        <v>44994584</v>
      </c>
      <c r="GF23" s="327">
        <v>48592719</v>
      </c>
      <c r="GG23" s="326">
        <v>0</v>
      </c>
      <c r="GH23" s="319">
        <v>109237</v>
      </c>
      <c r="GI23" s="323">
        <v>109237</v>
      </c>
      <c r="GJ23" s="324">
        <v>0</v>
      </c>
      <c r="GK23" s="319">
        <v>297522</v>
      </c>
      <c r="GL23" s="319">
        <v>198106</v>
      </c>
      <c r="GM23" s="319">
        <v>224860</v>
      </c>
      <c r="GN23" s="319">
        <v>124920</v>
      </c>
      <c r="GO23" s="319">
        <v>355817</v>
      </c>
      <c r="GP23" s="320">
        <v>1201225</v>
      </c>
      <c r="GQ23" s="322">
        <v>1310462</v>
      </c>
      <c r="GR23" s="318">
        <v>353400</v>
      </c>
      <c r="GS23" s="319">
        <v>572320</v>
      </c>
      <c r="GT23" s="320">
        <v>925720</v>
      </c>
      <c r="GU23" s="318">
        <v>0</v>
      </c>
      <c r="GV23" s="319">
        <v>1380617</v>
      </c>
      <c r="GW23" s="319">
        <v>718830</v>
      </c>
      <c r="GX23" s="319">
        <v>409420</v>
      </c>
      <c r="GY23" s="319">
        <v>345420</v>
      </c>
      <c r="GZ23" s="319">
        <v>180000</v>
      </c>
      <c r="HA23" s="323">
        <v>3034287</v>
      </c>
      <c r="HB23" s="322">
        <v>3960007</v>
      </c>
      <c r="HC23" s="318">
        <v>1386884</v>
      </c>
      <c r="HD23" s="319">
        <v>1463882</v>
      </c>
      <c r="HE23" s="323">
        <v>2850766</v>
      </c>
      <c r="HF23" s="324">
        <v>0</v>
      </c>
      <c r="HG23" s="319">
        <v>18737475</v>
      </c>
      <c r="HH23" s="319">
        <v>18742124</v>
      </c>
      <c r="HI23" s="319">
        <v>20707538</v>
      </c>
      <c r="HJ23" s="319">
        <v>18093463</v>
      </c>
      <c r="HK23" s="319">
        <v>17587852</v>
      </c>
      <c r="HL23" s="320">
        <v>93868452</v>
      </c>
      <c r="HM23" s="321">
        <v>96719218</v>
      </c>
      <c r="HN23" s="326">
        <v>1361944</v>
      </c>
      <c r="HO23" s="319">
        <v>2991150</v>
      </c>
      <c r="HP23" s="320">
        <v>4353094</v>
      </c>
      <c r="HQ23" s="318">
        <v>0</v>
      </c>
      <c r="HR23" s="319">
        <v>22348088</v>
      </c>
      <c r="HS23" s="319">
        <v>20474312</v>
      </c>
      <c r="HT23" s="319">
        <v>13436876</v>
      </c>
      <c r="HU23" s="319">
        <v>9861015</v>
      </c>
      <c r="HV23" s="319">
        <v>5465004</v>
      </c>
      <c r="HW23" s="323">
        <v>71585295</v>
      </c>
      <c r="HX23" s="322">
        <v>75938389</v>
      </c>
      <c r="HY23" s="328">
        <v>518345</v>
      </c>
      <c r="HZ23" s="329">
        <v>968607</v>
      </c>
      <c r="IA23" s="330">
        <v>1486952</v>
      </c>
      <c r="IB23" s="353">
        <v>0</v>
      </c>
      <c r="IC23" s="329">
        <v>33342086</v>
      </c>
      <c r="ID23" s="354">
        <v>54093396</v>
      </c>
      <c r="IE23" s="330">
        <v>48757716</v>
      </c>
      <c r="IF23" s="329">
        <v>31207326</v>
      </c>
      <c r="IG23" s="330">
        <v>19818335</v>
      </c>
      <c r="IH23" s="355">
        <v>187218859</v>
      </c>
      <c r="II23" s="336">
        <v>188705811</v>
      </c>
      <c r="IJ23" s="337">
        <v>0</v>
      </c>
      <c r="IK23" s="338">
        <v>0</v>
      </c>
      <c r="IL23" s="339">
        <v>0</v>
      </c>
      <c r="IM23" s="346"/>
      <c r="IN23" s="341">
        <v>162263</v>
      </c>
      <c r="IO23" s="341">
        <v>115443</v>
      </c>
      <c r="IP23" s="341">
        <v>590972</v>
      </c>
      <c r="IQ23" s="341">
        <v>221326</v>
      </c>
      <c r="IR23" s="341">
        <v>766540</v>
      </c>
      <c r="IS23" s="342">
        <v>1856544</v>
      </c>
      <c r="IT23" s="343">
        <v>1856544</v>
      </c>
      <c r="IU23" s="344">
        <v>0</v>
      </c>
      <c r="IV23" s="341">
        <v>0</v>
      </c>
      <c r="IW23" s="345">
        <v>0</v>
      </c>
      <c r="IX23" s="346"/>
      <c r="IY23" s="341">
        <v>0</v>
      </c>
      <c r="IZ23" s="341">
        <v>0</v>
      </c>
      <c r="JA23" s="341">
        <v>0</v>
      </c>
      <c r="JB23" s="341">
        <v>0</v>
      </c>
      <c r="JC23" s="341">
        <v>0</v>
      </c>
      <c r="JD23" s="345">
        <v>0</v>
      </c>
      <c r="JE23" s="347">
        <v>0</v>
      </c>
      <c r="JF23" s="344">
        <v>0</v>
      </c>
      <c r="JG23" s="341">
        <v>0</v>
      </c>
      <c r="JH23" s="342">
        <v>0</v>
      </c>
      <c r="JI23" s="348">
        <v>0</v>
      </c>
      <c r="JJ23" s="341">
        <v>13518077</v>
      </c>
      <c r="JK23" s="341">
        <v>13862706</v>
      </c>
      <c r="JL23" s="341">
        <v>9395811</v>
      </c>
      <c r="JM23" s="341">
        <v>5037638</v>
      </c>
      <c r="JN23" s="341">
        <v>1515510</v>
      </c>
      <c r="JO23" s="345">
        <v>43329742</v>
      </c>
      <c r="JP23" s="343">
        <v>43329742</v>
      </c>
      <c r="JQ23" s="344">
        <v>0</v>
      </c>
      <c r="JR23" s="341">
        <v>0</v>
      </c>
      <c r="JS23" s="342">
        <v>0</v>
      </c>
      <c r="JT23" s="348">
        <v>0</v>
      </c>
      <c r="JU23" s="341">
        <v>509538</v>
      </c>
      <c r="JV23" s="341">
        <v>677416</v>
      </c>
      <c r="JW23" s="341">
        <v>1600600</v>
      </c>
      <c r="JX23" s="341">
        <v>1823028</v>
      </c>
      <c r="JY23" s="341">
        <v>2888674</v>
      </c>
      <c r="JZ23" s="345">
        <v>7499256</v>
      </c>
      <c r="KA23" s="343">
        <v>7499256</v>
      </c>
      <c r="KB23" s="349">
        <v>518345</v>
      </c>
      <c r="KC23" s="350">
        <v>689074</v>
      </c>
      <c r="KD23" s="345">
        <v>1207419</v>
      </c>
      <c r="KE23" s="348">
        <v>0</v>
      </c>
      <c r="KF23" s="341">
        <v>5917894</v>
      </c>
      <c r="KG23" s="341">
        <v>11116437</v>
      </c>
      <c r="KH23" s="341">
        <v>7834520</v>
      </c>
      <c r="KI23" s="341">
        <v>3973780</v>
      </c>
      <c r="KJ23" s="341">
        <v>1989777</v>
      </c>
      <c r="KK23" s="345">
        <v>30832408</v>
      </c>
      <c r="KL23" s="351">
        <v>32039827</v>
      </c>
      <c r="KM23" s="337">
        <v>0</v>
      </c>
      <c r="KN23" s="338">
        <v>279533</v>
      </c>
      <c r="KO23" s="339">
        <v>279533</v>
      </c>
      <c r="KP23" s="352"/>
      <c r="KQ23" s="341">
        <v>12526217</v>
      </c>
      <c r="KR23" s="341">
        <v>26450401</v>
      </c>
      <c r="KS23" s="341">
        <v>23239794</v>
      </c>
      <c r="KT23" s="341">
        <v>12048616</v>
      </c>
      <c r="KU23" s="341">
        <v>6299346</v>
      </c>
      <c r="KV23" s="345">
        <v>80564374</v>
      </c>
      <c r="KW23" s="343">
        <v>80843907</v>
      </c>
      <c r="KX23" s="344">
        <v>0</v>
      </c>
      <c r="KY23" s="341">
        <v>0</v>
      </c>
      <c r="KZ23" s="345">
        <v>0</v>
      </c>
      <c r="LA23" s="352"/>
      <c r="LB23" s="341">
        <v>0</v>
      </c>
      <c r="LC23" s="341">
        <v>0</v>
      </c>
      <c r="LD23" s="341">
        <v>0</v>
      </c>
      <c r="LE23" s="341">
        <v>0</v>
      </c>
      <c r="LF23" s="341">
        <v>0</v>
      </c>
      <c r="LG23" s="345">
        <v>0</v>
      </c>
      <c r="LH23" s="347">
        <v>0</v>
      </c>
      <c r="LI23" s="344">
        <v>0</v>
      </c>
      <c r="LJ23" s="341">
        <v>0</v>
      </c>
      <c r="LK23" s="345">
        <v>0</v>
      </c>
      <c r="LL23" s="352"/>
      <c r="LM23" s="341">
        <v>0</v>
      </c>
      <c r="LN23" s="341">
        <v>514884</v>
      </c>
      <c r="LO23" s="341">
        <v>2185664</v>
      </c>
      <c r="LP23" s="341">
        <v>3917184</v>
      </c>
      <c r="LQ23" s="341">
        <v>1619205</v>
      </c>
      <c r="LR23" s="345">
        <v>8236937</v>
      </c>
      <c r="LS23" s="343">
        <v>8236937</v>
      </c>
      <c r="LT23" s="344">
        <v>0</v>
      </c>
      <c r="LU23" s="341">
        <v>0</v>
      </c>
      <c r="LV23" s="345">
        <v>0</v>
      </c>
      <c r="LW23" s="352"/>
      <c r="LX23" s="341">
        <v>708097</v>
      </c>
      <c r="LY23" s="341">
        <v>1356109</v>
      </c>
      <c r="LZ23" s="341">
        <v>3910355</v>
      </c>
      <c r="MA23" s="341">
        <v>4185754</v>
      </c>
      <c r="MB23" s="341">
        <v>4739283</v>
      </c>
      <c r="MC23" s="345">
        <v>14899598</v>
      </c>
      <c r="MD23" s="347">
        <v>14899598</v>
      </c>
      <c r="ME23" s="344">
        <v>0</v>
      </c>
      <c r="MF23" s="341">
        <v>0</v>
      </c>
      <c r="MG23" s="345">
        <v>0</v>
      </c>
      <c r="MH23" s="352"/>
      <c r="MI23" s="341">
        <v>12946918</v>
      </c>
      <c r="MJ23" s="341">
        <v>20080048</v>
      </c>
      <c r="MK23" s="341">
        <v>76545605</v>
      </c>
      <c r="ML23" s="341">
        <v>150326661</v>
      </c>
      <c r="MM23" s="341">
        <v>111811449</v>
      </c>
      <c r="MN23" s="345">
        <v>371710681</v>
      </c>
      <c r="MO23" s="351">
        <v>371710681</v>
      </c>
      <c r="MP23" s="344">
        <v>0</v>
      </c>
      <c r="MQ23" s="341">
        <v>0</v>
      </c>
      <c r="MR23" s="345">
        <v>0</v>
      </c>
      <c r="MS23" s="352"/>
      <c r="MT23" s="341">
        <v>1177837</v>
      </c>
      <c r="MU23" s="341">
        <v>2650855</v>
      </c>
      <c r="MV23" s="341">
        <v>47092954</v>
      </c>
      <c r="MW23" s="341">
        <v>102044776</v>
      </c>
      <c r="MX23" s="341">
        <v>78366784</v>
      </c>
      <c r="MY23" s="345">
        <v>231333206</v>
      </c>
      <c r="MZ23" s="351">
        <v>231333206</v>
      </c>
      <c r="NA23" s="344">
        <v>0</v>
      </c>
      <c r="NB23" s="341">
        <v>0</v>
      </c>
      <c r="NC23" s="345">
        <v>0</v>
      </c>
      <c r="ND23" s="352"/>
      <c r="NE23" s="341">
        <v>11769081</v>
      </c>
      <c r="NF23" s="341">
        <v>17429193</v>
      </c>
      <c r="NG23" s="341">
        <v>29085864</v>
      </c>
      <c r="NH23" s="341">
        <v>43460129</v>
      </c>
      <c r="NI23" s="341">
        <v>24667846</v>
      </c>
      <c r="NJ23" s="345">
        <v>126412113</v>
      </c>
      <c r="NK23" s="343">
        <v>126412113</v>
      </c>
      <c r="NL23" s="344">
        <v>0</v>
      </c>
      <c r="NM23" s="341">
        <v>0</v>
      </c>
      <c r="NN23" s="345">
        <v>0</v>
      </c>
      <c r="NO23" s="352"/>
      <c r="NP23" s="341">
        <v>0</v>
      </c>
      <c r="NQ23" s="341">
        <v>0</v>
      </c>
      <c r="NR23" s="341">
        <v>0</v>
      </c>
      <c r="NS23" s="341">
        <v>0</v>
      </c>
      <c r="NT23" s="341">
        <v>1674347</v>
      </c>
      <c r="NU23" s="345">
        <v>1674347</v>
      </c>
      <c r="NV23" s="347">
        <v>1674347</v>
      </c>
      <c r="NW23" s="344">
        <v>0</v>
      </c>
      <c r="NX23" s="341">
        <v>0</v>
      </c>
      <c r="NY23" s="345">
        <v>0</v>
      </c>
      <c r="NZ23" s="352"/>
      <c r="OA23" s="341">
        <v>0</v>
      </c>
      <c r="OB23" s="341">
        <v>0</v>
      </c>
      <c r="OC23" s="341">
        <v>366787</v>
      </c>
      <c r="OD23" s="341">
        <v>4821756</v>
      </c>
      <c r="OE23" s="341">
        <v>7102472</v>
      </c>
      <c r="OF23" s="345">
        <v>12291015</v>
      </c>
      <c r="OG23" s="347">
        <v>12291015</v>
      </c>
      <c r="OH23" s="344">
        <v>7390129</v>
      </c>
      <c r="OI23" s="341">
        <v>15979387</v>
      </c>
      <c r="OJ23" s="342">
        <v>23369516</v>
      </c>
      <c r="OK23" s="348">
        <v>0</v>
      </c>
      <c r="OL23" s="341">
        <v>178676813</v>
      </c>
      <c r="OM23" s="341">
        <v>235385257</v>
      </c>
      <c r="ON23" s="341">
        <v>268256729</v>
      </c>
      <c r="OO23" s="341">
        <v>313909506</v>
      </c>
      <c r="OP23" s="341">
        <v>229167714</v>
      </c>
      <c r="OQ23" s="345">
        <v>1225396019</v>
      </c>
      <c r="OR23" s="351">
        <v>1248765535</v>
      </c>
    </row>
    <row r="24" spans="1:408" ht="18.75" customHeight="1" x14ac:dyDescent="0.2">
      <c r="A24" s="61" t="s">
        <v>19</v>
      </c>
      <c r="B24" s="318">
        <v>3773446</v>
      </c>
      <c r="C24" s="319">
        <v>9241675</v>
      </c>
      <c r="D24" s="320">
        <v>13015121</v>
      </c>
      <c r="E24" s="321">
        <v>0</v>
      </c>
      <c r="F24" s="319">
        <v>61021416</v>
      </c>
      <c r="G24" s="319">
        <v>70095676</v>
      </c>
      <c r="H24" s="319">
        <v>59848081</v>
      </c>
      <c r="I24" s="319">
        <v>47097323</v>
      </c>
      <c r="J24" s="319">
        <v>32888232</v>
      </c>
      <c r="K24" s="321">
        <v>270950728</v>
      </c>
      <c r="L24" s="322">
        <v>283965849</v>
      </c>
      <c r="M24" s="318">
        <v>1176938</v>
      </c>
      <c r="N24" s="319">
        <v>2592908</v>
      </c>
      <c r="O24" s="320">
        <v>3769846</v>
      </c>
      <c r="P24" s="318">
        <v>0</v>
      </c>
      <c r="Q24" s="319">
        <v>15468403</v>
      </c>
      <c r="R24" s="319">
        <v>17241372</v>
      </c>
      <c r="S24" s="319">
        <v>17697078</v>
      </c>
      <c r="T24" s="319">
        <v>17228185</v>
      </c>
      <c r="U24" s="319">
        <v>13916017</v>
      </c>
      <c r="V24" s="320">
        <v>81551055</v>
      </c>
      <c r="W24" s="322">
        <v>85320901</v>
      </c>
      <c r="X24" s="318">
        <v>0</v>
      </c>
      <c r="Y24" s="319">
        <v>0</v>
      </c>
      <c r="Z24" s="320">
        <v>0</v>
      </c>
      <c r="AA24" s="318">
        <v>0</v>
      </c>
      <c r="AB24" s="319">
        <v>6832840</v>
      </c>
      <c r="AC24" s="319">
        <v>8237972</v>
      </c>
      <c r="AD24" s="319">
        <v>10221375</v>
      </c>
      <c r="AE24" s="319">
        <v>9512126</v>
      </c>
      <c r="AF24" s="319">
        <v>7092012</v>
      </c>
      <c r="AG24" s="320">
        <v>41896325</v>
      </c>
      <c r="AH24" s="322">
        <v>41896325</v>
      </c>
      <c r="AI24" s="318">
        <v>0</v>
      </c>
      <c r="AJ24" s="319">
        <v>53571</v>
      </c>
      <c r="AK24" s="320">
        <v>53571</v>
      </c>
      <c r="AL24" s="318">
        <v>0</v>
      </c>
      <c r="AM24" s="319">
        <v>127842</v>
      </c>
      <c r="AN24" s="319">
        <v>267985</v>
      </c>
      <c r="AO24" s="319">
        <v>866487</v>
      </c>
      <c r="AP24" s="319">
        <v>1250928</v>
      </c>
      <c r="AQ24" s="319">
        <v>1999036</v>
      </c>
      <c r="AR24" s="320">
        <v>4512278</v>
      </c>
      <c r="AS24" s="322">
        <v>4565849</v>
      </c>
      <c r="AT24" s="318">
        <v>656004</v>
      </c>
      <c r="AU24" s="319">
        <v>1919125</v>
      </c>
      <c r="AV24" s="320">
        <v>2575129</v>
      </c>
      <c r="AW24" s="318">
        <v>0</v>
      </c>
      <c r="AX24" s="319">
        <v>5399292</v>
      </c>
      <c r="AY24" s="319">
        <v>5747247</v>
      </c>
      <c r="AZ24" s="319">
        <v>3989666</v>
      </c>
      <c r="BA24" s="319">
        <v>3975134</v>
      </c>
      <c r="BB24" s="319">
        <v>3161034</v>
      </c>
      <c r="BC24" s="320">
        <v>22272373</v>
      </c>
      <c r="BD24" s="322">
        <v>24847502</v>
      </c>
      <c r="BE24" s="318">
        <v>120456</v>
      </c>
      <c r="BF24" s="319">
        <v>325560</v>
      </c>
      <c r="BG24" s="323">
        <v>446016</v>
      </c>
      <c r="BH24" s="324">
        <v>0</v>
      </c>
      <c r="BI24" s="319">
        <v>735684</v>
      </c>
      <c r="BJ24" s="319">
        <v>462426</v>
      </c>
      <c r="BK24" s="319">
        <v>380871</v>
      </c>
      <c r="BL24" s="319">
        <v>304080</v>
      </c>
      <c r="BM24" s="319">
        <v>114910</v>
      </c>
      <c r="BN24" s="320">
        <v>1997971</v>
      </c>
      <c r="BO24" s="322">
        <v>2443987</v>
      </c>
      <c r="BP24" s="318">
        <v>400478</v>
      </c>
      <c r="BQ24" s="319">
        <v>294652</v>
      </c>
      <c r="BR24" s="320">
        <v>695130</v>
      </c>
      <c r="BS24" s="318">
        <v>0</v>
      </c>
      <c r="BT24" s="319">
        <v>2372745</v>
      </c>
      <c r="BU24" s="319">
        <v>2525742</v>
      </c>
      <c r="BV24" s="319">
        <v>2238679</v>
      </c>
      <c r="BW24" s="319">
        <v>2185917</v>
      </c>
      <c r="BX24" s="319">
        <v>1549025</v>
      </c>
      <c r="BY24" s="320">
        <v>10872108</v>
      </c>
      <c r="BZ24" s="322">
        <v>11567238</v>
      </c>
      <c r="CA24" s="318">
        <v>389592</v>
      </c>
      <c r="CB24" s="319">
        <v>1770139</v>
      </c>
      <c r="CC24" s="320">
        <v>2159731</v>
      </c>
      <c r="CD24" s="318">
        <v>0</v>
      </c>
      <c r="CE24" s="319">
        <v>19241276</v>
      </c>
      <c r="CF24" s="319">
        <v>25718212</v>
      </c>
      <c r="CG24" s="319">
        <v>17164018</v>
      </c>
      <c r="CH24" s="319">
        <v>8967667</v>
      </c>
      <c r="CI24" s="319">
        <v>5151418</v>
      </c>
      <c r="CJ24" s="320">
        <v>76242591</v>
      </c>
      <c r="CK24" s="322">
        <v>78402322</v>
      </c>
      <c r="CL24" s="318">
        <v>0</v>
      </c>
      <c r="CM24" s="319">
        <v>0</v>
      </c>
      <c r="CN24" s="320">
        <v>0</v>
      </c>
      <c r="CO24" s="324">
        <v>0</v>
      </c>
      <c r="CP24" s="319">
        <v>14562119</v>
      </c>
      <c r="CQ24" s="319">
        <v>19177882</v>
      </c>
      <c r="CR24" s="319">
        <v>12466789</v>
      </c>
      <c r="CS24" s="319">
        <v>5898538</v>
      </c>
      <c r="CT24" s="319">
        <v>4063156</v>
      </c>
      <c r="CU24" s="320">
        <v>56168484</v>
      </c>
      <c r="CV24" s="322">
        <v>56168484</v>
      </c>
      <c r="CW24" s="318">
        <v>389592</v>
      </c>
      <c r="CX24" s="319">
        <v>1770139</v>
      </c>
      <c r="CY24" s="320">
        <v>2159731</v>
      </c>
      <c r="CZ24" s="318">
        <v>0</v>
      </c>
      <c r="DA24" s="319">
        <v>4679157</v>
      </c>
      <c r="DB24" s="319">
        <v>6540330</v>
      </c>
      <c r="DC24" s="319">
        <v>4697229</v>
      </c>
      <c r="DD24" s="319">
        <v>3069129</v>
      </c>
      <c r="DE24" s="319">
        <v>1088262</v>
      </c>
      <c r="DF24" s="320">
        <v>20074107</v>
      </c>
      <c r="DG24" s="322">
        <v>22233838</v>
      </c>
      <c r="DH24" s="318">
        <v>0</v>
      </c>
      <c r="DI24" s="319">
        <v>43426</v>
      </c>
      <c r="DJ24" s="323">
        <v>43426</v>
      </c>
      <c r="DK24" s="324">
        <v>0</v>
      </c>
      <c r="DL24" s="319">
        <v>1550672</v>
      </c>
      <c r="DM24" s="319">
        <v>4156838</v>
      </c>
      <c r="DN24" s="319">
        <v>4872581</v>
      </c>
      <c r="DO24" s="319">
        <v>2796151</v>
      </c>
      <c r="DP24" s="319">
        <v>2209313</v>
      </c>
      <c r="DQ24" s="320">
        <v>15585555</v>
      </c>
      <c r="DR24" s="322">
        <v>15628981</v>
      </c>
      <c r="DS24" s="318">
        <v>0</v>
      </c>
      <c r="DT24" s="319">
        <v>43426</v>
      </c>
      <c r="DU24" s="320">
        <v>43426</v>
      </c>
      <c r="DV24" s="318">
        <v>0</v>
      </c>
      <c r="DW24" s="319">
        <v>1218421</v>
      </c>
      <c r="DX24" s="319">
        <v>3686891</v>
      </c>
      <c r="DY24" s="319">
        <v>4479958</v>
      </c>
      <c r="DZ24" s="319">
        <v>1769043</v>
      </c>
      <c r="EA24" s="319">
        <v>1719340</v>
      </c>
      <c r="EB24" s="320">
        <v>12873653</v>
      </c>
      <c r="EC24" s="322">
        <v>12917079</v>
      </c>
      <c r="ED24" s="318">
        <v>0</v>
      </c>
      <c r="EE24" s="323">
        <v>0</v>
      </c>
      <c r="EF24" s="320">
        <v>0</v>
      </c>
      <c r="EG24" s="318">
        <v>0</v>
      </c>
      <c r="EH24" s="319">
        <v>332251</v>
      </c>
      <c r="EI24" s="319">
        <v>469947</v>
      </c>
      <c r="EJ24" s="319">
        <v>392623</v>
      </c>
      <c r="EK24" s="319">
        <v>1027108</v>
      </c>
      <c r="EL24" s="319">
        <v>489973</v>
      </c>
      <c r="EM24" s="323">
        <v>2711902</v>
      </c>
      <c r="EN24" s="322">
        <v>2711902</v>
      </c>
      <c r="EO24" s="318">
        <v>0</v>
      </c>
      <c r="EP24" s="319">
        <v>0</v>
      </c>
      <c r="EQ24" s="323">
        <v>0</v>
      </c>
      <c r="ER24" s="324">
        <v>0</v>
      </c>
      <c r="ES24" s="319">
        <v>0</v>
      </c>
      <c r="ET24" s="319">
        <v>0</v>
      </c>
      <c r="EU24" s="319">
        <v>0</v>
      </c>
      <c r="EV24" s="319">
        <v>0</v>
      </c>
      <c r="EW24" s="319">
        <v>0</v>
      </c>
      <c r="EX24" s="320">
        <v>0</v>
      </c>
      <c r="EY24" s="322">
        <v>0</v>
      </c>
      <c r="EZ24" s="318">
        <v>0</v>
      </c>
      <c r="FA24" s="319">
        <v>0</v>
      </c>
      <c r="FB24" s="323">
        <v>0</v>
      </c>
      <c r="FC24" s="346"/>
      <c r="FD24" s="319">
        <v>0</v>
      </c>
      <c r="FE24" s="319">
        <v>0</v>
      </c>
      <c r="FF24" s="319">
        <v>0</v>
      </c>
      <c r="FG24" s="319">
        <v>0</v>
      </c>
      <c r="FH24" s="319">
        <v>0</v>
      </c>
      <c r="FI24" s="320">
        <v>0</v>
      </c>
      <c r="FJ24" s="322">
        <v>0</v>
      </c>
      <c r="FK24" s="318">
        <v>821382</v>
      </c>
      <c r="FL24" s="319">
        <v>1874946</v>
      </c>
      <c r="FM24" s="320">
        <v>2696328</v>
      </c>
      <c r="FN24" s="318">
        <v>0</v>
      </c>
      <c r="FO24" s="319">
        <v>3772716</v>
      </c>
      <c r="FP24" s="319">
        <v>6228472</v>
      </c>
      <c r="FQ24" s="319">
        <v>4835002</v>
      </c>
      <c r="FR24" s="319">
        <v>3709928</v>
      </c>
      <c r="FS24" s="319">
        <v>3093594</v>
      </c>
      <c r="FT24" s="320">
        <v>21639712</v>
      </c>
      <c r="FU24" s="322">
        <v>24336040</v>
      </c>
      <c r="FV24" s="326">
        <v>506584</v>
      </c>
      <c r="FW24" s="319">
        <v>1452386</v>
      </c>
      <c r="FX24" s="323">
        <v>1958970</v>
      </c>
      <c r="FY24" s="324">
        <v>0</v>
      </c>
      <c r="FZ24" s="319">
        <v>3113140</v>
      </c>
      <c r="GA24" s="319">
        <v>5921380</v>
      </c>
      <c r="GB24" s="319">
        <v>4435245</v>
      </c>
      <c r="GC24" s="319">
        <v>3562832</v>
      </c>
      <c r="GD24" s="319">
        <v>3093594</v>
      </c>
      <c r="GE24" s="320">
        <v>20126191</v>
      </c>
      <c r="GF24" s="327">
        <v>22085161</v>
      </c>
      <c r="GG24" s="326">
        <v>13320</v>
      </c>
      <c r="GH24" s="319">
        <v>205011</v>
      </c>
      <c r="GI24" s="323">
        <v>218331</v>
      </c>
      <c r="GJ24" s="324">
        <v>0</v>
      </c>
      <c r="GK24" s="319">
        <v>166101</v>
      </c>
      <c r="GL24" s="319">
        <v>77385</v>
      </c>
      <c r="GM24" s="319">
        <v>53900</v>
      </c>
      <c r="GN24" s="319">
        <v>69696</v>
      </c>
      <c r="GO24" s="319">
        <v>0</v>
      </c>
      <c r="GP24" s="320">
        <v>367082</v>
      </c>
      <c r="GQ24" s="322">
        <v>585413</v>
      </c>
      <c r="GR24" s="318">
        <v>301478</v>
      </c>
      <c r="GS24" s="319">
        <v>217549</v>
      </c>
      <c r="GT24" s="320">
        <v>519027</v>
      </c>
      <c r="GU24" s="318">
        <v>0</v>
      </c>
      <c r="GV24" s="319">
        <v>493475</v>
      </c>
      <c r="GW24" s="319">
        <v>229707</v>
      </c>
      <c r="GX24" s="319">
        <v>345857</v>
      </c>
      <c r="GY24" s="319">
        <v>77400</v>
      </c>
      <c r="GZ24" s="319">
        <v>0</v>
      </c>
      <c r="HA24" s="323">
        <v>1146439</v>
      </c>
      <c r="HB24" s="322">
        <v>1665466</v>
      </c>
      <c r="HC24" s="318">
        <v>764364</v>
      </c>
      <c r="HD24" s="319">
        <v>1663245</v>
      </c>
      <c r="HE24" s="323">
        <v>2427609</v>
      </c>
      <c r="HF24" s="324">
        <v>0</v>
      </c>
      <c r="HG24" s="319">
        <v>11065084</v>
      </c>
      <c r="HH24" s="319">
        <v>8149343</v>
      </c>
      <c r="HI24" s="319">
        <v>9597217</v>
      </c>
      <c r="HJ24" s="319">
        <v>11167572</v>
      </c>
      <c r="HK24" s="319">
        <v>6545865</v>
      </c>
      <c r="HL24" s="320">
        <v>46525081</v>
      </c>
      <c r="HM24" s="321">
        <v>48952690</v>
      </c>
      <c r="HN24" s="326">
        <v>621170</v>
      </c>
      <c r="HO24" s="319">
        <v>1297011</v>
      </c>
      <c r="HP24" s="320">
        <v>1918181</v>
      </c>
      <c r="HQ24" s="318">
        <v>0</v>
      </c>
      <c r="HR24" s="319">
        <v>9923265</v>
      </c>
      <c r="HS24" s="319">
        <v>8601439</v>
      </c>
      <c r="HT24" s="319">
        <v>5682185</v>
      </c>
      <c r="HU24" s="319">
        <v>3227820</v>
      </c>
      <c r="HV24" s="319">
        <v>1972025</v>
      </c>
      <c r="HW24" s="323">
        <v>29406734</v>
      </c>
      <c r="HX24" s="322">
        <v>31324915</v>
      </c>
      <c r="HY24" s="357">
        <v>0</v>
      </c>
      <c r="HZ24" s="332">
        <v>660186</v>
      </c>
      <c r="IA24" s="357">
        <v>660186</v>
      </c>
      <c r="IB24" s="331">
        <v>0</v>
      </c>
      <c r="IC24" s="332">
        <v>14900518</v>
      </c>
      <c r="ID24" s="333">
        <v>23212585</v>
      </c>
      <c r="IE24" s="334">
        <v>21412500</v>
      </c>
      <c r="IF24" s="332">
        <v>13946372</v>
      </c>
      <c r="IG24" s="334">
        <v>13712591</v>
      </c>
      <c r="IH24" s="335">
        <v>87184566</v>
      </c>
      <c r="II24" s="357">
        <v>87844752</v>
      </c>
      <c r="IJ24" s="337">
        <v>0</v>
      </c>
      <c r="IK24" s="338">
        <v>0</v>
      </c>
      <c r="IL24" s="339">
        <v>0</v>
      </c>
      <c r="IM24" s="346"/>
      <c r="IN24" s="341">
        <v>656766</v>
      </c>
      <c r="IO24" s="341">
        <v>1081703</v>
      </c>
      <c r="IP24" s="341">
        <v>245440</v>
      </c>
      <c r="IQ24" s="341">
        <v>1292582</v>
      </c>
      <c r="IR24" s="341">
        <v>585069</v>
      </c>
      <c r="IS24" s="342">
        <v>3861560</v>
      </c>
      <c r="IT24" s="343">
        <v>3861560</v>
      </c>
      <c r="IU24" s="344">
        <v>0</v>
      </c>
      <c r="IV24" s="341">
        <v>0</v>
      </c>
      <c r="IW24" s="345">
        <v>0</v>
      </c>
      <c r="IX24" s="346"/>
      <c r="IY24" s="341">
        <v>33654</v>
      </c>
      <c r="IZ24" s="341">
        <v>33654</v>
      </c>
      <c r="JA24" s="341">
        <v>91366</v>
      </c>
      <c r="JB24" s="341">
        <v>8725</v>
      </c>
      <c r="JC24" s="341">
        <v>5960</v>
      </c>
      <c r="JD24" s="345">
        <v>173359</v>
      </c>
      <c r="JE24" s="347">
        <v>173359</v>
      </c>
      <c r="JF24" s="344">
        <v>0</v>
      </c>
      <c r="JG24" s="341">
        <v>0</v>
      </c>
      <c r="JH24" s="342">
        <v>0</v>
      </c>
      <c r="JI24" s="348">
        <v>0</v>
      </c>
      <c r="JJ24" s="341">
        <v>6622427</v>
      </c>
      <c r="JK24" s="341">
        <v>8093094</v>
      </c>
      <c r="JL24" s="341">
        <v>5345295</v>
      </c>
      <c r="JM24" s="341">
        <v>2155833</v>
      </c>
      <c r="JN24" s="341">
        <v>1578223</v>
      </c>
      <c r="JO24" s="345">
        <v>23794872</v>
      </c>
      <c r="JP24" s="343">
        <v>23794872</v>
      </c>
      <c r="JQ24" s="344">
        <v>0</v>
      </c>
      <c r="JR24" s="341">
        <v>0</v>
      </c>
      <c r="JS24" s="342">
        <v>0</v>
      </c>
      <c r="JT24" s="348">
        <v>0</v>
      </c>
      <c r="JU24" s="341">
        <v>871980</v>
      </c>
      <c r="JV24" s="341">
        <v>2838312</v>
      </c>
      <c r="JW24" s="341">
        <v>2307357</v>
      </c>
      <c r="JX24" s="341">
        <v>0</v>
      </c>
      <c r="JY24" s="341">
        <v>616877</v>
      </c>
      <c r="JZ24" s="345">
        <v>6634526</v>
      </c>
      <c r="KA24" s="343">
        <v>6634526</v>
      </c>
      <c r="KB24" s="349">
        <v>0</v>
      </c>
      <c r="KC24" s="350">
        <v>420858</v>
      </c>
      <c r="KD24" s="345">
        <v>420858</v>
      </c>
      <c r="KE24" s="348">
        <v>0</v>
      </c>
      <c r="KF24" s="341">
        <v>3129562</v>
      </c>
      <c r="KG24" s="341">
        <v>5176374</v>
      </c>
      <c r="KH24" s="341">
        <v>6760228</v>
      </c>
      <c r="KI24" s="341">
        <v>4103305</v>
      </c>
      <c r="KJ24" s="341">
        <v>5322081</v>
      </c>
      <c r="KK24" s="345">
        <v>24491550</v>
      </c>
      <c r="KL24" s="351">
        <v>24912408</v>
      </c>
      <c r="KM24" s="337">
        <v>0</v>
      </c>
      <c r="KN24" s="338">
        <v>239328</v>
      </c>
      <c r="KO24" s="339">
        <v>239328</v>
      </c>
      <c r="KP24" s="352"/>
      <c r="KQ24" s="341">
        <v>3227051</v>
      </c>
      <c r="KR24" s="341">
        <v>5272805</v>
      </c>
      <c r="KS24" s="341">
        <v>6291144</v>
      </c>
      <c r="KT24" s="341">
        <v>4472890</v>
      </c>
      <c r="KU24" s="341">
        <v>2965170</v>
      </c>
      <c r="KV24" s="345">
        <v>22229060</v>
      </c>
      <c r="KW24" s="343">
        <v>22468388</v>
      </c>
      <c r="KX24" s="344">
        <v>0</v>
      </c>
      <c r="KY24" s="341">
        <v>0</v>
      </c>
      <c r="KZ24" s="345">
        <v>0</v>
      </c>
      <c r="LA24" s="352"/>
      <c r="LB24" s="341">
        <v>0</v>
      </c>
      <c r="LC24" s="341">
        <v>0</v>
      </c>
      <c r="LD24" s="341">
        <v>0</v>
      </c>
      <c r="LE24" s="341">
        <v>0</v>
      </c>
      <c r="LF24" s="341">
        <v>0</v>
      </c>
      <c r="LG24" s="345">
        <v>0</v>
      </c>
      <c r="LH24" s="347">
        <v>0</v>
      </c>
      <c r="LI24" s="344">
        <v>0</v>
      </c>
      <c r="LJ24" s="341">
        <v>0</v>
      </c>
      <c r="LK24" s="345">
        <v>0</v>
      </c>
      <c r="LL24" s="352"/>
      <c r="LM24" s="341">
        <v>0</v>
      </c>
      <c r="LN24" s="341">
        <v>0</v>
      </c>
      <c r="LO24" s="341">
        <v>0</v>
      </c>
      <c r="LP24" s="341">
        <v>0</v>
      </c>
      <c r="LQ24" s="341">
        <v>0</v>
      </c>
      <c r="LR24" s="345">
        <v>0</v>
      </c>
      <c r="LS24" s="343">
        <v>0</v>
      </c>
      <c r="LT24" s="344">
        <v>0</v>
      </c>
      <c r="LU24" s="341">
        <v>0</v>
      </c>
      <c r="LV24" s="345">
        <v>0</v>
      </c>
      <c r="LW24" s="352"/>
      <c r="LX24" s="341">
        <v>359078</v>
      </c>
      <c r="LY24" s="341">
        <v>716643</v>
      </c>
      <c r="LZ24" s="341">
        <v>371670</v>
      </c>
      <c r="MA24" s="341">
        <v>1913037</v>
      </c>
      <c r="MB24" s="341">
        <v>2639211</v>
      </c>
      <c r="MC24" s="345">
        <v>5999639</v>
      </c>
      <c r="MD24" s="347">
        <v>5999639</v>
      </c>
      <c r="ME24" s="344">
        <v>0</v>
      </c>
      <c r="MF24" s="341">
        <v>0</v>
      </c>
      <c r="MG24" s="345">
        <v>0</v>
      </c>
      <c r="MH24" s="352"/>
      <c r="MI24" s="341">
        <v>3580199</v>
      </c>
      <c r="MJ24" s="341">
        <v>14367789</v>
      </c>
      <c r="MK24" s="341">
        <v>47011256</v>
      </c>
      <c r="ML24" s="341">
        <v>56503262</v>
      </c>
      <c r="MM24" s="341">
        <v>41659798</v>
      </c>
      <c r="MN24" s="345">
        <v>163122304</v>
      </c>
      <c r="MO24" s="351">
        <v>163122304</v>
      </c>
      <c r="MP24" s="344">
        <v>0</v>
      </c>
      <c r="MQ24" s="341">
        <v>0</v>
      </c>
      <c r="MR24" s="345">
        <v>0</v>
      </c>
      <c r="MS24" s="352"/>
      <c r="MT24" s="341">
        <v>322797</v>
      </c>
      <c r="MU24" s="341">
        <v>1395385</v>
      </c>
      <c r="MV24" s="341">
        <v>26305395</v>
      </c>
      <c r="MW24" s="341">
        <v>36858318</v>
      </c>
      <c r="MX24" s="341">
        <v>28568411</v>
      </c>
      <c r="MY24" s="345">
        <v>93450306</v>
      </c>
      <c r="MZ24" s="351">
        <v>93450306</v>
      </c>
      <c r="NA24" s="344">
        <v>0</v>
      </c>
      <c r="NB24" s="341">
        <v>0</v>
      </c>
      <c r="NC24" s="345">
        <v>0</v>
      </c>
      <c r="ND24" s="352"/>
      <c r="NE24" s="341">
        <v>3257402</v>
      </c>
      <c r="NF24" s="341">
        <v>12972404</v>
      </c>
      <c r="NG24" s="341">
        <v>20705861</v>
      </c>
      <c r="NH24" s="341">
        <v>17857138</v>
      </c>
      <c r="NI24" s="341">
        <v>10060245</v>
      </c>
      <c r="NJ24" s="345">
        <v>64853050</v>
      </c>
      <c r="NK24" s="343">
        <v>64853050</v>
      </c>
      <c r="NL24" s="344">
        <v>0</v>
      </c>
      <c r="NM24" s="341">
        <v>0</v>
      </c>
      <c r="NN24" s="345">
        <v>0</v>
      </c>
      <c r="NO24" s="352"/>
      <c r="NP24" s="341">
        <v>0</v>
      </c>
      <c r="NQ24" s="341">
        <v>0</v>
      </c>
      <c r="NR24" s="341">
        <v>0</v>
      </c>
      <c r="NS24" s="341">
        <v>0</v>
      </c>
      <c r="NT24" s="341">
        <v>0</v>
      </c>
      <c r="NU24" s="345">
        <v>0</v>
      </c>
      <c r="NV24" s="347">
        <v>0</v>
      </c>
      <c r="NW24" s="344">
        <v>0</v>
      </c>
      <c r="NX24" s="341">
        <v>0</v>
      </c>
      <c r="NY24" s="345">
        <v>0</v>
      </c>
      <c r="NZ24" s="352"/>
      <c r="OA24" s="341">
        <v>0</v>
      </c>
      <c r="OB24" s="341">
        <v>0</v>
      </c>
      <c r="OC24" s="341">
        <v>0</v>
      </c>
      <c r="OD24" s="341">
        <v>1787806</v>
      </c>
      <c r="OE24" s="341">
        <v>3031142</v>
      </c>
      <c r="OF24" s="345">
        <v>4818948</v>
      </c>
      <c r="OG24" s="347">
        <v>4818948</v>
      </c>
      <c r="OH24" s="344">
        <v>3773446</v>
      </c>
      <c r="OI24" s="341">
        <v>9901861</v>
      </c>
      <c r="OJ24" s="342">
        <v>13675307</v>
      </c>
      <c r="OK24" s="348">
        <v>0</v>
      </c>
      <c r="OL24" s="341">
        <v>79502133</v>
      </c>
      <c r="OM24" s="341">
        <v>107676050</v>
      </c>
      <c r="ON24" s="341">
        <v>128271837</v>
      </c>
      <c r="OO24" s="341">
        <v>117546957</v>
      </c>
      <c r="OP24" s="341">
        <v>88260621</v>
      </c>
      <c r="OQ24" s="345">
        <v>521257598</v>
      </c>
      <c r="OR24" s="351">
        <v>534932905</v>
      </c>
    </row>
    <row r="25" spans="1:408" ht="18.75" customHeight="1" x14ac:dyDescent="0.2">
      <c r="A25" s="61" t="s">
        <v>20</v>
      </c>
      <c r="B25" s="318">
        <v>4379246</v>
      </c>
      <c r="C25" s="319">
        <v>14127332</v>
      </c>
      <c r="D25" s="320">
        <v>18506578</v>
      </c>
      <c r="E25" s="318">
        <v>0</v>
      </c>
      <c r="F25" s="319">
        <v>85884465</v>
      </c>
      <c r="G25" s="319">
        <v>75311915</v>
      </c>
      <c r="H25" s="319">
        <v>71561826</v>
      </c>
      <c r="I25" s="319">
        <v>65991003</v>
      </c>
      <c r="J25" s="319">
        <v>38509731</v>
      </c>
      <c r="K25" s="358">
        <v>337258940</v>
      </c>
      <c r="L25" s="322">
        <v>355765518</v>
      </c>
      <c r="M25" s="318">
        <v>1253754</v>
      </c>
      <c r="N25" s="319">
        <v>4092196</v>
      </c>
      <c r="O25" s="320">
        <v>5345950</v>
      </c>
      <c r="P25" s="318">
        <v>0</v>
      </c>
      <c r="Q25" s="319">
        <v>24678181</v>
      </c>
      <c r="R25" s="319">
        <v>23164805</v>
      </c>
      <c r="S25" s="319">
        <v>18668414</v>
      </c>
      <c r="T25" s="319">
        <v>22563215</v>
      </c>
      <c r="U25" s="319">
        <v>17565608</v>
      </c>
      <c r="V25" s="320">
        <v>106640223</v>
      </c>
      <c r="W25" s="322">
        <v>111986173</v>
      </c>
      <c r="X25" s="318">
        <v>0</v>
      </c>
      <c r="Y25" s="319">
        <v>0</v>
      </c>
      <c r="Z25" s="320">
        <v>0</v>
      </c>
      <c r="AA25" s="318">
        <v>0</v>
      </c>
      <c r="AB25" s="319">
        <v>10054357</v>
      </c>
      <c r="AC25" s="319">
        <v>11051897</v>
      </c>
      <c r="AD25" s="319">
        <v>9537147</v>
      </c>
      <c r="AE25" s="319">
        <v>11813352</v>
      </c>
      <c r="AF25" s="319">
        <v>9339035</v>
      </c>
      <c r="AG25" s="320">
        <v>51795788</v>
      </c>
      <c r="AH25" s="322">
        <v>51795788</v>
      </c>
      <c r="AI25" s="318">
        <v>0</v>
      </c>
      <c r="AJ25" s="319">
        <v>43401</v>
      </c>
      <c r="AK25" s="320">
        <v>43401</v>
      </c>
      <c r="AL25" s="318">
        <v>0</v>
      </c>
      <c r="AM25" s="319">
        <v>41035</v>
      </c>
      <c r="AN25" s="319">
        <v>475992</v>
      </c>
      <c r="AO25" s="319">
        <v>483043</v>
      </c>
      <c r="AP25" s="319">
        <v>1875453</v>
      </c>
      <c r="AQ25" s="319">
        <v>2839792</v>
      </c>
      <c r="AR25" s="320">
        <v>5715315</v>
      </c>
      <c r="AS25" s="322">
        <v>5758716</v>
      </c>
      <c r="AT25" s="318">
        <v>738848</v>
      </c>
      <c r="AU25" s="319">
        <v>2414346</v>
      </c>
      <c r="AV25" s="320">
        <v>3153194</v>
      </c>
      <c r="AW25" s="318">
        <v>0</v>
      </c>
      <c r="AX25" s="319">
        <v>9547673</v>
      </c>
      <c r="AY25" s="319">
        <v>6309279</v>
      </c>
      <c r="AZ25" s="319">
        <v>4598570</v>
      </c>
      <c r="BA25" s="319">
        <v>4125698</v>
      </c>
      <c r="BB25" s="319">
        <v>3037887</v>
      </c>
      <c r="BC25" s="320">
        <v>27619107</v>
      </c>
      <c r="BD25" s="322">
        <v>30772301</v>
      </c>
      <c r="BE25" s="318">
        <v>265420</v>
      </c>
      <c r="BF25" s="319">
        <v>980765</v>
      </c>
      <c r="BG25" s="323">
        <v>1246185</v>
      </c>
      <c r="BH25" s="324">
        <v>0</v>
      </c>
      <c r="BI25" s="319">
        <v>1668534</v>
      </c>
      <c r="BJ25" s="319">
        <v>1759545</v>
      </c>
      <c r="BK25" s="319">
        <v>1103159</v>
      </c>
      <c r="BL25" s="319">
        <v>1271715</v>
      </c>
      <c r="BM25" s="319">
        <v>393148</v>
      </c>
      <c r="BN25" s="320">
        <v>6196101</v>
      </c>
      <c r="BO25" s="322">
        <v>7442286</v>
      </c>
      <c r="BP25" s="318">
        <v>249486</v>
      </c>
      <c r="BQ25" s="319">
        <v>653684</v>
      </c>
      <c r="BR25" s="320">
        <v>903170</v>
      </c>
      <c r="BS25" s="318">
        <v>0</v>
      </c>
      <c r="BT25" s="319">
        <v>3366582</v>
      </c>
      <c r="BU25" s="319">
        <v>3568092</v>
      </c>
      <c r="BV25" s="319">
        <v>2946495</v>
      </c>
      <c r="BW25" s="319">
        <v>3476997</v>
      </c>
      <c r="BX25" s="319">
        <v>1955746</v>
      </c>
      <c r="BY25" s="320">
        <v>15313912</v>
      </c>
      <c r="BZ25" s="322">
        <v>16217082</v>
      </c>
      <c r="CA25" s="318">
        <v>439175</v>
      </c>
      <c r="CB25" s="319">
        <v>2307170</v>
      </c>
      <c r="CC25" s="320">
        <v>2746345</v>
      </c>
      <c r="CD25" s="318">
        <v>0</v>
      </c>
      <c r="CE25" s="319">
        <v>28238011</v>
      </c>
      <c r="CF25" s="319">
        <v>19988406</v>
      </c>
      <c r="CG25" s="319">
        <v>19077906</v>
      </c>
      <c r="CH25" s="319">
        <v>10922862</v>
      </c>
      <c r="CI25" s="319">
        <v>4082251</v>
      </c>
      <c r="CJ25" s="320">
        <v>82309436</v>
      </c>
      <c r="CK25" s="322">
        <v>85055781</v>
      </c>
      <c r="CL25" s="318">
        <v>0</v>
      </c>
      <c r="CM25" s="319">
        <v>0</v>
      </c>
      <c r="CN25" s="320">
        <v>0</v>
      </c>
      <c r="CO25" s="324">
        <v>0</v>
      </c>
      <c r="CP25" s="319">
        <v>19224794</v>
      </c>
      <c r="CQ25" s="319">
        <v>13344491</v>
      </c>
      <c r="CR25" s="319">
        <v>14277418</v>
      </c>
      <c r="CS25" s="319">
        <v>6978942</v>
      </c>
      <c r="CT25" s="319">
        <v>3245691</v>
      </c>
      <c r="CU25" s="320">
        <v>57071336</v>
      </c>
      <c r="CV25" s="322">
        <v>57071336</v>
      </c>
      <c r="CW25" s="318">
        <v>439175</v>
      </c>
      <c r="CX25" s="319">
        <v>2307170</v>
      </c>
      <c r="CY25" s="320">
        <v>2746345</v>
      </c>
      <c r="CZ25" s="318">
        <v>0</v>
      </c>
      <c r="DA25" s="319">
        <v>9013217</v>
      </c>
      <c r="DB25" s="319">
        <v>6643915</v>
      </c>
      <c r="DC25" s="319">
        <v>4800488</v>
      </c>
      <c r="DD25" s="319">
        <v>3943920</v>
      </c>
      <c r="DE25" s="319">
        <v>836560</v>
      </c>
      <c r="DF25" s="320">
        <v>25238100</v>
      </c>
      <c r="DG25" s="322">
        <v>27984445</v>
      </c>
      <c r="DH25" s="318">
        <v>35290</v>
      </c>
      <c r="DI25" s="319">
        <v>164779</v>
      </c>
      <c r="DJ25" s="323">
        <v>200069</v>
      </c>
      <c r="DK25" s="324">
        <v>0</v>
      </c>
      <c r="DL25" s="319">
        <v>3060569</v>
      </c>
      <c r="DM25" s="319">
        <v>4943971</v>
      </c>
      <c r="DN25" s="319">
        <v>12937739</v>
      </c>
      <c r="DO25" s="319">
        <v>6855707</v>
      </c>
      <c r="DP25" s="319">
        <v>4689178</v>
      </c>
      <c r="DQ25" s="320">
        <v>32487164</v>
      </c>
      <c r="DR25" s="322">
        <v>32687233</v>
      </c>
      <c r="DS25" s="318">
        <v>35290</v>
      </c>
      <c r="DT25" s="319">
        <v>143456</v>
      </c>
      <c r="DU25" s="320">
        <v>178746</v>
      </c>
      <c r="DV25" s="318">
        <v>0</v>
      </c>
      <c r="DW25" s="319">
        <v>2925747</v>
      </c>
      <c r="DX25" s="319">
        <v>4532886</v>
      </c>
      <c r="DY25" s="319">
        <v>12187231</v>
      </c>
      <c r="DZ25" s="319">
        <v>6361432</v>
      </c>
      <c r="EA25" s="319">
        <v>4369123</v>
      </c>
      <c r="EB25" s="320">
        <v>30376419</v>
      </c>
      <c r="EC25" s="322">
        <v>30555165</v>
      </c>
      <c r="ED25" s="318">
        <v>0</v>
      </c>
      <c r="EE25" s="323">
        <v>21323</v>
      </c>
      <c r="EF25" s="320">
        <v>21323</v>
      </c>
      <c r="EG25" s="318">
        <v>0</v>
      </c>
      <c r="EH25" s="319">
        <v>134822</v>
      </c>
      <c r="EI25" s="319">
        <v>411085</v>
      </c>
      <c r="EJ25" s="319">
        <v>750508</v>
      </c>
      <c r="EK25" s="319">
        <v>494275</v>
      </c>
      <c r="EL25" s="319">
        <v>320055</v>
      </c>
      <c r="EM25" s="323">
        <v>2110745</v>
      </c>
      <c r="EN25" s="322">
        <v>2132068</v>
      </c>
      <c r="EO25" s="318">
        <v>0</v>
      </c>
      <c r="EP25" s="319">
        <v>0</v>
      </c>
      <c r="EQ25" s="323">
        <v>0</v>
      </c>
      <c r="ER25" s="324">
        <v>0</v>
      </c>
      <c r="ES25" s="319">
        <v>0</v>
      </c>
      <c r="ET25" s="319">
        <v>0</v>
      </c>
      <c r="EU25" s="319">
        <v>0</v>
      </c>
      <c r="EV25" s="319">
        <v>0</v>
      </c>
      <c r="EW25" s="319">
        <v>0</v>
      </c>
      <c r="EX25" s="320">
        <v>0</v>
      </c>
      <c r="EY25" s="322">
        <v>0</v>
      </c>
      <c r="EZ25" s="318">
        <v>0</v>
      </c>
      <c r="FA25" s="319">
        <v>0</v>
      </c>
      <c r="FB25" s="323">
        <v>0</v>
      </c>
      <c r="FC25" s="346"/>
      <c r="FD25" s="319">
        <v>0</v>
      </c>
      <c r="FE25" s="319">
        <v>0</v>
      </c>
      <c r="FF25" s="319">
        <v>0</v>
      </c>
      <c r="FG25" s="319">
        <v>0</v>
      </c>
      <c r="FH25" s="319">
        <v>0</v>
      </c>
      <c r="FI25" s="320">
        <v>0</v>
      </c>
      <c r="FJ25" s="322">
        <v>0</v>
      </c>
      <c r="FK25" s="318">
        <v>1279698</v>
      </c>
      <c r="FL25" s="319">
        <v>2602558</v>
      </c>
      <c r="FM25" s="320">
        <v>3882256</v>
      </c>
      <c r="FN25" s="318">
        <v>0</v>
      </c>
      <c r="FO25" s="319">
        <v>5726836</v>
      </c>
      <c r="FP25" s="319">
        <v>6784766</v>
      </c>
      <c r="FQ25" s="319">
        <v>5044314</v>
      </c>
      <c r="FR25" s="319">
        <v>4560800</v>
      </c>
      <c r="FS25" s="319">
        <v>2847278</v>
      </c>
      <c r="FT25" s="320">
        <v>24963994</v>
      </c>
      <c r="FU25" s="322">
        <v>28846250</v>
      </c>
      <c r="FV25" s="326">
        <v>747852</v>
      </c>
      <c r="FW25" s="319">
        <v>1823998</v>
      </c>
      <c r="FX25" s="323">
        <v>2571850</v>
      </c>
      <c r="FY25" s="324">
        <v>0</v>
      </c>
      <c r="FZ25" s="319">
        <v>4650091</v>
      </c>
      <c r="GA25" s="319">
        <v>5907543</v>
      </c>
      <c r="GB25" s="319">
        <v>4836200</v>
      </c>
      <c r="GC25" s="319">
        <v>4404072</v>
      </c>
      <c r="GD25" s="319">
        <v>2803038</v>
      </c>
      <c r="GE25" s="320">
        <v>22600944</v>
      </c>
      <c r="GF25" s="327">
        <v>25172794</v>
      </c>
      <c r="GG25" s="326">
        <v>14256</v>
      </c>
      <c r="GH25" s="319">
        <v>145660</v>
      </c>
      <c r="GI25" s="323">
        <v>159916</v>
      </c>
      <c r="GJ25" s="324">
        <v>0</v>
      </c>
      <c r="GK25" s="319">
        <v>253102</v>
      </c>
      <c r="GL25" s="319">
        <v>127543</v>
      </c>
      <c r="GM25" s="319">
        <v>110599</v>
      </c>
      <c r="GN25" s="319">
        <v>137828</v>
      </c>
      <c r="GO25" s="319">
        <v>44240</v>
      </c>
      <c r="GP25" s="320">
        <v>673312</v>
      </c>
      <c r="GQ25" s="322">
        <v>833228</v>
      </c>
      <c r="GR25" s="318">
        <v>517590</v>
      </c>
      <c r="GS25" s="319">
        <v>632900</v>
      </c>
      <c r="GT25" s="320">
        <v>1150490</v>
      </c>
      <c r="GU25" s="318">
        <v>0</v>
      </c>
      <c r="GV25" s="319">
        <v>823643</v>
      </c>
      <c r="GW25" s="319">
        <v>749680</v>
      </c>
      <c r="GX25" s="319">
        <v>97515</v>
      </c>
      <c r="GY25" s="319">
        <v>18900</v>
      </c>
      <c r="GZ25" s="319">
        <v>0</v>
      </c>
      <c r="HA25" s="323">
        <v>1689738</v>
      </c>
      <c r="HB25" s="322">
        <v>2840228</v>
      </c>
      <c r="HC25" s="318">
        <v>448068</v>
      </c>
      <c r="HD25" s="319">
        <v>2909868</v>
      </c>
      <c r="HE25" s="323">
        <v>3357936</v>
      </c>
      <c r="HF25" s="324">
        <v>0</v>
      </c>
      <c r="HG25" s="319">
        <v>10815603</v>
      </c>
      <c r="HH25" s="319">
        <v>12583960</v>
      </c>
      <c r="HI25" s="319">
        <v>9621256</v>
      </c>
      <c r="HJ25" s="319">
        <v>16646516</v>
      </c>
      <c r="HK25" s="319">
        <v>7270215</v>
      </c>
      <c r="HL25" s="320">
        <v>56937550</v>
      </c>
      <c r="HM25" s="321">
        <v>60295486</v>
      </c>
      <c r="HN25" s="326">
        <v>923261</v>
      </c>
      <c r="HO25" s="319">
        <v>2050761</v>
      </c>
      <c r="HP25" s="320">
        <v>2974022</v>
      </c>
      <c r="HQ25" s="318">
        <v>0</v>
      </c>
      <c r="HR25" s="319">
        <v>13365265</v>
      </c>
      <c r="HS25" s="319">
        <v>7846007</v>
      </c>
      <c r="HT25" s="319">
        <v>6212197</v>
      </c>
      <c r="HU25" s="319">
        <v>4441903</v>
      </c>
      <c r="HV25" s="319">
        <v>2055201</v>
      </c>
      <c r="HW25" s="323">
        <v>33920573</v>
      </c>
      <c r="HX25" s="322">
        <v>36894595</v>
      </c>
      <c r="HY25" s="328">
        <v>41234</v>
      </c>
      <c r="HZ25" s="329">
        <v>383926</v>
      </c>
      <c r="IA25" s="330">
        <v>425160</v>
      </c>
      <c r="IB25" s="353">
        <v>0</v>
      </c>
      <c r="IC25" s="329">
        <v>16194326</v>
      </c>
      <c r="ID25" s="354">
        <v>13212346</v>
      </c>
      <c r="IE25" s="330">
        <v>16755546</v>
      </c>
      <c r="IF25" s="329">
        <v>12501235</v>
      </c>
      <c r="IG25" s="330">
        <v>3471069</v>
      </c>
      <c r="IH25" s="355">
        <v>62134522</v>
      </c>
      <c r="II25" s="336">
        <v>62559682</v>
      </c>
      <c r="IJ25" s="337">
        <v>0</v>
      </c>
      <c r="IK25" s="338">
        <v>0</v>
      </c>
      <c r="IL25" s="339">
        <v>0</v>
      </c>
      <c r="IM25" s="346"/>
      <c r="IN25" s="341">
        <v>86634</v>
      </c>
      <c r="IO25" s="341">
        <v>0</v>
      </c>
      <c r="IP25" s="341">
        <v>0</v>
      </c>
      <c r="IQ25" s="341">
        <v>0</v>
      </c>
      <c r="IR25" s="341">
        <v>0</v>
      </c>
      <c r="IS25" s="342">
        <v>86634</v>
      </c>
      <c r="IT25" s="343">
        <v>86634</v>
      </c>
      <c r="IU25" s="344">
        <v>0</v>
      </c>
      <c r="IV25" s="341">
        <v>0</v>
      </c>
      <c r="IW25" s="345">
        <v>0</v>
      </c>
      <c r="IX25" s="346"/>
      <c r="IY25" s="341">
        <v>0</v>
      </c>
      <c r="IZ25" s="341">
        <v>0</v>
      </c>
      <c r="JA25" s="341">
        <v>0</v>
      </c>
      <c r="JB25" s="341">
        <v>0</v>
      </c>
      <c r="JC25" s="341">
        <v>0</v>
      </c>
      <c r="JD25" s="345">
        <v>0</v>
      </c>
      <c r="JE25" s="347">
        <v>0</v>
      </c>
      <c r="JF25" s="344">
        <v>0</v>
      </c>
      <c r="JG25" s="341">
        <v>0</v>
      </c>
      <c r="JH25" s="342">
        <v>0</v>
      </c>
      <c r="JI25" s="348">
        <v>0</v>
      </c>
      <c r="JJ25" s="341">
        <v>7597109</v>
      </c>
      <c r="JK25" s="341">
        <v>4785468</v>
      </c>
      <c r="JL25" s="341">
        <v>4469349</v>
      </c>
      <c r="JM25" s="341">
        <v>3301964</v>
      </c>
      <c r="JN25" s="341">
        <v>1047312</v>
      </c>
      <c r="JO25" s="345">
        <v>21201202</v>
      </c>
      <c r="JP25" s="343">
        <v>21201202</v>
      </c>
      <c r="JQ25" s="344">
        <v>0</v>
      </c>
      <c r="JR25" s="341">
        <v>0</v>
      </c>
      <c r="JS25" s="342">
        <v>0</v>
      </c>
      <c r="JT25" s="348">
        <v>0</v>
      </c>
      <c r="JU25" s="341">
        <v>181496</v>
      </c>
      <c r="JV25" s="341">
        <v>466600</v>
      </c>
      <c r="JW25" s="341">
        <v>615300</v>
      </c>
      <c r="JX25" s="341">
        <v>331322</v>
      </c>
      <c r="JY25" s="341">
        <v>400173</v>
      </c>
      <c r="JZ25" s="345">
        <v>1994891</v>
      </c>
      <c r="KA25" s="343">
        <v>1994891</v>
      </c>
      <c r="KB25" s="349">
        <v>41234</v>
      </c>
      <c r="KC25" s="350">
        <v>140042</v>
      </c>
      <c r="KD25" s="345">
        <v>181276</v>
      </c>
      <c r="KE25" s="348">
        <v>0</v>
      </c>
      <c r="KF25" s="341">
        <v>1229028</v>
      </c>
      <c r="KG25" s="341">
        <v>2208920</v>
      </c>
      <c r="KH25" s="341">
        <v>1776942</v>
      </c>
      <c r="KI25" s="341">
        <v>1655648</v>
      </c>
      <c r="KJ25" s="341">
        <v>0</v>
      </c>
      <c r="KK25" s="345">
        <v>6870538</v>
      </c>
      <c r="KL25" s="351">
        <v>7051814</v>
      </c>
      <c r="KM25" s="337">
        <v>0</v>
      </c>
      <c r="KN25" s="338">
        <v>243884</v>
      </c>
      <c r="KO25" s="339">
        <v>243884</v>
      </c>
      <c r="KP25" s="352"/>
      <c r="KQ25" s="341">
        <v>7100059</v>
      </c>
      <c r="KR25" s="341">
        <v>5751358</v>
      </c>
      <c r="KS25" s="341">
        <v>9893955</v>
      </c>
      <c r="KT25" s="341">
        <v>7212301</v>
      </c>
      <c r="KU25" s="341">
        <v>2023584</v>
      </c>
      <c r="KV25" s="345">
        <v>31981257</v>
      </c>
      <c r="KW25" s="343">
        <v>32225141</v>
      </c>
      <c r="KX25" s="344">
        <v>0</v>
      </c>
      <c r="KY25" s="341">
        <v>0</v>
      </c>
      <c r="KZ25" s="345">
        <v>0</v>
      </c>
      <c r="LA25" s="352"/>
      <c r="LB25" s="341">
        <v>0</v>
      </c>
      <c r="LC25" s="341">
        <v>0</v>
      </c>
      <c r="LD25" s="341">
        <v>0</v>
      </c>
      <c r="LE25" s="341">
        <v>0</v>
      </c>
      <c r="LF25" s="341">
        <v>0</v>
      </c>
      <c r="LG25" s="345">
        <v>0</v>
      </c>
      <c r="LH25" s="347">
        <v>0</v>
      </c>
      <c r="LI25" s="344">
        <v>0</v>
      </c>
      <c r="LJ25" s="341">
        <v>0</v>
      </c>
      <c r="LK25" s="345">
        <v>0</v>
      </c>
      <c r="LL25" s="352"/>
      <c r="LM25" s="341">
        <v>0</v>
      </c>
      <c r="LN25" s="341">
        <v>0</v>
      </c>
      <c r="LO25" s="341">
        <v>0</v>
      </c>
      <c r="LP25" s="341">
        <v>0</v>
      </c>
      <c r="LQ25" s="341">
        <v>0</v>
      </c>
      <c r="LR25" s="345">
        <v>0</v>
      </c>
      <c r="LS25" s="343">
        <v>0</v>
      </c>
      <c r="LT25" s="344">
        <v>0</v>
      </c>
      <c r="LU25" s="341">
        <v>0</v>
      </c>
      <c r="LV25" s="345">
        <v>0</v>
      </c>
      <c r="LW25" s="352"/>
      <c r="LX25" s="341">
        <v>0</v>
      </c>
      <c r="LY25" s="341">
        <v>0</v>
      </c>
      <c r="LZ25" s="341">
        <v>0</v>
      </c>
      <c r="MA25" s="341">
        <v>0</v>
      </c>
      <c r="MB25" s="341">
        <v>0</v>
      </c>
      <c r="MC25" s="345">
        <v>0</v>
      </c>
      <c r="MD25" s="347">
        <v>0</v>
      </c>
      <c r="ME25" s="344">
        <v>0</v>
      </c>
      <c r="MF25" s="341">
        <v>0</v>
      </c>
      <c r="MG25" s="345">
        <v>0</v>
      </c>
      <c r="MH25" s="352"/>
      <c r="MI25" s="341">
        <v>5437975</v>
      </c>
      <c r="MJ25" s="341">
        <v>15098183</v>
      </c>
      <c r="MK25" s="341">
        <v>52124090</v>
      </c>
      <c r="ML25" s="341">
        <v>65726943</v>
      </c>
      <c r="MM25" s="341">
        <v>42096841</v>
      </c>
      <c r="MN25" s="345">
        <v>180484032</v>
      </c>
      <c r="MO25" s="351">
        <v>180484032</v>
      </c>
      <c r="MP25" s="344">
        <v>0</v>
      </c>
      <c r="MQ25" s="341">
        <v>0</v>
      </c>
      <c r="MR25" s="345">
        <v>0</v>
      </c>
      <c r="MS25" s="352"/>
      <c r="MT25" s="341">
        <v>839308</v>
      </c>
      <c r="MU25" s="341">
        <v>5824487</v>
      </c>
      <c r="MV25" s="341">
        <v>39440075</v>
      </c>
      <c r="MW25" s="341">
        <v>51932780</v>
      </c>
      <c r="MX25" s="341">
        <v>30803830</v>
      </c>
      <c r="MY25" s="345">
        <v>128840480</v>
      </c>
      <c r="MZ25" s="351">
        <v>128840480</v>
      </c>
      <c r="NA25" s="344">
        <v>0</v>
      </c>
      <c r="NB25" s="341">
        <v>0</v>
      </c>
      <c r="NC25" s="345">
        <v>0</v>
      </c>
      <c r="ND25" s="352"/>
      <c r="NE25" s="341">
        <v>4598667</v>
      </c>
      <c r="NF25" s="341">
        <v>9273696</v>
      </c>
      <c r="NG25" s="341">
        <v>12310857</v>
      </c>
      <c r="NH25" s="341">
        <v>13794163</v>
      </c>
      <c r="NI25" s="341">
        <v>7818187</v>
      </c>
      <c r="NJ25" s="345">
        <v>47795570</v>
      </c>
      <c r="NK25" s="343">
        <v>47795570</v>
      </c>
      <c r="NL25" s="344">
        <v>0</v>
      </c>
      <c r="NM25" s="341">
        <v>0</v>
      </c>
      <c r="NN25" s="345">
        <v>0</v>
      </c>
      <c r="NO25" s="352"/>
      <c r="NP25" s="341">
        <v>0</v>
      </c>
      <c r="NQ25" s="341">
        <v>0</v>
      </c>
      <c r="NR25" s="341">
        <v>0</v>
      </c>
      <c r="NS25" s="341">
        <v>0</v>
      </c>
      <c r="NT25" s="341">
        <v>1089844</v>
      </c>
      <c r="NU25" s="345">
        <v>1089844</v>
      </c>
      <c r="NV25" s="347">
        <v>1089844</v>
      </c>
      <c r="NW25" s="344">
        <v>0</v>
      </c>
      <c r="NX25" s="341">
        <v>0</v>
      </c>
      <c r="NY25" s="345">
        <v>0</v>
      </c>
      <c r="NZ25" s="352"/>
      <c r="OA25" s="341">
        <v>0</v>
      </c>
      <c r="OB25" s="341">
        <v>0</v>
      </c>
      <c r="OC25" s="341">
        <v>373158</v>
      </c>
      <c r="OD25" s="341">
        <v>0</v>
      </c>
      <c r="OE25" s="341">
        <v>2384980</v>
      </c>
      <c r="OF25" s="345">
        <v>2758138</v>
      </c>
      <c r="OG25" s="347">
        <v>2758138</v>
      </c>
      <c r="OH25" s="344">
        <v>4420480</v>
      </c>
      <c r="OI25" s="341">
        <v>14511258</v>
      </c>
      <c r="OJ25" s="342">
        <v>18931738</v>
      </c>
      <c r="OK25" s="348">
        <v>0</v>
      </c>
      <c r="OL25" s="341">
        <v>107516766</v>
      </c>
      <c r="OM25" s="341">
        <v>103622444</v>
      </c>
      <c r="ON25" s="341">
        <v>140441462</v>
      </c>
      <c r="OO25" s="341">
        <v>144219181</v>
      </c>
      <c r="OP25" s="341">
        <v>84077641</v>
      </c>
      <c r="OQ25" s="345">
        <v>579877494</v>
      </c>
      <c r="OR25" s="351">
        <v>598809232</v>
      </c>
    </row>
    <row r="26" spans="1:408" ht="18.75" customHeight="1" x14ac:dyDescent="0.2">
      <c r="A26" s="61" t="s">
        <v>21</v>
      </c>
      <c r="B26" s="318">
        <v>6671143</v>
      </c>
      <c r="C26" s="319">
        <v>13251739</v>
      </c>
      <c r="D26" s="320">
        <v>19922882</v>
      </c>
      <c r="E26" s="321">
        <v>0</v>
      </c>
      <c r="F26" s="319">
        <v>66691018</v>
      </c>
      <c r="G26" s="319">
        <v>105524449</v>
      </c>
      <c r="H26" s="319">
        <v>79221105</v>
      </c>
      <c r="I26" s="319">
        <v>73412663</v>
      </c>
      <c r="J26" s="319">
        <v>54777647</v>
      </c>
      <c r="K26" s="358">
        <v>379626882</v>
      </c>
      <c r="L26" s="322">
        <v>399549764</v>
      </c>
      <c r="M26" s="318">
        <v>1957118</v>
      </c>
      <c r="N26" s="319">
        <v>4111948</v>
      </c>
      <c r="O26" s="320">
        <v>6069066</v>
      </c>
      <c r="P26" s="318">
        <v>0</v>
      </c>
      <c r="Q26" s="319">
        <v>22225824</v>
      </c>
      <c r="R26" s="319">
        <v>36997739</v>
      </c>
      <c r="S26" s="319">
        <v>27390926</v>
      </c>
      <c r="T26" s="319">
        <v>29044957</v>
      </c>
      <c r="U26" s="319">
        <v>24483822</v>
      </c>
      <c r="V26" s="320">
        <v>140143268</v>
      </c>
      <c r="W26" s="322">
        <v>146212334</v>
      </c>
      <c r="X26" s="318">
        <v>0</v>
      </c>
      <c r="Y26" s="319">
        <v>0</v>
      </c>
      <c r="Z26" s="320">
        <v>0</v>
      </c>
      <c r="AA26" s="318">
        <v>0</v>
      </c>
      <c r="AB26" s="319">
        <v>10335521</v>
      </c>
      <c r="AC26" s="319">
        <v>18465875</v>
      </c>
      <c r="AD26" s="319">
        <v>16317726</v>
      </c>
      <c r="AE26" s="319">
        <v>17623631</v>
      </c>
      <c r="AF26" s="319">
        <v>14385236</v>
      </c>
      <c r="AG26" s="320">
        <v>77127989</v>
      </c>
      <c r="AH26" s="322">
        <v>77127989</v>
      </c>
      <c r="AI26" s="318">
        <v>0</v>
      </c>
      <c r="AJ26" s="319">
        <v>0</v>
      </c>
      <c r="AK26" s="320">
        <v>0</v>
      </c>
      <c r="AL26" s="318">
        <v>0</v>
      </c>
      <c r="AM26" s="319">
        <v>63968</v>
      </c>
      <c r="AN26" s="319">
        <v>340671</v>
      </c>
      <c r="AO26" s="319">
        <v>926059</v>
      </c>
      <c r="AP26" s="319">
        <v>1782195</v>
      </c>
      <c r="AQ26" s="319">
        <v>3252851</v>
      </c>
      <c r="AR26" s="320">
        <v>6365744</v>
      </c>
      <c r="AS26" s="322">
        <v>6365744</v>
      </c>
      <c r="AT26" s="318">
        <v>1125551</v>
      </c>
      <c r="AU26" s="319">
        <v>2699129</v>
      </c>
      <c r="AV26" s="320">
        <v>3824680</v>
      </c>
      <c r="AW26" s="318">
        <v>0</v>
      </c>
      <c r="AX26" s="319">
        <v>7606317</v>
      </c>
      <c r="AY26" s="319">
        <v>12380481</v>
      </c>
      <c r="AZ26" s="319">
        <v>5987263</v>
      </c>
      <c r="BA26" s="319">
        <v>5766473</v>
      </c>
      <c r="BB26" s="319">
        <v>3814676</v>
      </c>
      <c r="BC26" s="320">
        <v>35555210</v>
      </c>
      <c r="BD26" s="322">
        <v>39379890</v>
      </c>
      <c r="BE26" s="318">
        <v>312612</v>
      </c>
      <c r="BF26" s="319">
        <v>841253</v>
      </c>
      <c r="BG26" s="323">
        <v>1153865</v>
      </c>
      <c r="BH26" s="324">
        <v>0</v>
      </c>
      <c r="BI26" s="319">
        <v>772116</v>
      </c>
      <c r="BJ26" s="319">
        <v>1227238</v>
      </c>
      <c r="BK26" s="319">
        <v>670121</v>
      </c>
      <c r="BL26" s="319">
        <v>804330</v>
      </c>
      <c r="BM26" s="319">
        <v>202308</v>
      </c>
      <c r="BN26" s="320">
        <v>3676113</v>
      </c>
      <c r="BO26" s="322">
        <v>4829978</v>
      </c>
      <c r="BP26" s="318">
        <v>518955</v>
      </c>
      <c r="BQ26" s="319">
        <v>571566</v>
      </c>
      <c r="BR26" s="320">
        <v>1090521</v>
      </c>
      <c r="BS26" s="318">
        <v>0</v>
      </c>
      <c r="BT26" s="319">
        <v>3447902</v>
      </c>
      <c r="BU26" s="319">
        <v>4583474</v>
      </c>
      <c r="BV26" s="319">
        <v>3489757</v>
      </c>
      <c r="BW26" s="319">
        <v>3068328</v>
      </c>
      <c r="BX26" s="319">
        <v>2828751</v>
      </c>
      <c r="BY26" s="320">
        <v>17418212</v>
      </c>
      <c r="BZ26" s="322">
        <v>18508733</v>
      </c>
      <c r="CA26" s="318">
        <v>620633</v>
      </c>
      <c r="CB26" s="319">
        <v>2277969</v>
      </c>
      <c r="CC26" s="320">
        <v>2898602</v>
      </c>
      <c r="CD26" s="318">
        <v>0</v>
      </c>
      <c r="CE26" s="319">
        <v>18100148</v>
      </c>
      <c r="CF26" s="319">
        <v>29911941</v>
      </c>
      <c r="CG26" s="319">
        <v>19679262</v>
      </c>
      <c r="CH26" s="319">
        <v>12744417</v>
      </c>
      <c r="CI26" s="319">
        <v>5048958</v>
      </c>
      <c r="CJ26" s="320">
        <v>85484726</v>
      </c>
      <c r="CK26" s="322">
        <v>88383328</v>
      </c>
      <c r="CL26" s="318">
        <v>0</v>
      </c>
      <c r="CM26" s="319">
        <v>0</v>
      </c>
      <c r="CN26" s="320">
        <v>0</v>
      </c>
      <c r="CO26" s="324">
        <v>0</v>
      </c>
      <c r="CP26" s="319">
        <v>15857749</v>
      </c>
      <c r="CQ26" s="319">
        <v>25962167</v>
      </c>
      <c r="CR26" s="319">
        <v>16605221</v>
      </c>
      <c r="CS26" s="319">
        <v>11723713</v>
      </c>
      <c r="CT26" s="319">
        <v>3877264</v>
      </c>
      <c r="CU26" s="320">
        <v>74026114</v>
      </c>
      <c r="CV26" s="322">
        <v>74026114</v>
      </c>
      <c r="CW26" s="318">
        <v>620633</v>
      </c>
      <c r="CX26" s="319">
        <v>2277969</v>
      </c>
      <c r="CY26" s="320">
        <v>2898602</v>
      </c>
      <c r="CZ26" s="318">
        <v>0</v>
      </c>
      <c r="DA26" s="319">
        <v>2242399</v>
      </c>
      <c r="DB26" s="319">
        <v>3949774</v>
      </c>
      <c r="DC26" s="319">
        <v>3074041</v>
      </c>
      <c r="DD26" s="319">
        <v>1020704</v>
      </c>
      <c r="DE26" s="319">
        <v>1171694</v>
      </c>
      <c r="DF26" s="320">
        <v>11458612</v>
      </c>
      <c r="DG26" s="322">
        <v>14357214</v>
      </c>
      <c r="DH26" s="318">
        <v>0</v>
      </c>
      <c r="DI26" s="319">
        <v>98896</v>
      </c>
      <c r="DJ26" s="323">
        <v>98896</v>
      </c>
      <c r="DK26" s="324">
        <v>0</v>
      </c>
      <c r="DL26" s="319">
        <v>1387074</v>
      </c>
      <c r="DM26" s="319">
        <v>4522886</v>
      </c>
      <c r="DN26" s="319">
        <v>8858802</v>
      </c>
      <c r="DO26" s="319">
        <v>11203113</v>
      </c>
      <c r="DP26" s="319">
        <v>6718997</v>
      </c>
      <c r="DQ26" s="320">
        <v>32690872</v>
      </c>
      <c r="DR26" s="322">
        <v>32789768</v>
      </c>
      <c r="DS26" s="318">
        <v>0</v>
      </c>
      <c r="DT26" s="319">
        <v>98896</v>
      </c>
      <c r="DU26" s="320">
        <v>98896</v>
      </c>
      <c r="DV26" s="318">
        <v>0</v>
      </c>
      <c r="DW26" s="319">
        <v>1387074</v>
      </c>
      <c r="DX26" s="319">
        <v>4172733</v>
      </c>
      <c r="DY26" s="319">
        <v>8616560</v>
      </c>
      <c r="DZ26" s="319">
        <v>11051277</v>
      </c>
      <c r="EA26" s="319">
        <v>6253852</v>
      </c>
      <c r="EB26" s="320">
        <v>31481496</v>
      </c>
      <c r="EC26" s="322">
        <v>31580392</v>
      </c>
      <c r="ED26" s="318">
        <v>0</v>
      </c>
      <c r="EE26" s="323">
        <v>0</v>
      </c>
      <c r="EF26" s="320">
        <v>0</v>
      </c>
      <c r="EG26" s="318">
        <v>0</v>
      </c>
      <c r="EH26" s="319">
        <v>0</v>
      </c>
      <c r="EI26" s="319">
        <v>350153</v>
      </c>
      <c r="EJ26" s="319">
        <v>242242</v>
      </c>
      <c r="EK26" s="319">
        <v>151836</v>
      </c>
      <c r="EL26" s="319">
        <v>465145</v>
      </c>
      <c r="EM26" s="323">
        <v>1209376</v>
      </c>
      <c r="EN26" s="322">
        <v>1209376</v>
      </c>
      <c r="EO26" s="318">
        <v>0</v>
      </c>
      <c r="EP26" s="319">
        <v>0</v>
      </c>
      <c r="EQ26" s="323">
        <v>0</v>
      </c>
      <c r="ER26" s="324">
        <v>0</v>
      </c>
      <c r="ES26" s="319">
        <v>0</v>
      </c>
      <c r="ET26" s="319">
        <v>0</v>
      </c>
      <c r="EU26" s="319">
        <v>0</v>
      </c>
      <c r="EV26" s="319">
        <v>0</v>
      </c>
      <c r="EW26" s="319">
        <v>0</v>
      </c>
      <c r="EX26" s="320">
        <v>0</v>
      </c>
      <c r="EY26" s="322">
        <v>0</v>
      </c>
      <c r="EZ26" s="318">
        <v>0</v>
      </c>
      <c r="FA26" s="319">
        <v>0</v>
      </c>
      <c r="FB26" s="323">
        <v>0</v>
      </c>
      <c r="FC26" s="346"/>
      <c r="FD26" s="319">
        <v>0</v>
      </c>
      <c r="FE26" s="319">
        <v>0</v>
      </c>
      <c r="FF26" s="319">
        <v>0</v>
      </c>
      <c r="FG26" s="319">
        <v>0</v>
      </c>
      <c r="FH26" s="319">
        <v>0</v>
      </c>
      <c r="FI26" s="320">
        <v>0</v>
      </c>
      <c r="FJ26" s="322">
        <v>0</v>
      </c>
      <c r="FK26" s="318">
        <v>1800804</v>
      </c>
      <c r="FL26" s="319">
        <v>2823102</v>
      </c>
      <c r="FM26" s="320">
        <v>4623906</v>
      </c>
      <c r="FN26" s="318">
        <v>0</v>
      </c>
      <c r="FO26" s="319">
        <v>3721124</v>
      </c>
      <c r="FP26" s="319">
        <v>9317478</v>
      </c>
      <c r="FQ26" s="319">
        <v>6178556</v>
      </c>
      <c r="FR26" s="319">
        <v>5617564</v>
      </c>
      <c r="FS26" s="319">
        <v>3453791</v>
      </c>
      <c r="FT26" s="320">
        <v>28288513</v>
      </c>
      <c r="FU26" s="322">
        <v>32912419</v>
      </c>
      <c r="FV26" s="326">
        <v>755697</v>
      </c>
      <c r="FW26" s="319">
        <v>2384603</v>
      </c>
      <c r="FX26" s="323">
        <v>3140300</v>
      </c>
      <c r="FY26" s="324">
        <v>0</v>
      </c>
      <c r="FZ26" s="319">
        <v>2862561</v>
      </c>
      <c r="GA26" s="319">
        <v>8556157</v>
      </c>
      <c r="GB26" s="319">
        <v>5471436</v>
      </c>
      <c r="GC26" s="319">
        <v>4978486</v>
      </c>
      <c r="GD26" s="319">
        <v>3340711</v>
      </c>
      <c r="GE26" s="320">
        <v>25209351</v>
      </c>
      <c r="GF26" s="327">
        <v>28349651</v>
      </c>
      <c r="GG26" s="326">
        <v>103167</v>
      </c>
      <c r="GH26" s="319">
        <v>205020</v>
      </c>
      <c r="GI26" s="323">
        <v>308187</v>
      </c>
      <c r="GJ26" s="324">
        <v>0</v>
      </c>
      <c r="GK26" s="319">
        <v>178453</v>
      </c>
      <c r="GL26" s="319">
        <v>226921</v>
      </c>
      <c r="GM26" s="319">
        <v>209240</v>
      </c>
      <c r="GN26" s="319">
        <v>100719</v>
      </c>
      <c r="GO26" s="319">
        <v>0</v>
      </c>
      <c r="GP26" s="320">
        <v>715333</v>
      </c>
      <c r="GQ26" s="322">
        <v>1023520</v>
      </c>
      <c r="GR26" s="318">
        <v>941940</v>
      </c>
      <c r="GS26" s="319">
        <v>233479</v>
      </c>
      <c r="GT26" s="320">
        <v>1175419</v>
      </c>
      <c r="GU26" s="318">
        <v>0</v>
      </c>
      <c r="GV26" s="319">
        <v>680110</v>
      </c>
      <c r="GW26" s="319">
        <v>534400</v>
      </c>
      <c r="GX26" s="319">
        <v>497880</v>
      </c>
      <c r="GY26" s="319">
        <v>538359</v>
      </c>
      <c r="GZ26" s="319">
        <v>113080</v>
      </c>
      <c r="HA26" s="323">
        <v>2363829</v>
      </c>
      <c r="HB26" s="322">
        <v>3539248</v>
      </c>
      <c r="HC26" s="318">
        <v>1170666</v>
      </c>
      <c r="HD26" s="319">
        <v>1969084</v>
      </c>
      <c r="HE26" s="323">
        <v>3139750</v>
      </c>
      <c r="HF26" s="324">
        <v>0</v>
      </c>
      <c r="HG26" s="319">
        <v>10465451</v>
      </c>
      <c r="HH26" s="319">
        <v>11494161</v>
      </c>
      <c r="HI26" s="319">
        <v>9579812</v>
      </c>
      <c r="HJ26" s="319">
        <v>9254033</v>
      </c>
      <c r="HK26" s="319">
        <v>12208204</v>
      </c>
      <c r="HL26" s="320">
        <v>53001661</v>
      </c>
      <c r="HM26" s="321">
        <v>56141411</v>
      </c>
      <c r="HN26" s="326">
        <v>1121922</v>
      </c>
      <c r="HO26" s="319">
        <v>1970740</v>
      </c>
      <c r="HP26" s="320">
        <v>3092662</v>
      </c>
      <c r="HQ26" s="318">
        <v>0</v>
      </c>
      <c r="HR26" s="319">
        <v>10791397</v>
      </c>
      <c r="HS26" s="319">
        <v>13280244</v>
      </c>
      <c r="HT26" s="319">
        <v>7533747</v>
      </c>
      <c r="HU26" s="319">
        <v>5548579</v>
      </c>
      <c r="HV26" s="319">
        <v>2863875</v>
      </c>
      <c r="HW26" s="323">
        <v>40017842</v>
      </c>
      <c r="HX26" s="322">
        <v>43110504</v>
      </c>
      <c r="HY26" s="357">
        <v>46943</v>
      </c>
      <c r="HZ26" s="332">
        <v>252270</v>
      </c>
      <c r="IA26" s="357">
        <v>299213</v>
      </c>
      <c r="IB26" s="331">
        <v>0</v>
      </c>
      <c r="IC26" s="332">
        <v>14876982</v>
      </c>
      <c r="ID26" s="333">
        <v>22714292</v>
      </c>
      <c r="IE26" s="334">
        <v>21444570</v>
      </c>
      <c r="IF26" s="332">
        <v>11162886</v>
      </c>
      <c r="IG26" s="334">
        <v>8416458</v>
      </c>
      <c r="IH26" s="335">
        <v>78615188</v>
      </c>
      <c r="II26" s="357">
        <v>78914401</v>
      </c>
      <c r="IJ26" s="337">
        <v>0</v>
      </c>
      <c r="IK26" s="338">
        <v>0</v>
      </c>
      <c r="IL26" s="339">
        <v>0</v>
      </c>
      <c r="IM26" s="346"/>
      <c r="IN26" s="341">
        <v>84781</v>
      </c>
      <c r="IO26" s="341">
        <v>781155</v>
      </c>
      <c r="IP26" s="341">
        <v>169722</v>
      </c>
      <c r="IQ26" s="341">
        <v>474429</v>
      </c>
      <c r="IR26" s="341">
        <v>166290</v>
      </c>
      <c r="IS26" s="342">
        <v>1676377</v>
      </c>
      <c r="IT26" s="343">
        <v>1676377</v>
      </c>
      <c r="IU26" s="344">
        <v>0</v>
      </c>
      <c r="IV26" s="341">
        <v>0</v>
      </c>
      <c r="IW26" s="345">
        <v>0</v>
      </c>
      <c r="IX26" s="346"/>
      <c r="IY26" s="341">
        <v>0</v>
      </c>
      <c r="IZ26" s="341">
        <v>0</v>
      </c>
      <c r="JA26" s="341">
        <v>0</v>
      </c>
      <c r="JB26" s="341">
        <v>0</v>
      </c>
      <c r="JC26" s="341">
        <v>0</v>
      </c>
      <c r="JD26" s="345">
        <v>0</v>
      </c>
      <c r="JE26" s="347">
        <v>0</v>
      </c>
      <c r="JF26" s="344">
        <v>0</v>
      </c>
      <c r="JG26" s="341">
        <v>0</v>
      </c>
      <c r="JH26" s="342">
        <v>0</v>
      </c>
      <c r="JI26" s="348">
        <v>0</v>
      </c>
      <c r="JJ26" s="341">
        <v>8458334</v>
      </c>
      <c r="JK26" s="341">
        <v>12043612</v>
      </c>
      <c r="JL26" s="341">
        <v>7110576</v>
      </c>
      <c r="JM26" s="341">
        <v>2907261</v>
      </c>
      <c r="JN26" s="341">
        <v>2035675</v>
      </c>
      <c r="JO26" s="345">
        <v>32555458</v>
      </c>
      <c r="JP26" s="343">
        <v>32555458</v>
      </c>
      <c r="JQ26" s="344">
        <v>0</v>
      </c>
      <c r="JR26" s="341">
        <v>0</v>
      </c>
      <c r="JS26" s="342">
        <v>0</v>
      </c>
      <c r="JT26" s="348">
        <v>0</v>
      </c>
      <c r="JU26" s="341">
        <v>0</v>
      </c>
      <c r="JV26" s="341">
        <v>0</v>
      </c>
      <c r="JW26" s="341">
        <v>0</v>
      </c>
      <c r="JX26" s="341">
        <v>0</v>
      </c>
      <c r="JY26" s="341">
        <v>0</v>
      </c>
      <c r="JZ26" s="345">
        <v>0</v>
      </c>
      <c r="KA26" s="343">
        <v>0</v>
      </c>
      <c r="KB26" s="349">
        <v>46943</v>
      </c>
      <c r="KC26" s="350">
        <v>252270</v>
      </c>
      <c r="KD26" s="345">
        <v>299213</v>
      </c>
      <c r="KE26" s="348">
        <v>0</v>
      </c>
      <c r="KF26" s="341">
        <v>1347563</v>
      </c>
      <c r="KG26" s="341">
        <v>1849467</v>
      </c>
      <c r="KH26" s="341">
        <v>5120038</v>
      </c>
      <c r="KI26" s="341">
        <v>3956199</v>
      </c>
      <c r="KJ26" s="341">
        <v>1729137</v>
      </c>
      <c r="KK26" s="345">
        <v>14002404</v>
      </c>
      <c r="KL26" s="351">
        <v>14301617</v>
      </c>
      <c r="KM26" s="337">
        <v>0</v>
      </c>
      <c r="KN26" s="338">
        <v>0</v>
      </c>
      <c r="KO26" s="339">
        <v>0</v>
      </c>
      <c r="KP26" s="352"/>
      <c r="KQ26" s="341">
        <v>4702026</v>
      </c>
      <c r="KR26" s="341">
        <v>7442570</v>
      </c>
      <c r="KS26" s="341">
        <v>7964694</v>
      </c>
      <c r="KT26" s="341">
        <v>3211574</v>
      </c>
      <c r="KU26" s="341">
        <v>3095026</v>
      </c>
      <c r="KV26" s="345">
        <v>26415890</v>
      </c>
      <c r="KW26" s="343">
        <v>26415890</v>
      </c>
      <c r="KX26" s="344">
        <v>0</v>
      </c>
      <c r="KY26" s="341">
        <v>0</v>
      </c>
      <c r="KZ26" s="345">
        <v>0</v>
      </c>
      <c r="LA26" s="352"/>
      <c r="LB26" s="341">
        <v>0</v>
      </c>
      <c r="LC26" s="341">
        <v>0</v>
      </c>
      <c r="LD26" s="341">
        <v>0</v>
      </c>
      <c r="LE26" s="341">
        <v>0</v>
      </c>
      <c r="LF26" s="341">
        <v>0</v>
      </c>
      <c r="LG26" s="345">
        <v>0</v>
      </c>
      <c r="LH26" s="347">
        <v>0</v>
      </c>
      <c r="LI26" s="344">
        <v>0</v>
      </c>
      <c r="LJ26" s="341">
        <v>0</v>
      </c>
      <c r="LK26" s="345">
        <v>0</v>
      </c>
      <c r="LL26" s="352"/>
      <c r="LM26" s="341">
        <v>0</v>
      </c>
      <c r="LN26" s="341">
        <v>0</v>
      </c>
      <c r="LO26" s="341">
        <v>0</v>
      </c>
      <c r="LP26" s="341">
        <v>0</v>
      </c>
      <c r="LQ26" s="341">
        <v>0</v>
      </c>
      <c r="LR26" s="345">
        <v>0</v>
      </c>
      <c r="LS26" s="343">
        <v>0</v>
      </c>
      <c r="LT26" s="344">
        <v>0</v>
      </c>
      <c r="LU26" s="341">
        <v>0</v>
      </c>
      <c r="LV26" s="345">
        <v>0</v>
      </c>
      <c r="LW26" s="352"/>
      <c r="LX26" s="341">
        <v>284278</v>
      </c>
      <c r="LY26" s="341">
        <v>597488</v>
      </c>
      <c r="LZ26" s="341">
        <v>1079540</v>
      </c>
      <c r="MA26" s="341">
        <v>613423</v>
      </c>
      <c r="MB26" s="341">
        <v>1390330</v>
      </c>
      <c r="MC26" s="345">
        <v>3965059</v>
      </c>
      <c r="MD26" s="347">
        <v>3965059</v>
      </c>
      <c r="ME26" s="344">
        <v>0</v>
      </c>
      <c r="MF26" s="341">
        <v>0</v>
      </c>
      <c r="MG26" s="345">
        <v>0</v>
      </c>
      <c r="MH26" s="352"/>
      <c r="MI26" s="341">
        <v>5652854</v>
      </c>
      <c r="MJ26" s="341">
        <v>11255370</v>
      </c>
      <c r="MK26" s="341">
        <v>53873261</v>
      </c>
      <c r="ML26" s="341">
        <v>68598518</v>
      </c>
      <c r="MM26" s="341">
        <v>51081132</v>
      </c>
      <c r="MN26" s="345">
        <v>190461135</v>
      </c>
      <c r="MO26" s="351">
        <v>190461135</v>
      </c>
      <c r="MP26" s="344">
        <v>0</v>
      </c>
      <c r="MQ26" s="341">
        <v>0</v>
      </c>
      <c r="MR26" s="345">
        <v>0</v>
      </c>
      <c r="MS26" s="352"/>
      <c r="MT26" s="341">
        <v>670178</v>
      </c>
      <c r="MU26" s="341">
        <v>2948830</v>
      </c>
      <c r="MV26" s="341">
        <v>42494680</v>
      </c>
      <c r="MW26" s="341">
        <v>49892846</v>
      </c>
      <c r="MX26" s="341">
        <v>41525273</v>
      </c>
      <c r="MY26" s="345">
        <v>137531807</v>
      </c>
      <c r="MZ26" s="351">
        <v>137531807</v>
      </c>
      <c r="NA26" s="344">
        <v>0</v>
      </c>
      <c r="NB26" s="341">
        <v>0</v>
      </c>
      <c r="NC26" s="345">
        <v>0</v>
      </c>
      <c r="ND26" s="352"/>
      <c r="NE26" s="341">
        <v>4982676</v>
      </c>
      <c r="NF26" s="341">
        <v>8306540</v>
      </c>
      <c r="NG26" s="341">
        <v>10659070</v>
      </c>
      <c r="NH26" s="341">
        <v>15773178</v>
      </c>
      <c r="NI26" s="341">
        <v>7144827</v>
      </c>
      <c r="NJ26" s="345">
        <v>46866291</v>
      </c>
      <c r="NK26" s="343">
        <v>46866291</v>
      </c>
      <c r="NL26" s="344">
        <v>0</v>
      </c>
      <c r="NM26" s="341">
        <v>0</v>
      </c>
      <c r="NN26" s="345">
        <v>0</v>
      </c>
      <c r="NO26" s="352"/>
      <c r="NP26" s="341">
        <v>0</v>
      </c>
      <c r="NQ26" s="341">
        <v>0</v>
      </c>
      <c r="NR26" s="341">
        <v>350395</v>
      </c>
      <c r="NS26" s="341">
        <v>280629</v>
      </c>
      <c r="NT26" s="341">
        <v>1234994</v>
      </c>
      <c r="NU26" s="345">
        <v>1866018</v>
      </c>
      <c r="NV26" s="347">
        <v>1866018</v>
      </c>
      <c r="NW26" s="344">
        <v>0</v>
      </c>
      <c r="NX26" s="341">
        <v>0</v>
      </c>
      <c r="NY26" s="345">
        <v>0</v>
      </c>
      <c r="NZ26" s="352"/>
      <c r="OA26" s="341">
        <v>0</v>
      </c>
      <c r="OB26" s="341">
        <v>0</v>
      </c>
      <c r="OC26" s="341">
        <v>369116</v>
      </c>
      <c r="OD26" s="341">
        <v>2651865</v>
      </c>
      <c r="OE26" s="341">
        <v>1176038</v>
      </c>
      <c r="OF26" s="345">
        <v>4197019</v>
      </c>
      <c r="OG26" s="347">
        <v>4197019</v>
      </c>
      <c r="OH26" s="344">
        <v>6718086</v>
      </c>
      <c r="OI26" s="341">
        <v>13504009</v>
      </c>
      <c r="OJ26" s="342">
        <v>20222095</v>
      </c>
      <c r="OK26" s="348">
        <v>0</v>
      </c>
      <c r="OL26" s="341">
        <v>87220854</v>
      </c>
      <c r="OM26" s="341">
        <v>139494111</v>
      </c>
      <c r="ON26" s="341">
        <v>154538936</v>
      </c>
      <c r="OO26" s="341">
        <v>153174067</v>
      </c>
      <c r="OP26" s="341">
        <v>114275237</v>
      </c>
      <c r="OQ26" s="345">
        <v>648703205</v>
      </c>
      <c r="OR26" s="351">
        <v>668925300</v>
      </c>
    </row>
    <row r="27" spans="1:408" ht="18.75" customHeight="1" x14ac:dyDescent="0.2">
      <c r="A27" s="61" t="s">
        <v>22</v>
      </c>
      <c r="B27" s="318">
        <v>1148874</v>
      </c>
      <c r="C27" s="319">
        <v>3078808</v>
      </c>
      <c r="D27" s="320">
        <v>4227682</v>
      </c>
      <c r="E27" s="321">
        <v>0</v>
      </c>
      <c r="F27" s="319">
        <v>27253405</v>
      </c>
      <c r="G27" s="319">
        <v>30682851</v>
      </c>
      <c r="H27" s="319">
        <v>20763985</v>
      </c>
      <c r="I27" s="319">
        <v>20376434</v>
      </c>
      <c r="J27" s="319">
        <v>17635220</v>
      </c>
      <c r="K27" s="358">
        <v>116711895</v>
      </c>
      <c r="L27" s="322">
        <v>120939577</v>
      </c>
      <c r="M27" s="318">
        <v>66401</v>
      </c>
      <c r="N27" s="319">
        <v>532261</v>
      </c>
      <c r="O27" s="320">
        <v>598662</v>
      </c>
      <c r="P27" s="318">
        <v>0</v>
      </c>
      <c r="Q27" s="319">
        <v>5307886</v>
      </c>
      <c r="R27" s="319">
        <v>7310280</v>
      </c>
      <c r="S27" s="319">
        <v>4011010</v>
      </c>
      <c r="T27" s="319">
        <v>6734531</v>
      </c>
      <c r="U27" s="319">
        <v>9067676</v>
      </c>
      <c r="V27" s="320">
        <v>32431383</v>
      </c>
      <c r="W27" s="322">
        <v>33030045</v>
      </c>
      <c r="X27" s="318">
        <v>0</v>
      </c>
      <c r="Y27" s="319">
        <v>0</v>
      </c>
      <c r="Z27" s="320">
        <v>0</v>
      </c>
      <c r="AA27" s="318">
        <v>0</v>
      </c>
      <c r="AB27" s="319">
        <v>2570679</v>
      </c>
      <c r="AC27" s="319">
        <v>3323682</v>
      </c>
      <c r="AD27" s="319">
        <v>1903299</v>
      </c>
      <c r="AE27" s="319">
        <v>4068317</v>
      </c>
      <c r="AF27" s="319">
        <v>4946818</v>
      </c>
      <c r="AG27" s="320">
        <v>16812795</v>
      </c>
      <c r="AH27" s="322">
        <v>16812795</v>
      </c>
      <c r="AI27" s="318">
        <v>0</v>
      </c>
      <c r="AJ27" s="319">
        <v>0</v>
      </c>
      <c r="AK27" s="320">
        <v>0</v>
      </c>
      <c r="AL27" s="318">
        <v>0</v>
      </c>
      <c r="AM27" s="319">
        <v>0</v>
      </c>
      <c r="AN27" s="319">
        <v>60840</v>
      </c>
      <c r="AO27" s="319">
        <v>298792</v>
      </c>
      <c r="AP27" s="319">
        <v>491859</v>
      </c>
      <c r="AQ27" s="319">
        <v>1311988</v>
      </c>
      <c r="AR27" s="320">
        <v>2163479</v>
      </c>
      <c r="AS27" s="322">
        <v>2163479</v>
      </c>
      <c r="AT27" s="318">
        <v>44801</v>
      </c>
      <c r="AU27" s="319">
        <v>329278</v>
      </c>
      <c r="AV27" s="320">
        <v>374079</v>
      </c>
      <c r="AW27" s="318">
        <v>0</v>
      </c>
      <c r="AX27" s="319">
        <v>1603325</v>
      </c>
      <c r="AY27" s="319">
        <v>2687175</v>
      </c>
      <c r="AZ27" s="319">
        <v>780631</v>
      </c>
      <c r="BA27" s="319">
        <v>1399683</v>
      </c>
      <c r="BB27" s="319">
        <v>2142652</v>
      </c>
      <c r="BC27" s="320">
        <v>8613466</v>
      </c>
      <c r="BD27" s="322">
        <v>8987545</v>
      </c>
      <c r="BE27" s="318">
        <v>0</v>
      </c>
      <c r="BF27" s="319">
        <v>70425</v>
      </c>
      <c r="BG27" s="323">
        <v>70425</v>
      </c>
      <c r="BH27" s="324">
        <v>0</v>
      </c>
      <c r="BI27" s="319">
        <v>319403</v>
      </c>
      <c r="BJ27" s="319">
        <v>358568</v>
      </c>
      <c r="BK27" s="319">
        <v>379324</v>
      </c>
      <c r="BL27" s="319">
        <v>119067</v>
      </c>
      <c r="BM27" s="319">
        <v>206546</v>
      </c>
      <c r="BN27" s="320">
        <v>1382908</v>
      </c>
      <c r="BO27" s="322">
        <v>1453333</v>
      </c>
      <c r="BP27" s="318">
        <v>21600</v>
      </c>
      <c r="BQ27" s="319">
        <v>132558</v>
      </c>
      <c r="BR27" s="320">
        <v>154158</v>
      </c>
      <c r="BS27" s="318">
        <v>0</v>
      </c>
      <c r="BT27" s="319">
        <v>814479</v>
      </c>
      <c r="BU27" s="319">
        <v>880015</v>
      </c>
      <c r="BV27" s="319">
        <v>648964</v>
      </c>
      <c r="BW27" s="319">
        <v>655605</v>
      </c>
      <c r="BX27" s="319">
        <v>459672</v>
      </c>
      <c r="BY27" s="320">
        <v>3458735</v>
      </c>
      <c r="BZ27" s="322">
        <v>3612893</v>
      </c>
      <c r="CA27" s="318">
        <v>44960</v>
      </c>
      <c r="CB27" s="319">
        <v>344712</v>
      </c>
      <c r="CC27" s="320">
        <v>389672</v>
      </c>
      <c r="CD27" s="318">
        <v>0</v>
      </c>
      <c r="CE27" s="319">
        <v>7910390</v>
      </c>
      <c r="CF27" s="319">
        <v>9268779</v>
      </c>
      <c r="CG27" s="319">
        <v>5290449</v>
      </c>
      <c r="CH27" s="319">
        <v>4669955</v>
      </c>
      <c r="CI27" s="319">
        <v>2297381</v>
      </c>
      <c r="CJ27" s="320">
        <v>29436954</v>
      </c>
      <c r="CK27" s="322">
        <v>29826626</v>
      </c>
      <c r="CL27" s="318">
        <v>0</v>
      </c>
      <c r="CM27" s="319">
        <v>0</v>
      </c>
      <c r="CN27" s="320">
        <v>0</v>
      </c>
      <c r="CO27" s="324">
        <v>0</v>
      </c>
      <c r="CP27" s="319">
        <v>6808216</v>
      </c>
      <c r="CQ27" s="319">
        <v>7695203</v>
      </c>
      <c r="CR27" s="319">
        <v>3626789</v>
      </c>
      <c r="CS27" s="319">
        <v>3491376</v>
      </c>
      <c r="CT27" s="319">
        <v>1816378</v>
      </c>
      <c r="CU27" s="320">
        <v>23437962</v>
      </c>
      <c r="CV27" s="322">
        <v>23437962</v>
      </c>
      <c r="CW27" s="318">
        <v>44960</v>
      </c>
      <c r="CX27" s="319">
        <v>344712</v>
      </c>
      <c r="CY27" s="320">
        <v>389672</v>
      </c>
      <c r="CZ27" s="318">
        <v>0</v>
      </c>
      <c r="DA27" s="319">
        <v>1102174</v>
      </c>
      <c r="DB27" s="319">
        <v>1573576</v>
      </c>
      <c r="DC27" s="319">
        <v>1663660</v>
      </c>
      <c r="DD27" s="319">
        <v>1178579</v>
      </c>
      <c r="DE27" s="319">
        <v>481003</v>
      </c>
      <c r="DF27" s="320">
        <v>5998992</v>
      </c>
      <c r="DG27" s="322">
        <v>6388664</v>
      </c>
      <c r="DH27" s="318">
        <v>15058</v>
      </c>
      <c r="DI27" s="319">
        <v>52885</v>
      </c>
      <c r="DJ27" s="323">
        <v>67943</v>
      </c>
      <c r="DK27" s="324">
        <v>0</v>
      </c>
      <c r="DL27" s="319">
        <v>843393</v>
      </c>
      <c r="DM27" s="319">
        <v>2039020</v>
      </c>
      <c r="DN27" s="319">
        <v>3463851</v>
      </c>
      <c r="DO27" s="319">
        <v>1669137</v>
      </c>
      <c r="DP27" s="319">
        <v>1318213</v>
      </c>
      <c r="DQ27" s="320">
        <v>9333614</v>
      </c>
      <c r="DR27" s="322">
        <v>9401557</v>
      </c>
      <c r="DS27" s="318">
        <v>15058</v>
      </c>
      <c r="DT27" s="319">
        <v>52885</v>
      </c>
      <c r="DU27" s="320">
        <v>67943</v>
      </c>
      <c r="DV27" s="318">
        <v>0</v>
      </c>
      <c r="DW27" s="319">
        <v>707970</v>
      </c>
      <c r="DX27" s="319">
        <v>1862516</v>
      </c>
      <c r="DY27" s="319">
        <v>3047673</v>
      </c>
      <c r="DZ27" s="319">
        <v>1541859</v>
      </c>
      <c r="EA27" s="319">
        <v>1111333</v>
      </c>
      <c r="EB27" s="320">
        <v>8271351</v>
      </c>
      <c r="EC27" s="322">
        <v>8339294</v>
      </c>
      <c r="ED27" s="318">
        <v>0</v>
      </c>
      <c r="EE27" s="323">
        <v>0</v>
      </c>
      <c r="EF27" s="320">
        <v>0</v>
      </c>
      <c r="EG27" s="318">
        <v>0</v>
      </c>
      <c r="EH27" s="319">
        <v>135423</v>
      </c>
      <c r="EI27" s="319">
        <v>176504</v>
      </c>
      <c r="EJ27" s="319">
        <v>416178</v>
      </c>
      <c r="EK27" s="319">
        <v>127278</v>
      </c>
      <c r="EL27" s="319">
        <v>206880</v>
      </c>
      <c r="EM27" s="323">
        <v>1062263</v>
      </c>
      <c r="EN27" s="322">
        <v>1062263</v>
      </c>
      <c r="EO27" s="318">
        <v>0</v>
      </c>
      <c r="EP27" s="319">
        <v>0</v>
      </c>
      <c r="EQ27" s="323">
        <v>0</v>
      </c>
      <c r="ER27" s="324">
        <v>0</v>
      </c>
      <c r="ES27" s="319">
        <v>0</v>
      </c>
      <c r="ET27" s="319">
        <v>0</v>
      </c>
      <c r="EU27" s="319">
        <v>0</v>
      </c>
      <c r="EV27" s="319">
        <v>0</v>
      </c>
      <c r="EW27" s="319">
        <v>0</v>
      </c>
      <c r="EX27" s="320">
        <v>0</v>
      </c>
      <c r="EY27" s="322">
        <v>0</v>
      </c>
      <c r="EZ27" s="318">
        <v>0</v>
      </c>
      <c r="FA27" s="319">
        <v>0</v>
      </c>
      <c r="FB27" s="323">
        <v>0</v>
      </c>
      <c r="FC27" s="346"/>
      <c r="FD27" s="319">
        <v>0</v>
      </c>
      <c r="FE27" s="319">
        <v>0</v>
      </c>
      <c r="FF27" s="319">
        <v>0</v>
      </c>
      <c r="FG27" s="319">
        <v>0</v>
      </c>
      <c r="FH27" s="319">
        <v>0</v>
      </c>
      <c r="FI27" s="320">
        <v>0</v>
      </c>
      <c r="FJ27" s="322">
        <v>0</v>
      </c>
      <c r="FK27" s="318">
        <v>456123</v>
      </c>
      <c r="FL27" s="319">
        <v>959647</v>
      </c>
      <c r="FM27" s="320">
        <v>1415770</v>
      </c>
      <c r="FN27" s="318">
        <v>0</v>
      </c>
      <c r="FO27" s="319">
        <v>1820590</v>
      </c>
      <c r="FP27" s="319">
        <v>3002021</v>
      </c>
      <c r="FQ27" s="319">
        <v>1717351</v>
      </c>
      <c r="FR27" s="319">
        <v>1907286</v>
      </c>
      <c r="FS27" s="319">
        <v>1555541</v>
      </c>
      <c r="FT27" s="320">
        <v>10002789</v>
      </c>
      <c r="FU27" s="322">
        <v>11418559</v>
      </c>
      <c r="FV27" s="326">
        <v>231667</v>
      </c>
      <c r="FW27" s="319">
        <v>750568</v>
      </c>
      <c r="FX27" s="323">
        <v>982235</v>
      </c>
      <c r="FY27" s="324">
        <v>0</v>
      </c>
      <c r="FZ27" s="319">
        <v>1271531</v>
      </c>
      <c r="GA27" s="319">
        <v>2647889</v>
      </c>
      <c r="GB27" s="319">
        <v>1600351</v>
      </c>
      <c r="GC27" s="319">
        <v>1727286</v>
      </c>
      <c r="GD27" s="319">
        <v>1502072</v>
      </c>
      <c r="GE27" s="320">
        <v>8749129</v>
      </c>
      <c r="GF27" s="327">
        <v>9731364</v>
      </c>
      <c r="GG27" s="326">
        <v>0</v>
      </c>
      <c r="GH27" s="319">
        <v>33156</v>
      </c>
      <c r="GI27" s="323">
        <v>33156</v>
      </c>
      <c r="GJ27" s="324">
        <v>0</v>
      </c>
      <c r="GK27" s="319">
        <v>73636</v>
      </c>
      <c r="GL27" s="319">
        <v>67932</v>
      </c>
      <c r="GM27" s="319">
        <v>90000</v>
      </c>
      <c r="GN27" s="319">
        <v>0</v>
      </c>
      <c r="GO27" s="319">
        <v>40500</v>
      </c>
      <c r="GP27" s="320">
        <v>272068</v>
      </c>
      <c r="GQ27" s="322">
        <v>305224</v>
      </c>
      <c r="GR27" s="318">
        <v>224456</v>
      </c>
      <c r="GS27" s="319">
        <v>175923</v>
      </c>
      <c r="GT27" s="320">
        <v>400379</v>
      </c>
      <c r="GU27" s="318">
        <v>0</v>
      </c>
      <c r="GV27" s="319">
        <v>475423</v>
      </c>
      <c r="GW27" s="319">
        <v>286200</v>
      </c>
      <c r="GX27" s="319">
        <v>27000</v>
      </c>
      <c r="GY27" s="319">
        <v>180000</v>
      </c>
      <c r="GZ27" s="319">
        <v>12969</v>
      </c>
      <c r="HA27" s="323">
        <v>981592</v>
      </c>
      <c r="HB27" s="322">
        <v>1381971</v>
      </c>
      <c r="HC27" s="318">
        <v>336952</v>
      </c>
      <c r="HD27" s="319">
        <v>546334</v>
      </c>
      <c r="HE27" s="323">
        <v>883286</v>
      </c>
      <c r="HF27" s="324">
        <v>0</v>
      </c>
      <c r="HG27" s="319">
        <v>6169231</v>
      </c>
      <c r="HH27" s="319">
        <v>4526039</v>
      </c>
      <c r="HI27" s="319">
        <v>4043738</v>
      </c>
      <c r="HJ27" s="319">
        <v>3731240</v>
      </c>
      <c r="HK27" s="319">
        <v>2183376</v>
      </c>
      <c r="HL27" s="320">
        <v>20653624</v>
      </c>
      <c r="HM27" s="321">
        <v>21536910</v>
      </c>
      <c r="HN27" s="326">
        <v>229380</v>
      </c>
      <c r="HO27" s="319">
        <v>642969</v>
      </c>
      <c r="HP27" s="320">
        <v>872349</v>
      </c>
      <c r="HQ27" s="318">
        <v>0</v>
      </c>
      <c r="HR27" s="319">
        <v>5201915</v>
      </c>
      <c r="HS27" s="319">
        <v>4536712</v>
      </c>
      <c r="HT27" s="319">
        <v>2237586</v>
      </c>
      <c r="HU27" s="319">
        <v>1664285</v>
      </c>
      <c r="HV27" s="319">
        <v>1213033</v>
      </c>
      <c r="HW27" s="323">
        <v>14853531</v>
      </c>
      <c r="HX27" s="322">
        <v>15725880</v>
      </c>
      <c r="HY27" s="328">
        <v>146142</v>
      </c>
      <c r="HZ27" s="329">
        <v>326872</v>
      </c>
      <c r="IA27" s="330">
        <v>473014</v>
      </c>
      <c r="IB27" s="353">
        <v>0</v>
      </c>
      <c r="IC27" s="329">
        <v>11699967</v>
      </c>
      <c r="ID27" s="354">
        <v>13366337</v>
      </c>
      <c r="IE27" s="330">
        <v>11244188</v>
      </c>
      <c r="IF27" s="329">
        <v>12109715</v>
      </c>
      <c r="IG27" s="330">
        <v>6164681</v>
      </c>
      <c r="IH27" s="355">
        <v>54584888</v>
      </c>
      <c r="II27" s="336">
        <v>55057902</v>
      </c>
      <c r="IJ27" s="337">
        <v>0</v>
      </c>
      <c r="IK27" s="338">
        <v>0</v>
      </c>
      <c r="IL27" s="339">
        <v>0</v>
      </c>
      <c r="IM27" s="346"/>
      <c r="IN27" s="341">
        <v>205116</v>
      </c>
      <c r="IO27" s="341">
        <v>511739</v>
      </c>
      <c r="IP27" s="341">
        <v>483687</v>
      </c>
      <c r="IQ27" s="341">
        <v>224271</v>
      </c>
      <c r="IR27" s="341">
        <v>0</v>
      </c>
      <c r="IS27" s="342">
        <v>1424813</v>
      </c>
      <c r="IT27" s="343">
        <v>1424813</v>
      </c>
      <c r="IU27" s="344">
        <v>0</v>
      </c>
      <c r="IV27" s="341">
        <v>0</v>
      </c>
      <c r="IW27" s="345">
        <v>0</v>
      </c>
      <c r="IX27" s="346"/>
      <c r="IY27" s="341">
        <v>0</v>
      </c>
      <c r="IZ27" s="341">
        <v>0</v>
      </c>
      <c r="JA27" s="341">
        <v>0</v>
      </c>
      <c r="JB27" s="341">
        <v>0</v>
      </c>
      <c r="JC27" s="341">
        <v>0</v>
      </c>
      <c r="JD27" s="345">
        <v>0</v>
      </c>
      <c r="JE27" s="347">
        <v>0</v>
      </c>
      <c r="JF27" s="344">
        <v>0</v>
      </c>
      <c r="JG27" s="341">
        <v>0</v>
      </c>
      <c r="JH27" s="342">
        <v>0</v>
      </c>
      <c r="JI27" s="348">
        <v>0</v>
      </c>
      <c r="JJ27" s="341">
        <v>5822575</v>
      </c>
      <c r="JK27" s="341">
        <v>6108954</v>
      </c>
      <c r="JL27" s="341">
        <v>3634375</v>
      </c>
      <c r="JM27" s="341">
        <v>2383616</v>
      </c>
      <c r="JN27" s="341">
        <v>1270404</v>
      </c>
      <c r="JO27" s="345">
        <v>19219924</v>
      </c>
      <c r="JP27" s="343">
        <v>19219924</v>
      </c>
      <c r="JQ27" s="344">
        <v>37710</v>
      </c>
      <c r="JR27" s="341">
        <v>0</v>
      </c>
      <c r="JS27" s="342">
        <v>37710</v>
      </c>
      <c r="JT27" s="348">
        <v>0</v>
      </c>
      <c r="JU27" s="341">
        <v>776956</v>
      </c>
      <c r="JV27" s="341">
        <v>853281</v>
      </c>
      <c r="JW27" s="341">
        <v>390243</v>
      </c>
      <c r="JX27" s="341">
        <v>262755</v>
      </c>
      <c r="JY27" s="341">
        <v>38574</v>
      </c>
      <c r="JZ27" s="345">
        <v>2321809</v>
      </c>
      <c r="KA27" s="343">
        <v>2359519</v>
      </c>
      <c r="KB27" s="349">
        <v>108432</v>
      </c>
      <c r="KC27" s="350">
        <v>326872</v>
      </c>
      <c r="KD27" s="345">
        <v>435304</v>
      </c>
      <c r="KE27" s="348">
        <v>0</v>
      </c>
      <c r="KF27" s="341">
        <v>2585449</v>
      </c>
      <c r="KG27" s="341">
        <v>2365170</v>
      </c>
      <c r="KH27" s="341">
        <v>3048210</v>
      </c>
      <c r="KI27" s="341">
        <v>1771858</v>
      </c>
      <c r="KJ27" s="341">
        <v>846909</v>
      </c>
      <c r="KK27" s="345">
        <v>10617596</v>
      </c>
      <c r="KL27" s="351">
        <v>11052900</v>
      </c>
      <c r="KM27" s="337">
        <v>0</v>
      </c>
      <c r="KN27" s="338">
        <v>0</v>
      </c>
      <c r="KO27" s="339">
        <v>0</v>
      </c>
      <c r="KP27" s="352"/>
      <c r="KQ27" s="341">
        <v>2309871</v>
      </c>
      <c r="KR27" s="341">
        <v>3527193</v>
      </c>
      <c r="KS27" s="341">
        <v>3009172</v>
      </c>
      <c r="KT27" s="341">
        <v>2328676</v>
      </c>
      <c r="KU27" s="341">
        <v>1838068</v>
      </c>
      <c r="KV27" s="345">
        <v>13012980</v>
      </c>
      <c r="KW27" s="343">
        <v>13012980</v>
      </c>
      <c r="KX27" s="344">
        <v>0</v>
      </c>
      <c r="KY27" s="341">
        <v>0</v>
      </c>
      <c r="KZ27" s="345">
        <v>0</v>
      </c>
      <c r="LA27" s="352"/>
      <c r="LB27" s="341">
        <v>0</v>
      </c>
      <c r="LC27" s="341">
        <v>0</v>
      </c>
      <c r="LD27" s="341">
        <v>0</v>
      </c>
      <c r="LE27" s="341">
        <v>0</v>
      </c>
      <c r="LF27" s="341">
        <v>0</v>
      </c>
      <c r="LG27" s="345">
        <v>0</v>
      </c>
      <c r="LH27" s="347">
        <v>0</v>
      </c>
      <c r="LI27" s="344">
        <v>0</v>
      </c>
      <c r="LJ27" s="341">
        <v>0</v>
      </c>
      <c r="LK27" s="345">
        <v>0</v>
      </c>
      <c r="LL27" s="352"/>
      <c r="LM27" s="341">
        <v>0</v>
      </c>
      <c r="LN27" s="341">
        <v>0</v>
      </c>
      <c r="LO27" s="341">
        <v>678501</v>
      </c>
      <c r="LP27" s="341">
        <v>5138539</v>
      </c>
      <c r="LQ27" s="341">
        <v>2170726</v>
      </c>
      <c r="LR27" s="345">
        <v>7987766</v>
      </c>
      <c r="LS27" s="343">
        <v>7987766</v>
      </c>
      <c r="LT27" s="344">
        <v>0</v>
      </c>
      <c r="LU27" s="341">
        <v>0</v>
      </c>
      <c r="LV27" s="345">
        <v>0</v>
      </c>
      <c r="LW27" s="352"/>
      <c r="LX27" s="341">
        <v>0</v>
      </c>
      <c r="LY27" s="341">
        <v>0</v>
      </c>
      <c r="LZ27" s="341">
        <v>0</v>
      </c>
      <c r="MA27" s="341">
        <v>0</v>
      </c>
      <c r="MB27" s="341">
        <v>0</v>
      </c>
      <c r="MC27" s="345">
        <v>0</v>
      </c>
      <c r="MD27" s="347">
        <v>0</v>
      </c>
      <c r="ME27" s="344">
        <v>0</v>
      </c>
      <c r="MF27" s="341">
        <v>0</v>
      </c>
      <c r="MG27" s="345">
        <v>0</v>
      </c>
      <c r="MH27" s="352"/>
      <c r="MI27" s="341">
        <v>3166801</v>
      </c>
      <c r="MJ27" s="341">
        <v>8220196</v>
      </c>
      <c r="MK27" s="341">
        <v>18171932</v>
      </c>
      <c r="ML27" s="341">
        <v>28193742</v>
      </c>
      <c r="MM27" s="341">
        <v>17378599</v>
      </c>
      <c r="MN27" s="345">
        <v>75131270</v>
      </c>
      <c r="MO27" s="351">
        <v>75131270</v>
      </c>
      <c r="MP27" s="344">
        <v>0</v>
      </c>
      <c r="MQ27" s="341">
        <v>0</v>
      </c>
      <c r="MR27" s="345">
        <v>0</v>
      </c>
      <c r="MS27" s="352"/>
      <c r="MT27" s="341">
        <v>595363</v>
      </c>
      <c r="MU27" s="341">
        <v>1504281</v>
      </c>
      <c r="MV27" s="341">
        <v>10586622</v>
      </c>
      <c r="MW27" s="341">
        <v>17323772</v>
      </c>
      <c r="MX27" s="341">
        <v>8497688</v>
      </c>
      <c r="MY27" s="345">
        <v>38507726</v>
      </c>
      <c r="MZ27" s="351">
        <v>38507726</v>
      </c>
      <c r="NA27" s="344">
        <v>0</v>
      </c>
      <c r="NB27" s="341">
        <v>0</v>
      </c>
      <c r="NC27" s="345">
        <v>0</v>
      </c>
      <c r="ND27" s="352"/>
      <c r="NE27" s="341">
        <v>2571438</v>
      </c>
      <c r="NF27" s="341">
        <v>6715915</v>
      </c>
      <c r="NG27" s="341">
        <v>7192494</v>
      </c>
      <c r="NH27" s="341">
        <v>10107356</v>
      </c>
      <c r="NI27" s="341">
        <v>6143596</v>
      </c>
      <c r="NJ27" s="345">
        <v>32730799</v>
      </c>
      <c r="NK27" s="343">
        <v>32730799</v>
      </c>
      <c r="NL27" s="344">
        <v>0</v>
      </c>
      <c r="NM27" s="341">
        <v>0</v>
      </c>
      <c r="NN27" s="345">
        <v>0</v>
      </c>
      <c r="NO27" s="352"/>
      <c r="NP27" s="341">
        <v>0</v>
      </c>
      <c r="NQ27" s="341">
        <v>0</v>
      </c>
      <c r="NR27" s="341">
        <v>264575</v>
      </c>
      <c r="NS27" s="341">
        <v>0</v>
      </c>
      <c r="NT27" s="341">
        <v>1519646</v>
      </c>
      <c r="NU27" s="345">
        <v>1784221</v>
      </c>
      <c r="NV27" s="347">
        <v>1784221</v>
      </c>
      <c r="NW27" s="344">
        <v>0</v>
      </c>
      <c r="NX27" s="341">
        <v>0</v>
      </c>
      <c r="NY27" s="345">
        <v>0</v>
      </c>
      <c r="NZ27" s="352"/>
      <c r="OA27" s="341">
        <v>0</v>
      </c>
      <c r="OB27" s="341">
        <v>0</v>
      </c>
      <c r="OC27" s="341">
        <v>128241</v>
      </c>
      <c r="OD27" s="341">
        <v>762614</v>
      </c>
      <c r="OE27" s="341">
        <v>1217669</v>
      </c>
      <c r="OF27" s="345">
        <v>2108524</v>
      </c>
      <c r="OG27" s="347">
        <v>2108524</v>
      </c>
      <c r="OH27" s="344">
        <v>1295016</v>
      </c>
      <c r="OI27" s="341">
        <v>3405680</v>
      </c>
      <c r="OJ27" s="342">
        <v>4700696</v>
      </c>
      <c r="OK27" s="348">
        <v>0</v>
      </c>
      <c r="OL27" s="341">
        <v>42120173</v>
      </c>
      <c r="OM27" s="341">
        <v>52269384</v>
      </c>
      <c r="ON27" s="341">
        <v>50180105</v>
      </c>
      <c r="OO27" s="341">
        <v>60679891</v>
      </c>
      <c r="OP27" s="341">
        <v>41178500</v>
      </c>
      <c r="OQ27" s="345">
        <v>246428053</v>
      </c>
      <c r="OR27" s="351">
        <v>251128749</v>
      </c>
    </row>
    <row r="28" spans="1:408" ht="18.75" customHeight="1" x14ac:dyDescent="0.2">
      <c r="A28" s="61" t="s">
        <v>23</v>
      </c>
      <c r="B28" s="318">
        <v>2796187</v>
      </c>
      <c r="C28" s="319">
        <v>5358043</v>
      </c>
      <c r="D28" s="320">
        <v>8154230</v>
      </c>
      <c r="E28" s="321">
        <v>0</v>
      </c>
      <c r="F28" s="319">
        <v>52846823</v>
      </c>
      <c r="G28" s="319">
        <v>61630468</v>
      </c>
      <c r="H28" s="319">
        <v>44267464</v>
      </c>
      <c r="I28" s="319">
        <v>47292599</v>
      </c>
      <c r="J28" s="319">
        <v>32152520</v>
      </c>
      <c r="K28" s="358">
        <v>238189874</v>
      </c>
      <c r="L28" s="322">
        <v>246344104</v>
      </c>
      <c r="M28" s="318">
        <v>834205</v>
      </c>
      <c r="N28" s="319">
        <v>1792655</v>
      </c>
      <c r="O28" s="320">
        <v>2626860</v>
      </c>
      <c r="P28" s="318">
        <v>0</v>
      </c>
      <c r="Q28" s="319">
        <v>11739684</v>
      </c>
      <c r="R28" s="319">
        <v>15413400</v>
      </c>
      <c r="S28" s="319">
        <v>12711691</v>
      </c>
      <c r="T28" s="319">
        <v>14236242</v>
      </c>
      <c r="U28" s="319">
        <v>12647367</v>
      </c>
      <c r="V28" s="320">
        <v>66748384</v>
      </c>
      <c r="W28" s="322">
        <v>69375244</v>
      </c>
      <c r="X28" s="318">
        <v>0</v>
      </c>
      <c r="Y28" s="319">
        <v>0</v>
      </c>
      <c r="Z28" s="320">
        <v>0</v>
      </c>
      <c r="AA28" s="318">
        <v>0</v>
      </c>
      <c r="AB28" s="319">
        <v>4880655</v>
      </c>
      <c r="AC28" s="319">
        <v>6954796</v>
      </c>
      <c r="AD28" s="319">
        <v>6713990</v>
      </c>
      <c r="AE28" s="319">
        <v>7976886</v>
      </c>
      <c r="AF28" s="319">
        <v>6996473</v>
      </c>
      <c r="AG28" s="320">
        <v>33522800</v>
      </c>
      <c r="AH28" s="322">
        <v>33522800</v>
      </c>
      <c r="AI28" s="318">
        <v>0</v>
      </c>
      <c r="AJ28" s="319">
        <v>0</v>
      </c>
      <c r="AK28" s="320">
        <v>0</v>
      </c>
      <c r="AL28" s="318">
        <v>0</v>
      </c>
      <c r="AM28" s="319">
        <v>51346</v>
      </c>
      <c r="AN28" s="319">
        <v>115540</v>
      </c>
      <c r="AO28" s="319">
        <v>552817</v>
      </c>
      <c r="AP28" s="319">
        <v>837673</v>
      </c>
      <c r="AQ28" s="319">
        <v>1132315</v>
      </c>
      <c r="AR28" s="320">
        <v>2689691</v>
      </c>
      <c r="AS28" s="322">
        <v>2689691</v>
      </c>
      <c r="AT28" s="318">
        <v>647047</v>
      </c>
      <c r="AU28" s="319">
        <v>1343912</v>
      </c>
      <c r="AV28" s="320">
        <v>1990959</v>
      </c>
      <c r="AW28" s="318">
        <v>0</v>
      </c>
      <c r="AX28" s="319">
        <v>4122936</v>
      </c>
      <c r="AY28" s="319">
        <v>5755392</v>
      </c>
      <c r="AZ28" s="319">
        <v>3121226</v>
      </c>
      <c r="BA28" s="319">
        <v>3451379</v>
      </c>
      <c r="BB28" s="319">
        <v>2822854</v>
      </c>
      <c r="BC28" s="320">
        <v>19273787</v>
      </c>
      <c r="BD28" s="322">
        <v>21264746</v>
      </c>
      <c r="BE28" s="318">
        <v>24022</v>
      </c>
      <c r="BF28" s="319">
        <v>336789</v>
      </c>
      <c r="BG28" s="323">
        <v>360811</v>
      </c>
      <c r="BH28" s="324">
        <v>0</v>
      </c>
      <c r="BI28" s="319">
        <v>360836</v>
      </c>
      <c r="BJ28" s="319">
        <v>530263</v>
      </c>
      <c r="BK28" s="319">
        <v>491792</v>
      </c>
      <c r="BL28" s="319">
        <v>82913</v>
      </c>
      <c r="BM28" s="319">
        <v>156283</v>
      </c>
      <c r="BN28" s="320">
        <v>1622087</v>
      </c>
      <c r="BO28" s="322">
        <v>1982898</v>
      </c>
      <c r="BP28" s="318">
        <v>163136</v>
      </c>
      <c r="BQ28" s="319">
        <v>111954</v>
      </c>
      <c r="BR28" s="320">
        <v>275090</v>
      </c>
      <c r="BS28" s="318">
        <v>0</v>
      </c>
      <c r="BT28" s="319">
        <v>2323911</v>
      </c>
      <c r="BU28" s="319">
        <v>2057409</v>
      </c>
      <c r="BV28" s="319">
        <v>1831866</v>
      </c>
      <c r="BW28" s="319">
        <v>1887391</v>
      </c>
      <c r="BX28" s="319">
        <v>1539442</v>
      </c>
      <c r="BY28" s="320">
        <v>9640019</v>
      </c>
      <c r="BZ28" s="322">
        <v>9915109</v>
      </c>
      <c r="CA28" s="318">
        <v>72486</v>
      </c>
      <c r="CB28" s="319">
        <v>588871</v>
      </c>
      <c r="CC28" s="320">
        <v>661357</v>
      </c>
      <c r="CD28" s="318">
        <v>0</v>
      </c>
      <c r="CE28" s="319">
        <v>20291333</v>
      </c>
      <c r="CF28" s="319">
        <v>23452908</v>
      </c>
      <c r="CG28" s="319">
        <v>12910538</v>
      </c>
      <c r="CH28" s="319">
        <v>11913277</v>
      </c>
      <c r="CI28" s="319">
        <v>6688780</v>
      </c>
      <c r="CJ28" s="320">
        <v>75256836</v>
      </c>
      <c r="CK28" s="322">
        <v>75918193</v>
      </c>
      <c r="CL28" s="318">
        <v>0</v>
      </c>
      <c r="CM28" s="319">
        <v>0</v>
      </c>
      <c r="CN28" s="320">
        <v>0</v>
      </c>
      <c r="CO28" s="324">
        <v>0</v>
      </c>
      <c r="CP28" s="319">
        <v>17788441</v>
      </c>
      <c r="CQ28" s="319">
        <v>18968545</v>
      </c>
      <c r="CR28" s="319">
        <v>10537862</v>
      </c>
      <c r="CS28" s="319">
        <v>9354592</v>
      </c>
      <c r="CT28" s="319">
        <v>6173180</v>
      </c>
      <c r="CU28" s="320">
        <v>62822620</v>
      </c>
      <c r="CV28" s="322">
        <v>62822620</v>
      </c>
      <c r="CW28" s="318">
        <v>72486</v>
      </c>
      <c r="CX28" s="319">
        <v>588871</v>
      </c>
      <c r="CY28" s="320">
        <v>661357</v>
      </c>
      <c r="CZ28" s="318">
        <v>0</v>
      </c>
      <c r="DA28" s="319">
        <v>2502892</v>
      </c>
      <c r="DB28" s="319">
        <v>4484363</v>
      </c>
      <c r="DC28" s="319">
        <v>2372676</v>
      </c>
      <c r="DD28" s="319">
        <v>2558685</v>
      </c>
      <c r="DE28" s="319">
        <v>515600</v>
      </c>
      <c r="DF28" s="320">
        <v>12434216</v>
      </c>
      <c r="DG28" s="322">
        <v>13095573</v>
      </c>
      <c r="DH28" s="318">
        <v>33327</v>
      </c>
      <c r="DI28" s="319">
        <v>108593</v>
      </c>
      <c r="DJ28" s="323">
        <v>141920</v>
      </c>
      <c r="DK28" s="324">
        <v>0</v>
      </c>
      <c r="DL28" s="319">
        <v>1359196</v>
      </c>
      <c r="DM28" s="319">
        <v>3232508</v>
      </c>
      <c r="DN28" s="319">
        <v>4259956</v>
      </c>
      <c r="DO28" s="319">
        <v>5357478</v>
      </c>
      <c r="DP28" s="319">
        <v>2307088</v>
      </c>
      <c r="DQ28" s="320">
        <v>16516226</v>
      </c>
      <c r="DR28" s="322">
        <v>16658146</v>
      </c>
      <c r="DS28" s="318">
        <v>33327</v>
      </c>
      <c r="DT28" s="319">
        <v>108593</v>
      </c>
      <c r="DU28" s="320">
        <v>141920</v>
      </c>
      <c r="DV28" s="318">
        <v>0</v>
      </c>
      <c r="DW28" s="319">
        <v>1359196</v>
      </c>
      <c r="DX28" s="319">
        <v>2998554</v>
      </c>
      <c r="DY28" s="319">
        <v>4130123</v>
      </c>
      <c r="DZ28" s="319">
        <v>4842386</v>
      </c>
      <c r="EA28" s="319">
        <v>1781499</v>
      </c>
      <c r="EB28" s="320">
        <v>15111758</v>
      </c>
      <c r="EC28" s="322">
        <v>15253678</v>
      </c>
      <c r="ED28" s="318">
        <v>0</v>
      </c>
      <c r="EE28" s="323">
        <v>0</v>
      </c>
      <c r="EF28" s="320">
        <v>0</v>
      </c>
      <c r="EG28" s="318">
        <v>0</v>
      </c>
      <c r="EH28" s="319">
        <v>0</v>
      </c>
      <c r="EI28" s="319">
        <v>233954</v>
      </c>
      <c r="EJ28" s="319">
        <v>129833</v>
      </c>
      <c r="EK28" s="319">
        <v>515092</v>
      </c>
      <c r="EL28" s="319">
        <v>525589</v>
      </c>
      <c r="EM28" s="323">
        <v>1404468</v>
      </c>
      <c r="EN28" s="322">
        <v>1404468</v>
      </c>
      <c r="EO28" s="318">
        <v>0</v>
      </c>
      <c r="EP28" s="319">
        <v>0</v>
      </c>
      <c r="EQ28" s="323">
        <v>0</v>
      </c>
      <c r="ER28" s="324">
        <v>0</v>
      </c>
      <c r="ES28" s="319">
        <v>0</v>
      </c>
      <c r="ET28" s="319">
        <v>0</v>
      </c>
      <c r="EU28" s="319">
        <v>0</v>
      </c>
      <c r="EV28" s="319">
        <v>0</v>
      </c>
      <c r="EW28" s="319">
        <v>0</v>
      </c>
      <c r="EX28" s="320">
        <v>0</v>
      </c>
      <c r="EY28" s="322">
        <v>0</v>
      </c>
      <c r="EZ28" s="318">
        <v>0</v>
      </c>
      <c r="FA28" s="319">
        <v>0</v>
      </c>
      <c r="FB28" s="323">
        <v>0</v>
      </c>
      <c r="FC28" s="346"/>
      <c r="FD28" s="319">
        <v>0</v>
      </c>
      <c r="FE28" s="319">
        <v>0</v>
      </c>
      <c r="FF28" s="319">
        <v>0</v>
      </c>
      <c r="FG28" s="319">
        <v>0</v>
      </c>
      <c r="FH28" s="319">
        <v>0</v>
      </c>
      <c r="FI28" s="320">
        <v>0</v>
      </c>
      <c r="FJ28" s="322">
        <v>0</v>
      </c>
      <c r="FK28" s="318">
        <v>922149</v>
      </c>
      <c r="FL28" s="319">
        <v>1392620</v>
      </c>
      <c r="FM28" s="320">
        <v>2314769</v>
      </c>
      <c r="FN28" s="318">
        <v>0</v>
      </c>
      <c r="FO28" s="319">
        <v>3295596</v>
      </c>
      <c r="FP28" s="319">
        <v>5189298</v>
      </c>
      <c r="FQ28" s="319">
        <v>3603197</v>
      </c>
      <c r="FR28" s="319">
        <v>3021613</v>
      </c>
      <c r="FS28" s="319">
        <v>2049993</v>
      </c>
      <c r="FT28" s="320">
        <v>17159697</v>
      </c>
      <c r="FU28" s="322">
        <v>19474466</v>
      </c>
      <c r="FV28" s="326">
        <v>493004</v>
      </c>
      <c r="FW28" s="319">
        <v>1263790</v>
      </c>
      <c r="FX28" s="323">
        <v>1756794</v>
      </c>
      <c r="FY28" s="324">
        <v>0</v>
      </c>
      <c r="FZ28" s="319">
        <v>2604936</v>
      </c>
      <c r="GA28" s="319">
        <v>4799151</v>
      </c>
      <c r="GB28" s="319">
        <v>3197803</v>
      </c>
      <c r="GC28" s="319">
        <v>2945108</v>
      </c>
      <c r="GD28" s="319">
        <v>2003643</v>
      </c>
      <c r="GE28" s="320">
        <v>15550641</v>
      </c>
      <c r="GF28" s="327">
        <v>17307435</v>
      </c>
      <c r="GG28" s="326">
        <v>0</v>
      </c>
      <c r="GH28" s="319">
        <v>27630</v>
      </c>
      <c r="GI28" s="323">
        <v>27630</v>
      </c>
      <c r="GJ28" s="324">
        <v>0</v>
      </c>
      <c r="GK28" s="319">
        <v>44820</v>
      </c>
      <c r="GL28" s="319">
        <v>62547</v>
      </c>
      <c r="GM28" s="319">
        <v>64530</v>
      </c>
      <c r="GN28" s="319">
        <v>63905</v>
      </c>
      <c r="GO28" s="319">
        <v>0</v>
      </c>
      <c r="GP28" s="320">
        <v>235802</v>
      </c>
      <c r="GQ28" s="322">
        <v>263432</v>
      </c>
      <c r="GR28" s="318">
        <v>429145</v>
      </c>
      <c r="GS28" s="319">
        <v>101200</v>
      </c>
      <c r="GT28" s="320">
        <v>530345</v>
      </c>
      <c r="GU28" s="318">
        <v>0</v>
      </c>
      <c r="GV28" s="319">
        <v>645840</v>
      </c>
      <c r="GW28" s="319">
        <v>327600</v>
      </c>
      <c r="GX28" s="319">
        <v>340864</v>
      </c>
      <c r="GY28" s="319">
        <v>12600</v>
      </c>
      <c r="GZ28" s="319">
        <v>46350</v>
      </c>
      <c r="HA28" s="323">
        <v>1373254</v>
      </c>
      <c r="HB28" s="322">
        <v>1903599</v>
      </c>
      <c r="HC28" s="318">
        <v>407454</v>
      </c>
      <c r="HD28" s="319">
        <v>362367</v>
      </c>
      <c r="HE28" s="323">
        <v>769821</v>
      </c>
      <c r="HF28" s="324">
        <v>0</v>
      </c>
      <c r="HG28" s="319">
        <v>7456746</v>
      </c>
      <c r="HH28" s="319">
        <v>7010371</v>
      </c>
      <c r="HI28" s="319">
        <v>6247564</v>
      </c>
      <c r="HJ28" s="319">
        <v>8965196</v>
      </c>
      <c r="HK28" s="319">
        <v>6494804</v>
      </c>
      <c r="HL28" s="320">
        <v>36174681</v>
      </c>
      <c r="HM28" s="321">
        <v>36944502</v>
      </c>
      <c r="HN28" s="326">
        <v>526566</v>
      </c>
      <c r="HO28" s="319">
        <v>1112937</v>
      </c>
      <c r="HP28" s="320">
        <v>1639503</v>
      </c>
      <c r="HQ28" s="318">
        <v>0</v>
      </c>
      <c r="HR28" s="319">
        <v>8704268</v>
      </c>
      <c r="HS28" s="319">
        <v>7331983</v>
      </c>
      <c r="HT28" s="319">
        <v>4534518</v>
      </c>
      <c r="HU28" s="319">
        <v>3798793</v>
      </c>
      <c r="HV28" s="319">
        <v>1964488</v>
      </c>
      <c r="HW28" s="323">
        <v>26334050</v>
      </c>
      <c r="HX28" s="322">
        <v>27973553</v>
      </c>
      <c r="HY28" s="357">
        <v>0</v>
      </c>
      <c r="HZ28" s="332">
        <v>250953</v>
      </c>
      <c r="IA28" s="357">
        <v>250953</v>
      </c>
      <c r="IB28" s="331">
        <v>0</v>
      </c>
      <c r="IC28" s="332">
        <v>9882371</v>
      </c>
      <c r="ID28" s="333">
        <v>7727430</v>
      </c>
      <c r="IE28" s="334">
        <v>8503601</v>
      </c>
      <c r="IF28" s="332">
        <v>5254187</v>
      </c>
      <c r="IG28" s="334">
        <v>4100188</v>
      </c>
      <c r="IH28" s="335">
        <v>35467777</v>
      </c>
      <c r="II28" s="357">
        <v>35718730</v>
      </c>
      <c r="IJ28" s="337">
        <v>0</v>
      </c>
      <c r="IK28" s="338">
        <v>0</v>
      </c>
      <c r="IL28" s="339">
        <v>0</v>
      </c>
      <c r="IM28" s="346"/>
      <c r="IN28" s="341">
        <v>92707</v>
      </c>
      <c r="IO28" s="341">
        <v>111626</v>
      </c>
      <c r="IP28" s="341">
        <v>0</v>
      </c>
      <c r="IQ28" s="341">
        <v>0</v>
      </c>
      <c r="IR28" s="341">
        <v>267732</v>
      </c>
      <c r="IS28" s="342">
        <v>472065</v>
      </c>
      <c r="IT28" s="343">
        <v>472065</v>
      </c>
      <c r="IU28" s="344">
        <v>0</v>
      </c>
      <c r="IV28" s="341">
        <v>0</v>
      </c>
      <c r="IW28" s="345">
        <v>0</v>
      </c>
      <c r="IX28" s="346"/>
      <c r="IY28" s="341">
        <v>0</v>
      </c>
      <c r="IZ28" s="341">
        <v>0</v>
      </c>
      <c r="JA28" s="341">
        <v>0</v>
      </c>
      <c r="JB28" s="341">
        <v>0</v>
      </c>
      <c r="JC28" s="341">
        <v>0</v>
      </c>
      <c r="JD28" s="345">
        <v>0</v>
      </c>
      <c r="JE28" s="347">
        <v>0</v>
      </c>
      <c r="JF28" s="344">
        <v>0</v>
      </c>
      <c r="JG28" s="341">
        <v>0</v>
      </c>
      <c r="JH28" s="342">
        <v>0</v>
      </c>
      <c r="JI28" s="348">
        <v>0</v>
      </c>
      <c r="JJ28" s="341">
        <v>2106682</v>
      </c>
      <c r="JK28" s="341">
        <v>2512000</v>
      </c>
      <c r="JL28" s="341">
        <v>1528221</v>
      </c>
      <c r="JM28" s="341">
        <v>1924756</v>
      </c>
      <c r="JN28" s="341">
        <v>997443</v>
      </c>
      <c r="JO28" s="345">
        <v>9069102</v>
      </c>
      <c r="JP28" s="343">
        <v>9069102</v>
      </c>
      <c r="JQ28" s="344">
        <v>0</v>
      </c>
      <c r="JR28" s="341">
        <v>0</v>
      </c>
      <c r="JS28" s="342">
        <v>0</v>
      </c>
      <c r="JT28" s="348">
        <v>0</v>
      </c>
      <c r="JU28" s="341">
        <v>0</v>
      </c>
      <c r="JV28" s="341">
        <v>0</v>
      </c>
      <c r="JW28" s="341">
        <v>139947</v>
      </c>
      <c r="JX28" s="341">
        <v>0</v>
      </c>
      <c r="JY28" s="341">
        <v>0</v>
      </c>
      <c r="JZ28" s="345">
        <v>139947</v>
      </c>
      <c r="KA28" s="343">
        <v>139947</v>
      </c>
      <c r="KB28" s="349">
        <v>0</v>
      </c>
      <c r="KC28" s="350">
        <v>0</v>
      </c>
      <c r="KD28" s="345">
        <v>0</v>
      </c>
      <c r="KE28" s="348">
        <v>0</v>
      </c>
      <c r="KF28" s="341">
        <v>639675</v>
      </c>
      <c r="KG28" s="341">
        <v>105165</v>
      </c>
      <c r="KH28" s="341">
        <v>1260653</v>
      </c>
      <c r="KI28" s="341">
        <v>280163</v>
      </c>
      <c r="KJ28" s="341">
        <v>0</v>
      </c>
      <c r="KK28" s="345">
        <v>2285656</v>
      </c>
      <c r="KL28" s="351">
        <v>2285656</v>
      </c>
      <c r="KM28" s="337">
        <v>0</v>
      </c>
      <c r="KN28" s="338">
        <v>250953</v>
      </c>
      <c r="KO28" s="339">
        <v>250953</v>
      </c>
      <c r="KP28" s="352"/>
      <c r="KQ28" s="341">
        <v>7043307</v>
      </c>
      <c r="KR28" s="341">
        <v>4998639</v>
      </c>
      <c r="KS28" s="341">
        <v>5296549</v>
      </c>
      <c r="KT28" s="341">
        <v>3049268</v>
      </c>
      <c r="KU28" s="341">
        <v>2835013</v>
      </c>
      <c r="KV28" s="345">
        <v>23222776</v>
      </c>
      <c r="KW28" s="343">
        <v>23473729</v>
      </c>
      <c r="KX28" s="344">
        <v>0</v>
      </c>
      <c r="KY28" s="341">
        <v>0</v>
      </c>
      <c r="KZ28" s="345">
        <v>0</v>
      </c>
      <c r="LA28" s="352"/>
      <c r="LB28" s="341">
        <v>0</v>
      </c>
      <c r="LC28" s="341">
        <v>0</v>
      </c>
      <c r="LD28" s="341">
        <v>0</v>
      </c>
      <c r="LE28" s="341">
        <v>0</v>
      </c>
      <c r="LF28" s="341">
        <v>0</v>
      </c>
      <c r="LG28" s="345">
        <v>0</v>
      </c>
      <c r="LH28" s="347">
        <v>0</v>
      </c>
      <c r="LI28" s="344">
        <v>0</v>
      </c>
      <c r="LJ28" s="341">
        <v>0</v>
      </c>
      <c r="LK28" s="345">
        <v>0</v>
      </c>
      <c r="LL28" s="352"/>
      <c r="LM28" s="341">
        <v>0</v>
      </c>
      <c r="LN28" s="341">
        <v>0</v>
      </c>
      <c r="LO28" s="341">
        <v>0</v>
      </c>
      <c r="LP28" s="341">
        <v>0</v>
      </c>
      <c r="LQ28" s="341">
        <v>0</v>
      </c>
      <c r="LR28" s="345">
        <v>0</v>
      </c>
      <c r="LS28" s="343">
        <v>0</v>
      </c>
      <c r="LT28" s="344">
        <v>0</v>
      </c>
      <c r="LU28" s="341">
        <v>0</v>
      </c>
      <c r="LV28" s="345">
        <v>0</v>
      </c>
      <c r="LW28" s="352"/>
      <c r="LX28" s="341">
        <v>0</v>
      </c>
      <c r="LY28" s="341">
        <v>0</v>
      </c>
      <c r="LZ28" s="341">
        <v>278231</v>
      </c>
      <c r="MA28" s="341">
        <v>0</v>
      </c>
      <c r="MB28" s="341">
        <v>0</v>
      </c>
      <c r="MC28" s="345">
        <v>278231</v>
      </c>
      <c r="MD28" s="347">
        <v>278231</v>
      </c>
      <c r="ME28" s="344">
        <v>0</v>
      </c>
      <c r="MF28" s="341">
        <v>0</v>
      </c>
      <c r="MG28" s="345">
        <v>0</v>
      </c>
      <c r="MH28" s="352"/>
      <c r="MI28" s="341">
        <v>4548880</v>
      </c>
      <c r="MJ28" s="341">
        <v>13032928</v>
      </c>
      <c r="MK28" s="341">
        <v>31555383</v>
      </c>
      <c r="ML28" s="341">
        <v>54034580</v>
      </c>
      <c r="MM28" s="341">
        <v>39506503</v>
      </c>
      <c r="MN28" s="345">
        <v>142678274</v>
      </c>
      <c r="MO28" s="351">
        <v>142678274</v>
      </c>
      <c r="MP28" s="344">
        <v>0</v>
      </c>
      <c r="MQ28" s="341">
        <v>0</v>
      </c>
      <c r="MR28" s="345">
        <v>0</v>
      </c>
      <c r="MS28" s="352"/>
      <c r="MT28" s="341">
        <v>867746</v>
      </c>
      <c r="MU28" s="341">
        <v>3560916</v>
      </c>
      <c r="MV28" s="341">
        <v>18455764</v>
      </c>
      <c r="MW28" s="341">
        <v>36983355</v>
      </c>
      <c r="MX28" s="341">
        <v>30752015</v>
      </c>
      <c r="MY28" s="345">
        <v>90619796</v>
      </c>
      <c r="MZ28" s="351">
        <v>90619796</v>
      </c>
      <c r="NA28" s="344">
        <v>0</v>
      </c>
      <c r="NB28" s="341">
        <v>0</v>
      </c>
      <c r="NC28" s="345">
        <v>0</v>
      </c>
      <c r="ND28" s="352"/>
      <c r="NE28" s="341">
        <v>3681134</v>
      </c>
      <c r="NF28" s="341">
        <v>9472012</v>
      </c>
      <c r="NG28" s="341">
        <v>12862471</v>
      </c>
      <c r="NH28" s="341">
        <v>15944659</v>
      </c>
      <c r="NI28" s="341">
        <v>6500351</v>
      </c>
      <c r="NJ28" s="345">
        <v>48460627</v>
      </c>
      <c r="NK28" s="343">
        <v>48460627</v>
      </c>
      <c r="NL28" s="344">
        <v>0</v>
      </c>
      <c r="NM28" s="341">
        <v>0</v>
      </c>
      <c r="NN28" s="345">
        <v>0</v>
      </c>
      <c r="NO28" s="352"/>
      <c r="NP28" s="341">
        <v>0</v>
      </c>
      <c r="NQ28" s="341">
        <v>0</v>
      </c>
      <c r="NR28" s="341">
        <v>237148</v>
      </c>
      <c r="NS28" s="341">
        <v>716001</v>
      </c>
      <c r="NT28" s="341">
        <v>1033148</v>
      </c>
      <c r="NU28" s="345">
        <v>1986297</v>
      </c>
      <c r="NV28" s="347">
        <v>1986297</v>
      </c>
      <c r="NW28" s="344">
        <v>0</v>
      </c>
      <c r="NX28" s="341">
        <v>0</v>
      </c>
      <c r="NY28" s="345">
        <v>0</v>
      </c>
      <c r="NZ28" s="352"/>
      <c r="OA28" s="341">
        <v>0</v>
      </c>
      <c r="OB28" s="341">
        <v>0</v>
      </c>
      <c r="OC28" s="341">
        <v>0</v>
      </c>
      <c r="OD28" s="341">
        <v>390565</v>
      </c>
      <c r="OE28" s="341">
        <v>1220989</v>
      </c>
      <c r="OF28" s="345">
        <v>1611554</v>
      </c>
      <c r="OG28" s="347">
        <v>1611554</v>
      </c>
      <c r="OH28" s="344">
        <v>2796187</v>
      </c>
      <c r="OI28" s="341">
        <v>5608996</v>
      </c>
      <c r="OJ28" s="342">
        <v>8405183</v>
      </c>
      <c r="OK28" s="348">
        <v>0</v>
      </c>
      <c r="OL28" s="341">
        <v>67278074</v>
      </c>
      <c r="OM28" s="341">
        <v>82390826</v>
      </c>
      <c r="ON28" s="341">
        <v>84326448</v>
      </c>
      <c r="OO28" s="341">
        <v>106581366</v>
      </c>
      <c r="OP28" s="341">
        <v>75759211</v>
      </c>
      <c r="OQ28" s="345">
        <v>416335925</v>
      </c>
      <c r="OR28" s="351">
        <v>424741108</v>
      </c>
    </row>
    <row r="29" spans="1:408" ht="18.75" customHeight="1" x14ac:dyDescent="0.2">
      <c r="A29" s="61" t="s">
        <v>24</v>
      </c>
      <c r="B29" s="318">
        <v>2748691</v>
      </c>
      <c r="C29" s="319">
        <v>3047120</v>
      </c>
      <c r="D29" s="320">
        <v>5795811</v>
      </c>
      <c r="E29" s="321">
        <v>0</v>
      </c>
      <c r="F29" s="319">
        <v>25140465</v>
      </c>
      <c r="G29" s="319">
        <v>27594462</v>
      </c>
      <c r="H29" s="319">
        <v>21604245</v>
      </c>
      <c r="I29" s="319">
        <v>21710046</v>
      </c>
      <c r="J29" s="319">
        <v>19532215</v>
      </c>
      <c r="K29" s="358">
        <v>115581433</v>
      </c>
      <c r="L29" s="322">
        <v>121377244</v>
      </c>
      <c r="M29" s="318">
        <v>638226</v>
      </c>
      <c r="N29" s="319">
        <v>730875</v>
      </c>
      <c r="O29" s="320">
        <v>1369101</v>
      </c>
      <c r="P29" s="318">
        <v>0</v>
      </c>
      <c r="Q29" s="319">
        <v>6152650</v>
      </c>
      <c r="R29" s="319">
        <v>6424858</v>
      </c>
      <c r="S29" s="319">
        <v>5931868</v>
      </c>
      <c r="T29" s="319">
        <v>7804268</v>
      </c>
      <c r="U29" s="319">
        <v>9511781</v>
      </c>
      <c r="V29" s="320">
        <v>35825425</v>
      </c>
      <c r="W29" s="322">
        <v>37194526</v>
      </c>
      <c r="X29" s="318">
        <v>0</v>
      </c>
      <c r="Y29" s="319">
        <v>0</v>
      </c>
      <c r="Z29" s="320">
        <v>0</v>
      </c>
      <c r="AA29" s="318">
        <v>0</v>
      </c>
      <c r="AB29" s="319">
        <v>2351161</v>
      </c>
      <c r="AC29" s="319">
        <v>2444280</v>
      </c>
      <c r="AD29" s="319">
        <v>2972723</v>
      </c>
      <c r="AE29" s="319">
        <v>3958764</v>
      </c>
      <c r="AF29" s="319">
        <v>5627003</v>
      </c>
      <c r="AG29" s="320">
        <v>17353931</v>
      </c>
      <c r="AH29" s="322">
        <v>17353931</v>
      </c>
      <c r="AI29" s="318">
        <v>0</v>
      </c>
      <c r="AJ29" s="319">
        <v>0</v>
      </c>
      <c r="AK29" s="320">
        <v>0</v>
      </c>
      <c r="AL29" s="318">
        <v>0</v>
      </c>
      <c r="AM29" s="319">
        <v>0</v>
      </c>
      <c r="AN29" s="319">
        <v>97783</v>
      </c>
      <c r="AO29" s="319">
        <v>266294</v>
      </c>
      <c r="AP29" s="319">
        <v>595164</v>
      </c>
      <c r="AQ29" s="319">
        <v>1031468</v>
      </c>
      <c r="AR29" s="320">
        <v>1990709</v>
      </c>
      <c r="AS29" s="322">
        <v>1990709</v>
      </c>
      <c r="AT29" s="318">
        <v>307664</v>
      </c>
      <c r="AU29" s="319">
        <v>497929</v>
      </c>
      <c r="AV29" s="320">
        <v>805593</v>
      </c>
      <c r="AW29" s="318">
        <v>0</v>
      </c>
      <c r="AX29" s="319">
        <v>2736583</v>
      </c>
      <c r="AY29" s="319">
        <v>2608776</v>
      </c>
      <c r="AZ29" s="319">
        <v>1683685</v>
      </c>
      <c r="BA29" s="319">
        <v>1943940</v>
      </c>
      <c r="BB29" s="319">
        <v>1615687</v>
      </c>
      <c r="BC29" s="320">
        <v>10588671</v>
      </c>
      <c r="BD29" s="322">
        <v>11394264</v>
      </c>
      <c r="BE29" s="318">
        <v>73504</v>
      </c>
      <c r="BF29" s="319">
        <v>97269</v>
      </c>
      <c r="BG29" s="323">
        <v>170773</v>
      </c>
      <c r="BH29" s="324">
        <v>0</v>
      </c>
      <c r="BI29" s="319">
        <v>176355</v>
      </c>
      <c r="BJ29" s="319">
        <v>158107</v>
      </c>
      <c r="BK29" s="319">
        <v>118980</v>
      </c>
      <c r="BL29" s="319">
        <v>205950</v>
      </c>
      <c r="BM29" s="319">
        <v>283899</v>
      </c>
      <c r="BN29" s="320">
        <v>943291</v>
      </c>
      <c r="BO29" s="322">
        <v>1114064</v>
      </c>
      <c r="BP29" s="318">
        <v>257058</v>
      </c>
      <c r="BQ29" s="319">
        <v>135677</v>
      </c>
      <c r="BR29" s="320">
        <v>392735</v>
      </c>
      <c r="BS29" s="318">
        <v>0</v>
      </c>
      <c r="BT29" s="319">
        <v>888551</v>
      </c>
      <c r="BU29" s="319">
        <v>1115912</v>
      </c>
      <c r="BV29" s="319">
        <v>890186</v>
      </c>
      <c r="BW29" s="319">
        <v>1100450</v>
      </c>
      <c r="BX29" s="319">
        <v>953724</v>
      </c>
      <c r="BY29" s="320">
        <v>4948823</v>
      </c>
      <c r="BZ29" s="322">
        <v>5341558</v>
      </c>
      <c r="CA29" s="318">
        <v>327132</v>
      </c>
      <c r="CB29" s="319">
        <v>630512</v>
      </c>
      <c r="CC29" s="320">
        <v>957644</v>
      </c>
      <c r="CD29" s="318">
        <v>0</v>
      </c>
      <c r="CE29" s="319">
        <v>7684295</v>
      </c>
      <c r="CF29" s="319">
        <v>7465949</v>
      </c>
      <c r="CG29" s="319">
        <v>4829294</v>
      </c>
      <c r="CH29" s="319">
        <v>2909497</v>
      </c>
      <c r="CI29" s="319">
        <v>1545573</v>
      </c>
      <c r="CJ29" s="320">
        <v>24434608</v>
      </c>
      <c r="CK29" s="322">
        <v>25392252</v>
      </c>
      <c r="CL29" s="318">
        <v>0</v>
      </c>
      <c r="CM29" s="319">
        <v>0</v>
      </c>
      <c r="CN29" s="320">
        <v>0</v>
      </c>
      <c r="CO29" s="324">
        <v>0</v>
      </c>
      <c r="CP29" s="319">
        <v>5164416</v>
      </c>
      <c r="CQ29" s="319">
        <v>5513230</v>
      </c>
      <c r="CR29" s="319">
        <v>3396280</v>
      </c>
      <c r="CS29" s="319">
        <v>1720215</v>
      </c>
      <c r="CT29" s="319">
        <v>601300</v>
      </c>
      <c r="CU29" s="320">
        <v>16395441</v>
      </c>
      <c r="CV29" s="322">
        <v>16395441</v>
      </c>
      <c r="CW29" s="318">
        <v>327132</v>
      </c>
      <c r="CX29" s="319">
        <v>630512</v>
      </c>
      <c r="CY29" s="320">
        <v>957644</v>
      </c>
      <c r="CZ29" s="318">
        <v>0</v>
      </c>
      <c r="DA29" s="319">
        <v>2519879</v>
      </c>
      <c r="DB29" s="319">
        <v>1952719</v>
      </c>
      <c r="DC29" s="319">
        <v>1433014</v>
      </c>
      <c r="DD29" s="319">
        <v>1189282</v>
      </c>
      <c r="DE29" s="319">
        <v>944273</v>
      </c>
      <c r="DF29" s="320">
        <v>8039167</v>
      </c>
      <c r="DG29" s="322">
        <v>8996811</v>
      </c>
      <c r="DH29" s="318">
        <v>0</v>
      </c>
      <c r="DI29" s="319">
        <v>69793</v>
      </c>
      <c r="DJ29" s="323">
        <v>69793</v>
      </c>
      <c r="DK29" s="324">
        <v>0</v>
      </c>
      <c r="DL29" s="319">
        <v>878632</v>
      </c>
      <c r="DM29" s="319">
        <v>1811806</v>
      </c>
      <c r="DN29" s="319">
        <v>2969970</v>
      </c>
      <c r="DO29" s="319">
        <v>1245290</v>
      </c>
      <c r="DP29" s="319">
        <v>1280069</v>
      </c>
      <c r="DQ29" s="320">
        <v>8185767</v>
      </c>
      <c r="DR29" s="322">
        <v>8255560</v>
      </c>
      <c r="DS29" s="318">
        <v>0</v>
      </c>
      <c r="DT29" s="319">
        <v>69793</v>
      </c>
      <c r="DU29" s="320">
        <v>69793</v>
      </c>
      <c r="DV29" s="318">
        <v>0</v>
      </c>
      <c r="DW29" s="319">
        <v>792414</v>
      </c>
      <c r="DX29" s="319">
        <v>1811806</v>
      </c>
      <c r="DY29" s="319">
        <v>2900287</v>
      </c>
      <c r="DZ29" s="319">
        <v>1199540</v>
      </c>
      <c r="EA29" s="319">
        <v>1280069</v>
      </c>
      <c r="EB29" s="320">
        <v>7984116</v>
      </c>
      <c r="EC29" s="322">
        <v>8053909</v>
      </c>
      <c r="ED29" s="318">
        <v>0</v>
      </c>
      <c r="EE29" s="323">
        <v>0</v>
      </c>
      <c r="EF29" s="320">
        <v>0</v>
      </c>
      <c r="EG29" s="318">
        <v>0</v>
      </c>
      <c r="EH29" s="319">
        <v>86218</v>
      </c>
      <c r="EI29" s="319">
        <v>0</v>
      </c>
      <c r="EJ29" s="319">
        <v>69683</v>
      </c>
      <c r="EK29" s="319">
        <v>45750</v>
      </c>
      <c r="EL29" s="319">
        <v>0</v>
      </c>
      <c r="EM29" s="323">
        <v>201651</v>
      </c>
      <c r="EN29" s="322">
        <v>201651</v>
      </c>
      <c r="EO29" s="318">
        <v>0</v>
      </c>
      <c r="EP29" s="319">
        <v>0</v>
      </c>
      <c r="EQ29" s="323">
        <v>0</v>
      </c>
      <c r="ER29" s="324">
        <v>0</v>
      </c>
      <c r="ES29" s="319">
        <v>0</v>
      </c>
      <c r="ET29" s="319">
        <v>0</v>
      </c>
      <c r="EU29" s="319">
        <v>0</v>
      </c>
      <c r="EV29" s="319">
        <v>0</v>
      </c>
      <c r="EW29" s="319">
        <v>0</v>
      </c>
      <c r="EX29" s="320">
        <v>0</v>
      </c>
      <c r="EY29" s="322">
        <v>0</v>
      </c>
      <c r="EZ29" s="318">
        <v>0</v>
      </c>
      <c r="FA29" s="319">
        <v>0</v>
      </c>
      <c r="FB29" s="323">
        <v>0</v>
      </c>
      <c r="FC29" s="346"/>
      <c r="FD29" s="319">
        <v>0</v>
      </c>
      <c r="FE29" s="319">
        <v>0</v>
      </c>
      <c r="FF29" s="319">
        <v>0</v>
      </c>
      <c r="FG29" s="319">
        <v>0</v>
      </c>
      <c r="FH29" s="319">
        <v>0</v>
      </c>
      <c r="FI29" s="320">
        <v>0</v>
      </c>
      <c r="FJ29" s="322">
        <v>0</v>
      </c>
      <c r="FK29" s="318">
        <v>441974</v>
      </c>
      <c r="FL29" s="319">
        <v>610166</v>
      </c>
      <c r="FM29" s="320">
        <v>1052140</v>
      </c>
      <c r="FN29" s="318">
        <v>0</v>
      </c>
      <c r="FO29" s="319">
        <v>1851964</v>
      </c>
      <c r="FP29" s="319">
        <v>2580376</v>
      </c>
      <c r="FQ29" s="319">
        <v>1530783</v>
      </c>
      <c r="FR29" s="319">
        <v>1337319</v>
      </c>
      <c r="FS29" s="319">
        <v>1686953</v>
      </c>
      <c r="FT29" s="320">
        <v>8987395</v>
      </c>
      <c r="FU29" s="322">
        <v>10039535</v>
      </c>
      <c r="FV29" s="326">
        <v>305118</v>
      </c>
      <c r="FW29" s="319">
        <v>366721</v>
      </c>
      <c r="FX29" s="323">
        <v>671839</v>
      </c>
      <c r="FY29" s="324">
        <v>0</v>
      </c>
      <c r="FZ29" s="319">
        <v>1078544</v>
      </c>
      <c r="GA29" s="319">
        <v>2257096</v>
      </c>
      <c r="GB29" s="319">
        <v>1253081</v>
      </c>
      <c r="GC29" s="319">
        <v>1337319</v>
      </c>
      <c r="GD29" s="319">
        <v>1635023</v>
      </c>
      <c r="GE29" s="320">
        <v>7561063</v>
      </c>
      <c r="GF29" s="327">
        <v>8232902</v>
      </c>
      <c r="GG29" s="326">
        <v>52056</v>
      </c>
      <c r="GH29" s="319">
        <v>13365</v>
      </c>
      <c r="GI29" s="323">
        <v>65421</v>
      </c>
      <c r="GJ29" s="324">
        <v>0</v>
      </c>
      <c r="GK29" s="319">
        <v>164620</v>
      </c>
      <c r="GL29" s="319">
        <v>35280</v>
      </c>
      <c r="GM29" s="319">
        <v>74602</v>
      </c>
      <c r="GN29" s="319">
        <v>0</v>
      </c>
      <c r="GO29" s="319">
        <v>35730</v>
      </c>
      <c r="GP29" s="320">
        <v>310232</v>
      </c>
      <c r="GQ29" s="322">
        <v>375653</v>
      </c>
      <c r="GR29" s="318">
        <v>84800</v>
      </c>
      <c r="GS29" s="319">
        <v>230080</v>
      </c>
      <c r="GT29" s="320">
        <v>314880</v>
      </c>
      <c r="GU29" s="318">
        <v>0</v>
      </c>
      <c r="GV29" s="319">
        <v>608800</v>
      </c>
      <c r="GW29" s="319">
        <v>288000</v>
      </c>
      <c r="GX29" s="319">
        <v>203100</v>
      </c>
      <c r="GY29" s="319">
        <v>0</v>
      </c>
      <c r="GZ29" s="319">
        <v>16200</v>
      </c>
      <c r="HA29" s="323">
        <v>1116100</v>
      </c>
      <c r="HB29" s="322">
        <v>1430980</v>
      </c>
      <c r="HC29" s="318">
        <v>708081</v>
      </c>
      <c r="HD29" s="319">
        <v>452959</v>
      </c>
      <c r="HE29" s="323">
        <v>1161040</v>
      </c>
      <c r="HF29" s="324">
        <v>0</v>
      </c>
      <c r="HG29" s="319">
        <v>4324349</v>
      </c>
      <c r="HH29" s="319">
        <v>6661716</v>
      </c>
      <c r="HI29" s="319">
        <v>4156195</v>
      </c>
      <c r="HJ29" s="319">
        <v>7185890</v>
      </c>
      <c r="HK29" s="319">
        <v>4452591</v>
      </c>
      <c r="HL29" s="320">
        <v>26780741</v>
      </c>
      <c r="HM29" s="321">
        <v>27941781</v>
      </c>
      <c r="HN29" s="326">
        <v>633278</v>
      </c>
      <c r="HO29" s="319">
        <v>552815</v>
      </c>
      <c r="HP29" s="320">
        <v>1186093</v>
      </c>
      <c r="HQ29" s="318">
        <v>0</v>
      </c>
      <c r="HR29" s="319">
        <v>4248575</v>
      </c>
      <c r="HS29" s="319">
        <v>2649757</v>
      </c>
      <c r="HT29" s="319">
        <v>2186135</v>
      </c>
      <c r="HU29" s="319">
        <v>1227782</v>
      </c>
      <c r="HV29" s="319">
        <v>1055248</v>
      </c>
      <c r="HW29" s="323">
        <v>11367497</v>
      </c>
      <c r="HX29" s="322">
        <v>12553590</v>
      </c>
      <c r="HY29" s="328">
        <v>310518</v>
      </c>
      <c r="HZ29" s="329">
        <v>641803</v>
      </c>
      <c r="IA29" s="330">
        <v>952321</v>
      </c>
      <c r="IB29" s="353">
        <v>0</v>
      </c>
      <c r="IC29" s="329">
        <v>7302542</v>
      </c>
      <c r="ID29" s="354">
        <v>4226196</v>
      </c>
      <c r="IE29" s="330">
        <v>7948549</v>
      </c>
      <c r="IF29" s="329">
        <v>3500666</v>
      </c>
      <c r="IG29" s="330">
        <v>2340930</v>
      </c>
      <c r="IH29" s="355">
        <v>25318883</v>
      </c>
      <c r="II29" s="336">
        <v>26271204</v>
      </c>
      <c r="IJ29" s="337">
        <v>0</v>
      </c>
      <c r="IK29" s="338">
        <v>0</v>
      </c>
      <c r="IL29" s="339">
        <v>0</v>
      </c>
      <c r="IM29" s="346"/>
      <c r="IN29" s="341">
        <v>138284</v>
      </c>
      <c r="IO29" s="341">
        <v>108428</v>
      </c>
      <c r="IP29" s="341">
        <v>544579</v>
      </c>
      <c r="IQ29" s="341">
        <v>0</v>
      </c>
      <c r="IR29" s="341">
        <v>329893</v>
      </c>
      <c r="IS29" s="342">
        <v>1121184</v>
      </c>
      <c r="IT29" s="343">
        <v>1121184</v>
      </c>
      <c r="IU29" s="344">
        <v>0</v>
      </c>
      <c r="IV29" s="341">
        <v>0</v>
      </c>
      <c r="IW29" s="345">
        <v>0</v>
      </c>
      <c r="IX29" s="346"/>
      <c r="IY29" s="341">
        <v>0</v>
      </c>
      <c r="IZ29" s="341">
        <v>0</v>
      </c>
      <c r="JA29" s="341">
        <v>0</v>
      </c>
      <c r="JB29" s="341">
        <v>0</v>
      </c>
      <c r="JC29" s="341">
        <v>0</v>
      </c>
      <c r="JD29" s="345">
        <v>0</v>
      </c>
      <c r="JE29" s="347">
        <v>0</v>
      </c>
      <c r="JF29" s="344">
        <v>0</v>
      </c>
      <c r="JG29" s="341">
        <v>0</v>
      </c>
      <c r="JH29" s="342">
        <v>0</v>
      </c>
      <c r="JI29" s="348">
        <v>0</v>
      </c>
      <c r="JJ29" s="341">
        <v>3707157</v>
      </c>
      <c r="JK29" s="341">
        <v>1054133</v>
      </c>
      <c r="JL29" s="341">
        <v>1874953</v>
      </c>
      <c r="JM29" s="341">
        <v>811474</v>
      </c>
      <c r="JN29" s="341">
        <v>650556</v>
      </c>
      <c r="JO29" s="345">
        <v>8098273</v>
      </c>
      <c r="JP29" s="343">
        <v>8098273</v>
      </c>
      <c r="JQ29" s="344">
        <v>0</v>
      </c>
      <c r="JR29" s="341">
        <v>0</v>
      </c>
      <c r="JS29" s="342">
        <v>0</v>
      </c>
      <c r="JT29" s="348">
        <v>0</v>
      </c>
      <c r="JU29" s="341">
        <v>936753</v>
      </c>
      <c r="JV29" s="341">
        <v>590308</v>
      </c>
      <c r="JW29" s="341">
        <v>536158</v>
      </c>
      <c r="JX29" s="341">
        <v>221044</v>
      </c>
      <c r="JY29" s="341">
        <v>312382</v>
      </c>
      <c r="JZ29" s="345">
        <v>2596645</v>
      </c>
      <c r="KA29" s="343">
        <v>2596645</v>
      </c>
      <c r="KB29" s="349">
        <v>310518</v>
      </c>
      <c r="KC29" s="350">
        <v>641803</v>
      </c>
      <c r="KD29" s="345">
        <v>952321</v>
      </c>
      <c r="KE29" s="348">
        <v>0</v>
      </c>
      <c r="KF29" s="341">
        <v>2038309</v>
      </c>
      <c r="KG29" s="341">
        <v>1716144</v>
      </c>
      <c r="KH29" s="341">
        <v>1738012</v>
      </c>
      <c r="KI29" s="341">
        <v>1088224</v>
      </c>
      <c r="KJ29" s="341">
        <v>303109</v>
      </c>
      <c r="KK29" s="345">
        <v>6883798</v>
      </c>
      <c r="KL29" s="351">
        <v>7836119</v>
      </c>
      <c r="KM29" s="337">
        <v>0</v>
      </c>
      <c r="KN29" s="338">
        <v>0</v>
      </c>
      <c r="KO29" s="339">
        <v>0</v>
      </c>
      <c r="KP29" s="352"/>
      <c r="KQ29" s="341">
        <v>482039</v>
      </c>
      <c r="KR29" s="341">
        <v>757183</v>
      </c>
      <c r="KS29" s="341">
        <v>3254847</v>
      </c>
      <c r="KT29" s="341">
        <v>1379924</v>
      </c>
      <c r="KU29" s="341">
        <v>744990</v>
      </c>
      <c r="KV29" s="345">
        <v>6618983</v>
      </c>
      <c r="KW29" s="343">
        <v>6618983</v>
      </c>
      <c r="KX29" s="344">
        <v>0</v>
      </c>
      <c r="KY29" s="341">
        <v>0</v>
      </c>
      <c r="KZ29" s="345">
        <v>0</v>
      </c>
      <c r="LA29" s="352"/>
      <c r="LB29" s="341">
        <v>0</v>
      </c>
      <c r="LC29" s="341">
        <v>0</v>
      </c>
      <c r="LD29" s="341">
        <v>0</v>
      </c>
      <c r="LE29" s="341">
        <v>0</v>
      </c>
      <c r="LF29" s="341">
        <v>0</v>
      </c>
      <c r="LG29" s="345">
        <v>0</v>
      </c>
      <c r="LH29" s="347">
        <v>0</v>
      </c>
      <c r="LI29" s="344">
        <v>0</v>
      </c>
      <c r="LJ29" s="341">
        <v>0</v>
      </c>
      <c r="LK29" s="345">
        <v>0</v>
      </c>
      <c r="LL29" s="352"/>
      <c r="LM29" s="341">
        <v>0</v>
      </c>
      <c r="LN29" s="341">
        <v>0</v>
      </c>
      <c r="LO29" s="341">
        <v>0</v>
      </c>
      <c r="LP29" s="341">
        <v>0</v>
      </c>
      <c r="LQ29" s="341">
        <v>0</v>
      </c>
      <c r="LR29" s="345">
        <v>0</v>
      </c>
      <c r="LS29" s="343">
        <v>0</v>
      </c>
      <c r="LT29" s="344">
        <v>0</v>
      </c>
      <c r="LU29" s="341">
        <v>0</v>
      </c>
      <c r="LV29" s="345">
        <v>0</v>
      </c>
      <c r="LW29" s="352"/>
      <c r="LX29" s="341">
        <v>0</v>
      </c>
      <c r="LY29" s="341">
        <v>0</v>
      </c>
      <c r="LZ29" s="341">
        <v>0</v>
      </c>
      <c r="MA29" s="341">
        <v>0</v>
      </c>
      <c r="MB29" s="341">
        <v>0</v>
      </c>
      <c r="MC29" s="345">
        <v>0</v>
      </c>
      <c r="MD29" s="347">
        <v>0</v>
      </c>
      <c r="ME29" s="344">
        <v>0</v>
      </c>
      <c r="MF29" s="341">
        <v>0</v>
      </c>
      <c r="MG29" s="345">
        <v>0</v>
      </c>
      <c r="MH29" s="352"/>
      <c r="MI29" s="341">
        <v>3366368</v>
      </c>
      <c r="MJ29" s="341">
        <v>6884827</v>
      </c>
      <c r="MK29" s="341">
        <v>14068086</v>
      </c>
      <c r="ML29" s="341">
        <v>27501496</v>
      </c>
      <c r="MM29" s="341">
        <v>20698267</v>
      </c>
      <c r="MN29" s="345">
        <v>72519044</v>
      </c>
      <c r="MO29" s="351">
        <v>72519044</v>
      </c>
      <c r="MP29" s="344">
        <v>0</v>
      </c>
      <c r="MQ29" s="341">
        <v>0</v>
      </c>
      <c r="MR29" s="345">
        <v>0</v>
      </c>
      <c r="MS29" s="352"/>
      <c r="MT29" s="341">
        <v>0</v>
      </c>
      <c r="MU29" s="341">
        <v>243250</v>
      </c>
      <c r="MV29" s="341">
        <v>8498251</v>
      </c>
      <c r="MW29" s="341">
        <v>19494509</v>
      </c>
      <c r="MX29" s="341">
        <v>16611131</v>
      </c>
      <c r="MY29" s="345">
        <v>44847141</v>
      </c>
      <c r="MZ29" s="351">
        <v>44847141</v>
      </c>
      <c r="NA29" s="344">
        <v>0</v>
      </c>
      <c r="NB29" s="341">
        <v>0</v>
      </c>
      <c r="NC29" s="345">
        <v>0</v>
      </c>
      <c r="ND29" s="352"/>
      <c r="NE29" s="341">
        <v>3366368</v>
      </c>
      <c r="NF29" s="341">
        <v>6641577</v>
      </c>
      <c r="NG29" s="341">
        <v>5569835</v>
      </c>
      <c r="NH29" s="341">
        <v>8006987</v>
      </c>
      <c r="NI29" s="341">
        <v>3774911</v>
      </c>
      <c r="NJ29" s="345">
        <v>27359678</v>
      </c>
      <c r="NK29" s="343">
        <v>27359678</v>
      </c>
      <c r="NL29" s="344">
        <v>0</v>
      </c>
      <c r="NM29" s="341">
        <v>0</v>
      </c>
      <c r="NN29" s="345">
        <v>0</v>
      </c>
      <c r="NO29" s="352"/>
      <c r="NP29" s="341">
        <v>0</v>
      </c>
      <c r="NQ29" s="341">
        <v>0</v>
      </c>
      <c r="NR29" s="341">
        <v>0</v>
      </c>
      <c r="NS29" s="341">
        <v>0</v>
      </c>
      <c r="NT29" s="341">
        <v>312225</v>
      </c>
      <c r="NU29" s="345">
        <v>312225</v>
      </c>
      <c r="NV29" s="347">
        <v>312225</v>
      </c>
      <c r="NW29" s="344">
        <v>0</v>
      </c>
      <c r="NX29" s="341">
        <v>0</v>
      </c>
      <c r="NY29" s="345">
        <v>0</v>
      </c>
      <c r="NZ29" s="352"/>
      <c r="OA29" s="341">
        <v>0</v>
      </c>
      <c r="OB29" s="341">
        <v>0</v>
      </c>
      <c r="OC29" s="341">
        <v>0</v>
      </c>
      <c r="OD29" s="341">
        <v>0</v>
      </c>
      <c r="OE29" s="341">
        <v>0</v>
      </c>
      <c r="OF29" s="345">
        <v>0</v>
      </c>
      <c r="OG29" s="347">
        <v>0</v>
      </c>
      <c r="OH29" s="344">
        <v>3059209</v>
      </c>
      <c r="OI29" s="341">
        <v>3688923</v>
      </c>
      <c r="OJ29" s="342">
        <v>6748132</v>
      </c>
      <c r="OK29" s="348">
        <v>0</v>
      </c>
      <c r="OL29" s="341">
        <v>35809375</v>
      </c>
      <c r="OM29" s="341">
        <v>38705485</v>
      </c>
      <c r="ON29" s="341">
        <v>43620880</v>
      </c>
      <c r="OO29" s="341">
        <v>52712208</v>
      </c>
      <c r="OP29" s="341">
        <v>42571412</v>
      </c>
      <c r="OQ29" s="345">
        <v>213419360</v>
      </c>
      <c r="OR29" s="351">
        <v>220167492</v>
      </c>
    </row>
    <row r="30" spans="1:408" ht="18.75" customHeight="1" x14ac:dyDescent="0.2">
      <c r="A30" s="61" t="s">
        <v>25</v>
      </c>
      <c r="B30" s="318">
        <v>1554829</v>
      </c>
      <c r="C30" s="319">
        <v>3681211</v>
      </c>
      <c r="D30" s="320">
        <v>5236040</v>
      </c>
      <c r="E30" s="321">
        <v>0</v>
      </c>
      <c r="F30" s="319">
        <v>29549575</v>
      </c>
      <c r="G30" s="319">
        <v>28927247</v>
      </c>
      <c r="H30" s="319">
        <v>20391999</v>
      </c>
      <c r="I30" s="319">
        <v>26313367</v>
      </c>
      <c r="J30" s="319">
        <v>18746833</v>
      </c>
      <c r="K30" s="358">
        <v>123929021</v>
      </c>
      <c r="L30" s="322">
        <v>129165061</v>
      </c>
      <c r="M30" s="318">
        <v>379769</v>
      </c>
      <c r="N30" s="319">
        <v>895969</v>
      </c>
      <c r="O30" s="320">
        <v>1275738</v>
      </c>
      <c r="P30" s="318">
        <v>0</v>
      </c>
      <c r="Q30" s="319">
        <v>7487299</v>
      </c>
      <c r="R30" s="319">
        <v>7133136</v>
      </c>
      <c r="S30" s="319">
        <v>6594467</v>
      </c>
      <c r="T30" s="319">
        <v>8754100</v>
      </c>
      <c r="U30" s="319">
        <v>10884141</v>
      </c>
      <c r="V30" s="320">
        <v>40853143</v>
      </c>
      <c r="W30" s="322">
        <v>42128881</v>
      </c>
      <c r="X30" s="318">
        <v>0</v>
      </c>
      <c r="Y30" s="319">
        <v>0</v>
      </c>
      <c r="Z30" s="320">
        <v>0</v>
      </c>
      <c r="AA30" s="318">
        <v>0</v>
      </c>
      <c r="AB30" s="319">
        <v>3983679</v>
      </c>
      <c r="AC30" s="319">
        <v>3591630</v>
      </c>
      <c r="AD30" s="319">
        <v>4140523</v>
      </c>
      <c r="AE30" s="319">
        <v>5512345</v>
      </c>
      <c r="AF30" s="319">
        <v>6242967</v>
      </c>
      <c r="AG30" s="320">
        <v>23471144</v>
      </c>
      <c r="AH30" s="322">
        <v>23471144</v>
      </c>
      <c r="AI30" s="318">
        <v>0</v>
      </c>
      <c r="AJ30" s="319">
        <v>0</v>
      </c>
      <c r="AK30" s="320">
        <v>0</v>
      </c>
      <c r="AL30" s="318">
        <v>0</v>
      </c>
      <c r="AM30" s="319">
        <v>141944</v>
      </c>
      <c r="AN30" s="319">
        <v>282148</v>
      </c>
      <c r="AO30" s="319">
        <v>224229</v>
      </c>
      <c r="AP30" s="319">
        <v>1024532</v>
      </c>
      <c r="AQ30" s="319">
        <v>1750823</v>
      </c>
      <c r="AR30" s="320">
        <v>3423676</v>
      </c>
      <c r="AS30" s="322">
        <v>3423676</v>
      </c>
      <c r="AT30" s="318">
        <v>274859</v>
      </c>
      <c r="AU30" s="319">
        <v>632499</v>
      </c>
      <c r="AV30" s="320">
        <v>907358</v>
      </c>
      <c r="AW30" s="318">
        <v>0</v>
      </c>
      <c r="AX30" s="319">
        <v>2290254</v>
      </c>
      <c r="AY30" s="319">
        <v>2316472</v>
      </c>
      <c r="AZ30" s="319">
        <v>1365084</v>
      </c>
      <c r="BA30" s="319">
        <v>1497996</v>
      </c>
      <c r="BB30" s="319">
        <v>2118118</v>
      </c>
      <c r="BC30" s="320">
        <v>9587924</v>
      </c>
      <c r="BD30" s="322">
        <v>10495282</v>
      </c>
      <c r="BE30" s="318">
        <v>65380</v>
      </c>
      <c r="BF30" s="319">
        <v>131422</v>
      </c>
      <c r="BG30" s="323">
        <v>196802</v>
      </c>
      <c r="BH30" s="324">
        <v>0</v>
      </c>
      <c r="BI30" s="319">
        <v>101073</v>
      </c>
      <c r="BJ30" s="319">
        <v>213703</v>
      </c>
      <c r="BK30" s="319">
        <v>281975</v>
      </c>
      <c r="BL30" s="319">
        <v>63086</v>
      </c>
      <c r="BM30" s="319">
        <v>177034</v>
      </c>
      <c r="BN30" s="320">
        <v>836871</v>
      </c>
      <c r="BO30" s="322">
        <v>1033673</v>
      </c>
      <c r="BP30" s="318">
        <v>39530</v>
      </c>
      <c r="BQ30" s="319">
        <v>132048</v>
      </c>
      <c r="BR30" s="320">
        <v>171578</v>
      </c>
      <c r="BS30" s="318">
        <v>0</v>
      </c>
      <c r="BT30" s="319">
        <v>970349</v>
      </c>
      <c r="BU30" s="319">
        <v>729183</v>
      </c>
      <c r="BV30" s="319">
        <v>582656</v>
      </c>
      <c r="BW30" s="319">
        <v>656141</v>
      </c>
      <c r="BX30" s="319">
        <v>595199</v>
      </c>
      <c r="BY30" s="320">
        <v>3533528</v>
      </c>
      <c r="BZ30" s="322">
        <v>3705106</v>
      </c>
      <c r="CA30" s="318">
        <v>90638</v>
      </c>
      <c r="CB30" s="319">
        <v>579281</v>
      </c>
      <c r="CC30" s="320">
        <v>669919</v>
      </c>
      <c r="CD30" s="318">
        <v>0</v>
      </c>
      <c r="CE30" s="319">
        <v>11529192</v>
      </c>
      <c r="CF30" s="319">
        <v>10796765</v>
      </c>
      <c r="CG30" s="319">
        <v>6222379</v>
      </c>
      <c r="CH30" s="319">
        <v>7593507</v>
      </c>
      <c r="CI30" s="319">
        <v>1730748</v>
      </c>
      <c r="CJ30" s="320">
        <v>37872591</v>
      </c>
      <c r="CK30" s="322">
        <v>38542510</v>
      </c>
      <c r="CL30" s="318">
        <v>0</v>
      </c>
      <c r="CM30" s="319">
        <v>0</v>
      </c>
      <c r="CN30" s="320">
        <v>0</v>
      </c>
      <c r="CO30" s="324">
        <v>0</v>
      </c>
      <c r="CP30" s="319">
        <v>9401001</v>
      </c>
      <c r="CQ30" s="319">
        <v>6265355</v>
      </c>
      <c r="CR30" s="319">
        <v>4169537</v>
      </c>
      <c r="CS30" s="319">
        <v>5616920</v>
      </c>
      <c r="CT30" s="319">
        <v>821630</v>
      </c>
      <c r="CU30" s="320">
        <v>26274443</v>
      </c>
      <c r="CV30" s="322">
        <v>26274443</v>
      </c>
      <c r="CW30" s="318">
        <v>90638</v>
      </c>
      <c r="CX30" s="319">
        <v>579281</v>
      </c>
      <c r="CY30" s="320">
        <v>669919</v>
      </c>
      <c r="CZ30" s="318">
        <v>0</v>
      </c>
      <c r="DA30" s="319">
        <v>2128191</v>
      </c>
      <c r="DB30" s="319">
        <v>4531410</v>
      </c>
      <c r="DC30" s="319">
        <v>2052842</v>
      </c>
      <c r="DD30" s="319">
        <v>1976587</v>
      </c>
      <c r="DE30" s="319">
        <v>909118</v>
      </c>
      <c r="DF30" s="320">
        <v>11598148</v>
      </c>
      <c r="DG30" s="322">
        <v>12268067</v>
      </c>
      <c r="DH30" s="318">
        <v>73907</v>
      </c>
      <c r="DI30" s="319">
        <v>166174</v>
      </c>
      <c r="DJ30" s="323">
        <v>240081</v>
      </c>
      <c r="DK30" s="324">
        <v>0</v>
      </c>
      <c r="DL30" s="319">
        <v>782008</v>
      </c>
      <c r="DM30" s="319">
        <v>1805460</v>
      </c>
      <c r="DN30" s="319">
        <v>1596448</v>
      </c>
      <c r="DO30" s="319">
        <v>1721016</v>
      </c>
      <c r="DP30" s="319">
        <v>942773</v>
      </c>
      <c r="DQ30" s="320">
        <v>6847705</v>
      </c>
      <c r="DR30" s="322">
        <v>7087786</v>
      </c>
      <c r="DS30" s="318">
        <v>73907</v>
      </c>
      <c r="DT30" s="319">
        <v>166174</v>
      </c>
      <c r="DU30" s="320">
        <v>240081</v>
      </c>
      <c r="DV30" s="318">
        <v>0</v>
      </c>
      <c r="DW30" s="319">
        <v>714603</v>
      </c>
      <c r="DX30" s="319">
        <v>1736438</v>
      </c>
      <c r="DY30" s="319">
        <v>1557484</v>
      </c>
      <c r="DZ30" s="319">
        <v>1206449</v>
      </c>
      <c r="EA30" s="319">
        <v>672202</v>
      </c>
      <c r="EB30" s="320">
        <v>5887176</v>
      </c>
      <c r="EC30" s="322">
        <v>6127257</v>
      </c>
      <c r="ED30" s="318">
        <v>0</v>
      </c>
      <c r="EE30" s="323">
        <v>0</v>
      </c>
      <c r="EF30" s="320">
        <v>0</v>
      </c>
      <c r="EG30" s="318">
        <v>0</v>
      </c>
      <c r="EH30" s="319">
        <v>67405</v>
      </c>
      <c r="EI30" s="319">
        <v>69022</v>
      </c>
      <c r="EJ30" s="319">
        <v>38964</v>
      </c>
      <c r="EK30" s="319">
        <v>514567</v>
      </c>
      <c r="EL30" s="319">
        <v>270571</v>
      </c>
      <c r="EM30" s="323">
        <v>960529</v>
      </c>
      <c r="EN30" s="322">
        <v>960529</v>
      </c>
      <c r="EO30" s="318">
        <v>0</v>
      </c>
      <c r="EP30" s="319">
        <v>0</v>
      </c>
      <c r="EQ30" s="323">
        <v>0</v>
      </c>
      <c r="ER30" s="324">
        <v>0</v>
      </c>
      <c r="ES30" s="319">
        <v>0</v>
      </c>
      <c r="ET30" s="319">
        <v>0</v>
      </c>
      <c r="EU30" s="319">
        <v>0</v>
      </c>
      <c r="EV30" s="319">
        <v>0</v>
      </c>
      <c r="EW30" s="319">
        <v>0</v>
      </c>
      <c r="EX30" s="320">
        <v>0</v>
      </c>
      <c r="EY30" s="322">
        <v>0</v>
      </c>
      <c r="EZ30" s="318">
        <v>0</v>
      </c>
      <c r="FA30" s="319">
        <v>0</v>
      </c>
      <c r="FB30" s="323">
        <v>0</v>
      </c>
      <c r="FC30" s="346"/>
      <c r="FD30" s="319">
        <v>0</v>
      </c>
      <c r="FE30" s="319">
        <v>0</v>
      </c>
      <c r="FF30" s="319">
        <v>0</v>
      </c>
      <c r="FG30" s="319">
        <v>0</v>
      </c>
      <c r="FH30" s="319">
        <v>0</v>
      </c>
      <c r="FI30" s="320">
        <v>0</v>
      </c>
      <c r="FJ30" s="322">
        <v>0</v>
      </c>
      <c r="FK30" s="318">
        <v>523129</v>
      </c>
      <c r="FL30" s="319">
        <v>915098</v>
      </c>
      <c r="FM30" s="320">
        <v>1438227</v>
      </c>
      <c r="FN30" s="318">
        <v>0</v>
      </c>
      <c r="FO30" s="319">
        <v>1263726</v>
      </c>
      <c r="FP30" s="319">
        <v>2603582</v>
      </c>
      <c r="FQ30" s="319">
        <v>1979192</v>
      </c>
      <c r="FR30" s="319">
        <v>2087801</v>
      </c>
      <c r="FS30" s="319">
        <v>1619172</v>
      </c>
      <c r="FT30" s="320">
        <v>9553473</v>
      </c>
      <c r="FU30" s="322">
        <v>10991700</v>
      </c>
      <c r="FV30" s="326">
        <v>359221</v>
      </c>
      <c r="FW30" s="319">
        <v>584008</v>
      </c>
      <c r="FX30" s="323">
        <v>943229</v>
      </c>
      <c r="FY30" s="324">
        <v>0</v>
      </c>
      <c r="FZ30" s="319">
        <v>811746</v>
      </c>
      <c r="GA30" s="319">
        <v>2220353</v>
      </c>
      <c r="GB30" s="319">
        <v>1779788</v>
      </c>
      <c r="GC30" s="319">
        <v>2014797</v>
      </c>
      <c r="GD30" s="319">
        <v>1605852</v>
      </c>
      <c r="GE30" s="320">
        <v>8432536</v>
      </c>
      <c r="GF30" s="327">
        <v>9375765</v>
      </c>
      <c r="GG30" s="326">
        <v>86688</v>
      </c>
      <c r="GH30" s="319">
        <v>17290</v>
      </c>
      <c r="GI30" s="323">
        <v>103978</v>
      </c>
      <c r="GJ30" s="324">
        <v>0</v>
      </c>
      <c r="GK30" s="319">
        <v>91980</v>
      </c>
      <c r="GL30" s="319">
        <v>46629</v>
      </c>
      <c r="GM30" s="319">
        <v>76104</v>
      </c>
      <c r="GN30" s="319">
        <v>73004</v>
      </c>
      <c r="GO30" s="319">
        <v>13320</v>
      </c>
      <c r="GP30" s="320">
        <v>301037</v>
      </c>
      <c r="GQ30" s="322">
        <v>405015</v>
      </c>
      <c r="GR30" s="318">
        <v>77220</v>
      </c>
      <c r="GS30" s="319">
        <v>313800</v>
      </c>
      <c r="GT30" s="320">
        <v>391020</v>
      </c>
      <c r="GU30" s="318">
        <v>0</v>
      </c>
      <c r="GV30" s="319">
        <v>360000</v>
      </c>
      <c r="GW30" s="319">
        <v>336600</v>
      </c>
      <c r="GX30" s="319">
        <v>123300</v>
      </c>
      <c r="GY30" s="319">
        <v>0</v>
      </c>
      <c r="GZ30" s="319">
        <v>0</v>
      </c>
      <c r="HA30" s="323">
        <v>819900</v>
      </c>
      <c r="HB30" s="322">
        <v>1210920</v>
      </c>
      <c r="HC30" s="318">
        <v>116665</v>
      </c>
      <c r="HD30" s="319">
        <v>489829</v>
      </c>
      <c r="HE30" s="323">
        <v>606494</v>
      </c>
      <c r="HF30" s="324">
        <v>0</v>
      </c>
      <c r="HG30" s="319">
        <v>3795873</v>
      </c>
      <c r="HH30" s="319">
        <v>3427496</v>
      </c>
      <c r="HI30" s="319">
        <v>1897861</v>
      </c>
      <c r="HJ30" s="319">
        <v>4006556</v>
      </c>
      <c r="HK30" s="319">
        <v>2488523</v>
      </c>
      <c r="HL30" s="320">
        <v>15616309</v>
      </c>
      <c r="HM30" s="321">
        <v>16222803</v>
      </c>
      <c r="HN30" s="326">
        <v>370721</v>
      </c>
      <c r="HO30" s="319">
        <v>634860</v>
      </c>
      <c r="HP30" s="320">
        <v>1005581</v>
      </c>
      <c r="HQ30" s="318">
        <v>0</v>
      </c>
      <c r="HR30" s="319">
        <v>4691477</v>
      </c>
      <c r="HS30" s="319">
        <v>3160808</v>
      </c>
      <c r="HT30" s="319">
        <v>2101652</v>
      </c>
      <c r="HU30" s="319">
        <v>2150387</v>
      </c>
      <c r="HV30" s="319">
        <v>1081476</v>
      </c>
      <c r="HW30" s="323">
        <v>13185800</v>
      </c>
      <c r="HX30" s="322">
        <v>14191381</v>
      </c>
      <c r="HY30" s="357">
        <v>0</v>
      </c>
      <c r="HZ30" s="332">
        <v>0</v>
      </c>
      <c r="IA30" s="357">
        <v>0</v>
      </c>
      <c r="IB30" s="331">
        <v>0</v>
      </c>
      <c r="IC30" s="332">
        <v>6645793</v>
      </c>
      <c r="ID30" s="333">
        <v>4628972</v>
      </c>
      <c r="IE30" s="334">
        <v>3310437</v>
      </c>
      <c r="IF30" s="332">
        <v>1897377</v>
      </c>
      <c r="IG30" s="334">
        <v>837013</v>
      </c>
      <c r="IH30" s="335">
        <v>17319592</v>
      </c>
      <c r="II30" s="357">
        <v>17319592</v>
      </c>
      <c r="IJ30" s="337">
        <v>0</v>
      </c>
      <c r="IK30" s="338">
        <v>0</v>
      </c>
      <c r="IL30" s="339">
        <v>0</v>
      </c>
      <c r="IM30" s="346"/>
      <c r="IN30" s="341">
        <v>0</v>
      </c>
      <c r="IO30" s="341">
        <v>0</v>
      </c>
      <c r="IP30" s="341">
        <v>0</v>
      </c>
      <c r="IQ30" s="341">
        <v>0</v>
      </c>
      <c r="IR30" s="341">
        <v>0</v>
      </c>
      <c r="IS30" s="342">
        <v>0</v>
      </c>
      <c r="IT30" s="343">
        <v>0</v>
      </c>
      <c r="IU30" s="344">
        <v>0</v>
      </c>
      <c r="IV30" s="341">
        <v>0</v>
      </c>
      <c r="IW30" s="345">
        <v>0</v>
      </c>
      <c r="IX30" s="346"/>
      <c r="IY30" s="341">
        <v>0</v>
      </c>
      <c r="IZ30" s="341">
        <v>0</v>
      </c>
      <c r="JA30" s="341">
        <v>0</v>
      </c>
      <c r="JB30" s="341">
        <v>0</v>
      </c>
      <c r="JC30" s="341">
        <v>0</v>
      </c>
      <c r="JD30" s="345">
        <v>0</v>
      </c>
      <c r="JE30" s="347">
        <v>0</v>
      </c>
      <c r="JF30" s="344">
        <v>0</v>
      </c>
      <c r="JG30" s="341">
        <v>0</v>
      </c>
      <c r="JH30" s="342">
        <v>0</v>
      </c>
      <c r="JI30" s="348">
        <v>0</v>
      </c>
      <c r="JJ30" s="341">
        <v>4113007</v>
      </c>
      <c r="JK30" s="341">
        <v>1849177</v>
      </c>
      <c r="JL30" s="341">
        <v>1382759</v>
      </c>
      <c r="JM30" s="341">
        <v>800269</v>
      </c>
      <c r="JN30" s="341">
        <v>126175</v>
      </c>
      <c r="JO30" s="345">
        <v>8271387</v>
      </c>
      <c r="JP30" s="343">
        <v>8271387</v>
      </c>
      <c r="JQ30" s="344">
        <v>0</v>
      </c>
      <c r="JR30" s="341">
        <v>0</v>
      </c>
      <c r="JS30" s="342">
        <v>0</v>
      </c>
      <c r="JT30" s="348">
        <v>0</v>
      </c>
      <c r="JU30" s="341">
        <v>433250</v>
      </c>
      <c r="JV30" s="341">
        <v>535089</v>
      </c>
      <c r="JW30" s="341">
        <v>0</v>
      </c>
      <c r="JX30" s="341">
        <v>0</v>
      </c>
      <c r="JY30" s="341">
        <v>199499</v>
      </c>
      <c r="JZ30" s="345">
        <v>1167838</v>
      </c>
      <c r="KA30" s="343">
        <v>1167838</v>
      </c>
      <c r="KB30" s="349">
        <v>0</v>
      </c>
      <c r="KC30" s="350">
        <v>0</v>
      </c>
      <c r="KD30" s="345">
        <v>0</v>
      </c>
      <c r="KE30" s="348">
        <v>0</v>
      </c>
      <c r="KF30" s="341">
        <v>215848</v>
      </c>
      <c r="KG30" s="341">
        <v>170739</v>
      </c>
      <c r="KH30" s="341">
        <v>838272</v>
      </c>
      <c r="KI30" s="341">
        <v>0</v>
      </c>
      <c r="KJ30" s="341">
        <v>228823</v>
      </c>
      <c r="KK30" s="345">
        <v>1453682</v>
      </c>
      <c r="KL30" s="351">
        <v>1453682</v>
      </c>
      <c r="KM30" s="337">
        <v>0</v>
      </c>
      <c r="KN30" s="338">
        <v>0</v>
      </c>
      <c r="KO30" s="339">
        <v>0</v>
      </c>
      <c r="KP30" s="352"/>
      <c r="KQ30" s="341">
        <v>1883688</v>
      </c>
      <c r="KR30" s="341">
        <v>2073967</v>
      </c>
      <c r="KS30" s="341">
        <v>1089406</v>
      </c>
      <c r="KT30" s="341">
        <v>1097108</v>
      </c>
      <c r="KU30" s="341">
        <v>282516</v>
      </c>
      <c r="KV30" s="345">
        <v>6426685</v>
      </c>
      <c r="KW30" s="343">
        <v>6426685</v>
      </c>
      <c r="KX30" s="344">
        <v>0</v>
      </c>
      <c r="KY30" s="341">
        <v>0</v>
      </c>
      <c r="KZ30" s="345">
        <v>0</v>
      </c>
      <c r="LA30" s="352"/>
      <c r="LB30" s="341">
        <v>0</v>
      </c>
      <c r="LC30" s="341">
        <v>0</v>
      </c>
      <c r="LD30" s="341">
        <v>0</v>
      </c>
      <c r="LE30" s="341">
        <v>0</v>
      </c>
      <c r="LF30" s="341">
        <v>0</v>
      </c>
      <c r="LG30" s="345">
        <v>0</v>
      </c>
      <c r="LH30" s="347">
        <v>0</v>
      </c>
      <c r="LI30" s="344">
        <v>0</v>
      </c>
      <c r="LJ30" s="341">
        <v>0</v>
      </c>
      <c r="LK30" s="345">
        <v>0</v>
      </c>
      <c r="LL30" s="352"/>
      <c r="LM30" s="341">
        <v>0</v>
      </c>
      <c r="LN30" s="341">
        <v>0</v>
      </c>
      <c r="LO30" s="341">
        <v>0</v>
      </c>
      <c r="LP30" s="341">
        <v>0</v>
      </c>
      <c r="LQ30" s="341">
        <v>0</v>
      </c>
      <c r="LR30" s="345">
        <v>0</v>
      </c>
      <c r="LS30" s="343">
        <v>0</v>
      </c>
      <c r="LT30" s="344">
        <v>0</v>
      </c>
      <c r="LU30" s="341">
        <v>0</v>
      </c>
      <c r="LV30" s="345">
        <v>0</v>
      </c>
      <c r="LW30" s="352"/>
      <c r="LX30" s="341">
        <v>0</v>
      </c>
      <c r="LY30" s="341">
        <v>0</v>
      </c>
      <c r="LZ30" s="341">
        <v>0</v>
      </c>
      <c r="MA30" s="341">
        <v>0</v>
      </c>
      <c r="MB30" s="341">
        <v>0</v>
      </c>
      <c r="MC30" s="345">
        <v>0</v>
      </c>
      <c r="MD30" s="347">
        <v>0</v>
      </c>
      <c r="ME30" s="344">
        <v>0</v>
      </c>
      <c r="MF30" s="341">
        <v>0</v>
      </c>
      <c r="MG30" s="345">
        <v>0</v>
      </c>
      <c r="MH30" s="352"/>
      <c r="MI30" s="341">
        <v>5035192</v>
      </c>
      <c r="MJ30" s="341">
        <v>6309653</v>
      </c>
      <c r="MK30" s="341">
        <v>25000589</v>
      </c>
      <c r="ML30" s="341">
        <v>34341624</v>
      </c>
      <c r="MM30" s="341">
        <v>20503491</v>
      </c>
      <c r="MN30" s="345">
        <v>91190549</v>
      </c>
      <c r="MO30" s="351">
        <v>91190549</v>
      </c>
      <c r="MP30" s="344">
        <v>0</v>
      </c>
      <c r="MQ30" s="341">
        <v>0</v>
      </c>
      <c r="MR30" s="345">
        <v>0</v>
      </c>
      <c r="MS30" s="352"/>
      <c r="MT30" s="341">
        <v>1696392</v>
      </c>
      <c r="MU30" s="341">
        <v>1943008</v>
      </c>
      <c r="MV30" s="341">
        <v>15999430</v>
      </c>
      <c r="MW30" s="341">
        <v>18863947</v>
      </c>
      <c r="MX30" s="341">
        <v>14782370</v>
      </c>
      <c r="MY30" s="345">
        <v>53285147</v>
      </c>
      <c r="MZ30" s="351">
        <v>53285147</v>
      </c>
      <c r="NA30" s="344">
        <v>0</v>
      </c>
      <c r="NB30" s="341">
        <v>0</v>
      </c>
      <c r="NC30" s="345">
        <v>0</v>
      </c>
      <c r="ND30" s="352"/>
      <c r="NE30" s="341">
        <v>3338800</v>
      </c>
      <c r="NF30" s="341">
        <v>4366645</v>
      </c>
      <c r="NG30" s="341">
        <v>9001159</v>
      </c>
      <c r="NH30" s="341">
        <v>15015775</v>
      </c>
      <c r="NI30" s="341">
        <v>5374443</v>
      </c>
      <c r="NJ30" s="345">
        <v>37096822</v>
      </c>
      <c r="NK30" s="343">
        <v>37096822</v>
      </c>
      <c r="NL30" s="344">
        <v>0</v>
      </c>
      <c r="NM30" s="341">
        <v>0</v>
      </c>
      <c r="NN30" s="345">
        <v>0</v>
      </c>
      <c r="NO30" s="352"/>
      <c r="NP30" s="341">
        <v>0</v>
      </c>
      <c r="NQ30" s="341">
        <v>0</v>
      </c>
      <c r="NR30" s="341">
        <v>0</v>
      </c>
      <c r="NS30" s="341">
        <v>0</v>
      </c>
      <c r="NT30" s="341">
        <v>346678</v>
      </c>
      <c r="NU30" s="345">
        <v>346678</v>
      </c>
      <c r="NV30" s="347">
        <v>346678</v>
      </c>
      <c r="NW30" s="344">
        <v>0</v>
      </c>
      <c r="NX30" s="341">
        <v>0</v>
      </c>
      <c r="NY30" s="345">
        <v>0</v>
      </c>
      <c r="NZ30" s="352"/>
      <c r="OA30" s="341">
        <v>0</v>
      </c>
      <c r="OB30" s="341">
        <v>0</v>
      </c>
      <c r="OC30" s="341">
        <v>0</v>
      </c>
      <c r="OD30" s="341">
        <v>461902</v>
      </c>
      <c r="OE30" s="341">
        <v>0</v>
      </c>
      <c r="OF30" s="345">
        <v>461902</v>
      </c>
      <c r="OG30" s="347">
        <v>461902</v>
      </c>
      <c r="OH30" s="344">
        <v>1554829</v>
      </c>
      <c r="OI30" s="341">
        <v>3681211</v>
      </c>
      <c r="OJ30" s="342">
        <v>5236040</v>
      </c>
      <c r="OK30" s="348">
        <v>0</v>
      </c>
      <c r="OL30" s="341">
        <v>41230560</v>
      </c>
      <c r="OM30" s="341">
        <v>39865872</v>
      </c>
      <c r="ON30" s="341">
        <v>48703025</v>
      </c>
      <c r="OO30" s="341">
        <v>62552368</v>
      </c>
      <c r="OP30" s="341">
        <v>40087337</v>
      </c>
      <c r="OQ30" s="345">
        <v>232439162</v>
      </c>
      <c r="OR30" s="351">
        <v>237675202</v>
      </c>
    </row>
    <row r="31" spans="1:408" ht="18.75" customHeight="1" x14ac:dyDescent="0.2">
      <c r="A31" s="61" t="s">
        <v>26</v>
      </c>
      <c r="B31" s="318">
        <v>2067322</v>
      </c>
      <c r="C31" s="319">
        <v>2374176</v>
      </c>
      <c r="D31" s="320">
        <v>4441498</v>
      </c>
      <c r="E31" s="321">
        <v>0</v>
      </c>
      <c r="F31" s="319">
        <v>23113147</v>
      </c>
      <c r="G31" s="319">
        <v>24210280</v>
      </c>
      <c r="H31" s="319">
        <v>22574400</v>
      </c>
      <c r="I31" s="319">
        <v>20848873</v>
      </c>
      <c r="J31" s="319">
        <v>22303762</v>
      </c>
      <c r="K31" s="358">
        <v>113050462</v>
      </c>
      <c r="L31" s="322">
        <v>117491960</v>
      </c>
      <c r="M31" s="318">
        <v>535827</v>
      </c>
      <c r="N31" s="319">
        <v>699838</v>
      </c>
      <c r="O31" s="320">
        <v>1235665</v>
      </c>
      <c r="P31" s="318">
        <v>0</v>
      </c>
      <c r="Q31" s="319">
        <v>5502209</v>
      </c>
      <c r="R31" s="319">
        <v>7450486</v>
      </c>
      <c r="S31" s="319">
        <v>6415537</v>
      </c>
      <c r="T31" s="319">
        <v>6860158</v>
      </c>
      <c r="U31" s="319">
        <v>12333261</v>
      </c>
      <c r="V31" s="320">
        <v>38561651</v>
      </c>
      <c r="W31" s="322">
        <v>39797316</v>
      </c>
      <c r="X31" s="318">
        <v>0</v>
      </c>
      <c r="Y31" s="319">
        <v>0</v>
      </c>
      <c r="Z31" s="320">
        <v>0</v>
      </c>
      <c r="AA31" s="318">
        <v>0</v>
      </c>
      <c r="AB31" s="319">
        <v>2143617</v>
      </c>
      <c r="AC31" s="319">
        <v>4204641</v>
      </c>
      <c r="AD31" s="319">
        <v>3125287</v>
      </c>
      <c r="AE31" s="319">
        <v>4139184</v>
      </c>
      <c r="AF31" s="319">
        <v>7417474</v>
      </c>
      <c r="AG31" s="320">
        <v>21030203</v>
      </c>
      <c r="AH31" s="322">
        <v>21030203</v>
      </c>
      <c r="AI31" s="318">
        <v>0</v>
      </c>
      <c r="AJ31" s="319">
        <v>0</v>
      </c>
      <c r="AK31" s="320">
        <v>0</v>
      </c>
      <c r="AL31" s="318">
        <v>0</v>
      </c>
      <c r="AM31" s="319">
        <v>0</v>
      </c>
      <c r="AN31" s="319">
        <v>238946</v>
      </c>
      <c r="AO31" s="319">
        <v>285130</v>
      </c>
      <c r="AP31" s="319">
        <v>633175</v>
      </c>
      <c r="AQ31" s="319">
        <v>1384451</v>
      </c>
      <c r="AR31" s="320">
        <v>2541702</v>
      </c>
      <c r="AS31" s="322">
        <v>2541702</v>
      </c>
      <c r="AT31" s="318">
        <v>328976</v>
      </c>
      <c r="AU31" s="319">
        <v>662929</v>
      </c>
      <c r="AV31" s="320">
        <v>991905</v>
      </c>
      <c r="AW31" s="318">
        <v>0</v>
      </c>
      <c r="AX31" s="319">
        <v>2295220</v>
      </c>
      <c r="AY31" s="319">
        <v>2082637</v>
      </c>
      <c r="AZ31" s="319">
        <v>2042233</v>
      </c>
      <c r="BA31" s="319">
        <v>1288867</v>
      </c>
      <c r="BB31" s="319">
        <v>2694859</v>
      </c>
      <c r="BC31" s="320">
        <v>10403816</v>
      </c>
      <c r="BD31" s="322">
        <v>11395721</v>
      </c>
      <c r="BE31" s="318">
        <v>48519</v>
      </c>
      <c r="BF31" s="319">
        <v>0</v>
      </c>
      <c r="BG31" s="323">
        <v>48519</v>
      </c>
      <c r="BH31" s="324">
        <v>0</v>
      </c>
      <c r="BI31" s="319">
        <v>242142</v>
      </c>
      <c r="BJ31" s="319">
        <v>159553</v>
      </c>
      <c r="BK31" s="319">
        <v>95768</v>
      </c>
      <c r="BL31" s="319">
        <v>72084</v>
      </c>
      <c r="BM31" s="319">
        <v>146613</v>
      </c>
      <c r="BN31" s="320">
        <v>716160</v>
      </c>
      <c r="BO31" s="322">
        <v>764679</v>
      </c>
      <c r="BP31" s="318">
        <v>158332</v>
      </c>
      <c r="BQ31" s="319">
        <v>36909</v>
      </c>
      <c r="BR31" s="320">
        <v>195241</v>
      </c>
      <c r="BS31" s="318">
        <v>0</v>
      </c>
      <c r="BT31" s="319">
        <v>821230</v>
      </c>
      <c r="BU31" s="319">
        <v>764709</v>
      </c>
      <c r="BV31" s="319">
        <v>867119</v>
      </c>
      <c r="BW31" s="319">
        <v>726848</v>
      </c>
      <c r="BX31" s="319">
        <v>689864</v>
      </c>
      <c r="BY31" s="320">
        <v>3869770</v>
      </c>
      <c r="BZ31" s="322">
        <v>4065011</v>
      </c>
      <c r="CA31" s="318">
        <v>66501</v>
      </c>
      <c r="CB31" s="319">
        <v>278531</v>
      </c>
      <c r="CC31" s="320">
        <v>345032</v>
      </c>
      <c r="CD31" s="318">
        <v>0</v>
      </c>
      <c r="CE31" s="319">
        <v>6957781</v>
      </c>
      <c r="CF31" s="319">
        <v>7363656</v>
      </c>
      <c r="CG31" s="319">
        <v>5700630</v>
      </c>
      <c r="CH31" s="319">
        <v>3630086</v>
      </c>
      <c r="CI31" s="319">
        <v>3166085</v>
      </c>
      <c r="CJ31" s="320">
        <v>26818238</v>
      </c>
      <c r="CK31" s="322">
        <v>27163270</v>
      </c>
      <c r="CL31" s="318">
        <v>0</v>
      </c>
      <c r="CM31" s="319">
        <v>0</v>
      </c>
      <c r="CN31" s="320">
        <v>0</v>
      </c>
      <c r="CO31" s="324">
        <v>0</v>
      </c>
      <c r="CP31" s="319">
        <v>5990949</v>
      </c>
      <c r="CQ31" s="319">
        <v>5818127</v>
      </c>
      <c r="CR31" s="319">
        <v>4773115</v>
      </c>
      <c r="CS31" s="319">
        <v>2759431</v>
      </c>
      <c r="CT31" s="319">
        <v>2703603</v>
      </c>
      <c r="CU31" s="320">
        <v>22045225</v>
      </c>
      <c r="CV31" s="322">
        <v>22045225</v>
      </c>
      <c r="CW31" s="318">
        <v>66501</v>
      </c>
      <c r="CX31" s="319">
        <v>278531</v>
      </c>
      <c r="CY31" s="320">
        <v>345032</v>
      </c>
      <c r="CZ31" s="318">
        <v>0</v>
      </c>
      <c r="DA31" s="319">
        <v>966832</v>
      </c>
      <c r="DB31" s="319">
        <v>1545529</v>
      </c>
      <c r="DC31" s="319">
        <v>927515</v>
      </c>
      <c r="DD31" s="319">
        <v>870655</v>
      </c>
      <c r="DE31" s="319">
        <v>462482</v>
      </c>
      <c r="DF31" s="320">
        <v>4773013</v>
      </c>
      <c r="DG31" s="322">
        <v>5118045</v>
      </c>
      <c r="DH31" s="318">
        <v>0</v>
      </c>
      <c r="DI31" s="319">
        <v>122901</v>
      </c>
      <c r="DJ31" s="323">
        <v>122901</v>
      </c>
      <c r="DK31" s="324">
        <v>0</v>
      </c>
      <c r="DL31" s="319">
        <v>593111</v>
      </c>
      <c r="DM31" s="319">
        <v>991907</v>
      </c>
      <c r="DN31" s="319">
        <v>3144418</v>
      </c>
      <c r="DO31" s="319">
        <v>2817893</v>
      </c>
      <c r="DP31" s="319">
        <v>876450</v>
      </c>
      <c r="DQ31" s="320">
        <v>8423779</v>
      </c>
      <c r="DR31" s="322">
        <v>8546680</v>
      </c>
      <c r="DS31" s="318">
        <v>0</v>
      </c>
      <c r="DT31" s="319">
        <v>122901</v>
      </c>
      <c r="DU31" s="320">
        <v>122901</v>
      </c>
      <c r="DV31" s="318">
        <v>0</v>
      </c>
      <c r="DW31" s="319">
        <v>449344</v>
      </c>
      <c r="DX31" s="319">
        <v>842108</v>
      </c>
      <c r="DY31" s="319">
        <v>2739863</v>
      </c>
      <c r="DZ31" s="319">
        <v>2552530</v>
      </c>
      <c r="EA31" s="319">
        <v>795418</v>
      </c>
      <c r="EB31" s="320">
        <v>7379263</v>
      </c>
      <c r="EC31" s="322">
        <v>7502164</v>
      </c>
      <c r="ED31" s="318">
        <v>0</v>
      </c>
      <c r="EE31" s="323">
        <v>0</v>
      </c>
      <c r="EF31" s="320">
        <v>0</v>
      </c>
      <c r="EG31" s="318">
        <v>0</v>
      </c>
      <c r="EH31" s="319">
        <v>143767</v>
      </c>
      <c r="EI31" s="319">
        <v>149799</v>
      </c>
      <c r="EJ31" s="319">
        <v>404555</v>
      </c>
      <c r="EK31" s="319">
        <v>265363</v>
      </c>
      <c r="EL31" s="319">
        <v>81032</v>
      </c>
      <c r="EM31" s="323">
        <v>1044516</v>
      </c>
      <c r="EN31" s="322">
        <v>1044516</v>
      </c>
      <c r="EO31" s="318">
        <v>0</v>
      </c>
      <c r="EP31" s="319">
        <v>0</v>
      </c>
      <c r="EQ31" s="323">
        <v>0</v>
      </c>
      <c r="ER31" s="324">
        <v>0</v>
      </c>
      <c r="ES31" s="319">
        <v>0</v>
      </c>
      <c r="ET31" s="319">
        <v>0</v>
      </c>
      <c r="EU31" s="319">
        <v>0</v>
      </c>
      <c r="EV31" s="319">
        <v>0</v>
      </c>
      <c r="EW31" s="319">
        <v>0</v>
      </c>
      <c r="EX31" s="320">
        <v>0</v>
      </c>
      <c r="EY31" s="322">
        <v>0</v>
      </c>
      <c r="EZ31" s="318">
        <v>0</v>
      </c>
      <c r="FA31" s="319">
        <v>0</v>
      </c>
      <c r="FB31" s="323">
        <v>0</v>
      </c>
      <c r="FC31" s="346"/>
      <c r="FD31" s="319">
        <v>0</v>
      </c>
      <c r="FE31" s="319">
        <v>0</v>
      </c>
      <c r="FF31" s="319">
        <v>0</v>
      </c>
      <c r="FG31" s="319">
        <v>0</v>
      </c>
      <c r="FH31" s="319">
        <v>0</v>
      </c>
      <c r="FI31" s="320">
        <v>0</v>
      </c>
      <c r="FJ31" s="322">
        <v>0</v>
      </c>
      <c r="FK31" s="318">
        <v>540512</v>
      </c>
      <c r="FL31" s="319">
        <v>548962</v>
      </c>
      <c r="FM31" s="320">
        <v>1089474</v>
      </c>
      <c r="FN31" s="318">
        <v>0</v>
      </c>
      <c r="FO31" s="319">
        <v>1275039</v>
      </c>
      <c r="FP31" s="319">
        <v>2036933</v>
      </c>
      <c r="FQ31" s="319">
        <v>1613406</v>
      </c>
      <c r="FR31" s="319">
        <v>1925770</v>
      </c>
      <c r="FS31" s="319">
        <v>1621229</v>
      </c>
      <c r="FT31" s="320">
        <v>8472377</v>
      </c>
      <c r="FU31" s="322">
        <v>9561851</v>
      </c>
      <c r="FV31" s="326">
        <v>208261</v>
      </c>
      <c r="FW31" s="319">
        <v>464686</v>
      </c>
      <c r="FX31" s="323">
        <v>672947</v>
      </c>
      <c r="FY31" s="324">
        <v>0</v>
      </c>
      <c r="FZ31" s="319">
        <v>1028149</v>
      </c>
      <c r="GA31" s="319">
        <v>1966952</v>
      </c>
      <c r="GB31" s="319">
        <v>1570836</v>
      </c>
      <c r="GC31" s="319">
        <v>1757371</v>
      </c>
      <c r="GD31" s="319">
        <v>1621229</v>
      </c>
      <c r="GE31" s="320">
        <v>7944537</v>
      </c>
      <c r="GF31" s="327">
        <v>8617484</v>
      </c>
      <c r="GG31" s="326">
        <v>90000</v>
      </c>
      <c r="GH31" s="319">
        <v>61776</v>
      </c>
      <c r="GI31" s="323">
        <v>151776</v>
      </c>
      <c r="GJ31" s="324">
        <v>0</v>
      </c>
      <c r="GK31" s="319">
        <v>71280</v>
      </c>
      <c r="GL31" s="319">
        <v>43164</v>
      </c>
      <c r="GM31" s="319">
        <v>0</v>
      </c>
      <c r="GN31" s="319">
        <v>54549</v>
      </c>
      <c r="GO31" s="319">
        <v>0</v>
      </c>
      <c r="GP31" s="320">
        <v>168993</v>
      </c>
      <c r="GQ31" s="322">
        <v>320769</v>
      </c>
      <c r="GR31" s="318">
        <v>242251</v>
      </c>
      <c r="GS31" s="319">
        <v>22500</v>
      </c>
      <c r="GT31" s="320">
        <v>264751</v>
      </c>
      <c r="GU31" s="318">
        <v>0</v>
      </c>
      <c r="GV31" s="319">
        <v>175610</v>
      </c>
      <c r="GW31" s="319">
        <v>26817</v>
      </c>
      <c r="GX31" s="319">
        <v>42570</v>
      </c>
      <c r="GY31" s="319">
        <v>113850</v>
      </c>
      <c r="GZ31" s="319">
        <v>0</v>
      </c>
      <c r="HA31" s="323">
        <v>358847</v>
      </c>
      <c r="HB31" s="322">
        <v>623598</v>
      </c>
      <c r="HC31" s="318">
        <v>574629</v>
      </c>
      <c r="HD31" s="319">
        <v>275646</v>
      </c>
      <c r="HE31" s="323">
        <v>850275</v>
      </c>
      <c r="HF31" s="324">
        <v>0</v>
      </c>
      <c r="HG31" s="319">
        <v>4665153</v>
      </c>
      <c r="HH31" s="319">
        <v>3285328</v>
      </c>
      <c r="HI31" s="319">
        <v>3471060</v>
      </c>
      <c r="HJ31" s="319">
        <v>4092898</v>
      </c>
      <c r="HK31" s="319">
        <v>2994403</v>
      </c>
      <c r="HL31" s="320">
        <v>18508842</v>
      </c>
      <c r="HM31" s="321">
        <v>19359117</v>
      </c>
      <c r="HN31" s="326">
        <v>349853</v>
      </c>
      <c r="HO31" s="319">
        <v>448298</v>
      </c>
      <c r="HP31" s="320">
        <v>798151</v>
      </c>
      <c r="HQ31" s="318">
        <v>0</v>
      </c>
      <c r="HR31" s="319">
        <v>4119854</v>
      </c>
      <c r="HS31" s="319">
        <v>3081970</v>
      </c>
      <c r="HT31" s="319">
        <v>2229349</v>
      </c>
      <c r="HU31" s="319">
        <v>1522068</v>
      </c>
      <c r="HV31" s="319">
        <v>1312334</v>
      </c>
      <c r="HW31" s="323">
        <v>12265575</v>
      </c>
      <c r="HX31" s="322">
        <v>13063726</v>
      </c>
      <c r="HY31" s="328">
        <v>105462</v>
      </c>
      <c r="HZ31" s="329">
        <v>0</v>
      </c>
      <c r="IA31" s="330">
        <v>105462</v>
      </c>
      <c r="IB31" s="353">
        <v>0</v>
      </c>
      <c r="IC31" s="329">
        <v>6046937</v>
      </c>
      <c r="ID31" s="354">
        <v>6993110</v>
      </c>
      <c r="IE31" s="330">
        <v>5639898</v>
      </c>
      <c r="IF31" s="329">
        <v>5492590</v>
      </c>
      <c r="IG31" s="330">
        <v>3559657</v>
      </c>
      <c r="IH31" s="355">
        <v>27732192</v>
      </c>
      <c r="II31" s="336">
        <v>27837654</v>
      </c>
      <c r="IJ31" s="337">
        <v>0</v>
      </c>
      <c r="IK31" s="338">
        <v>0</v>
      </c>
      <c r="IL31" s="339">
        <v>0</v>
      </c>
      <c r="IM31" s="346"/>
      <c r="IN31" s="341">
        <v>0</v>
      </c>
      <c r="IO31" s="341">
        <v>0</v>
      </c>
      <c r="IP31" s="341">
        <v>0</v>
      </c>
      <c r="IQ31" s="341">
        <v>0</v>
      </c>
      <c r="IR31" s="341">
        <v>0</v>
      </c>
      <c r="IS31" s="342">
        <v>0</v>
      </c>
      <c r="IT31" s="343">
        <v>0</v>
      </c>
      <c r="IU31" s="344">
        <v>0</v>
      </c>
      <c r="IV31" s="341">
        <v>0</v>
      </c>
      <c r="IW31" s="345">
        <v>0</v>
      </c>
      <c r="IX31" s="346"/>
      <c r="IY31" s="341">
        <v>0</v>
      </c>
      <c r="IZ31" s="341">
        <v>0</v>
      </c>
      <c r="JA31" s="341">
        <v>0</v>
      </c>
      <c r="JB31" s="341">
        <v>0</v>
      </c>
      <c r="JC31" s="341">
        <v>0</v>
      </c>
      <c r="JD31" s="345">
        <v>0</v>
      </c>
      <c r="JE31" s="347">
        <v>0</v>
      </c>
      <c r="JF31" s="344">
        <v>0</v>
      </c>
      <c r="JG31" s="341">
        <v>0</v>
      </c>
      <c r="JH31" s="342">
        <v>0</v>
      </c>
      <c r="JI31" s="348">
        <v>0</v>
      </c>
      <c r="JJ31" s="341">
        <v>2380951</v>
      </c>
      <c r="JK31" s="341">
        <v>2773820</v>
      </c>
      <c r="JL31" s="341">
        <v>1727816</v>
      </c>
      <c r="JM31" s="341">
        <v>1278254</v>
      </c>
      <c r="JN31" s="341">
        <v>1234602</v>
      </c>
      <c r="JO31" s="345">
        <v>9395443</v>
      </c>
      <c r="JP31" s="343">
        <v>9395443</v>
      </c>
      <c r="JQ31" s="344">
        <v>0</v>
      </c>
      <c r="JR31" s="341">
        <v>0</v>
      </c>
      <c r="JS31" s="342">
        <v>0</v>
      </c>
      <c r="JT31" s="348">
        <v>0</v>
      </c>
      <c r="JU31" s="341">
        <v>0</v>
      </c>
      <c r="JV31" s="341">
        <v>0</v>
      </c>
      <c r="JW31" s="341">
        <v>0</v>
      </c>
      <c r="JX31" s="341">
        <v>0</v>
      </c>
      <c r="JY31" s="341">
        <v>0</v>
      </c>
      <c r="JZ31" s="345">
        <v>0</v>
      </c>
      <c r="KA31" s="343">
        <v>0</v>
      </c>
      <c r="KB31" s="349">
        <v>105462</v>
      </c>
      <c r="KC31" s="350">
        <v>0</v>
      </c>
      <c r="KD31" s="345">
        <v>105462</v>
      </c>
      <c r="KE31" s="348">
        <v>0</v>
      </c>
      <c r="KF31" s="341">
        <v>1187480</v>
      </c>
      <c r="KG31" s="341">
        <v>1349016</v>
      </c>
      <c r="KH31" s="341">
        <v>267129</v>
      </c>
      <c r="KI31" s="341">
        <v>865017</v>
      </c>
      <c r="KJ31" s="341">
        <v>634648</v>
      </c>
      <c r="KK31" s="345">
        <v>4303290</v>
      </c>
      <c r="KL31" s="351">
        <v>4408752</v>
      </c>
      <c r="KM31" s="337">
        <v>0</v>
      </c>
      <c r="KN31" s="338">
        <v>0</v>
      </c>
      <c r="KO31" s="339">
        <v>0</v>
      </c>
      <c r="KP31" s="352"/>
      <c r="KQ31" s="341">
        <v>2478506</v>
      </c>
      <c r="KR31" s="341">
        <v>2415058</v>
      </c>
      <c r="KS31" s="341">
        <v>3644953</v>
      </c>
      <c r="KT31" s="341">
        <v>3349319</v>
      </c>
      <c r="KU31" s="341">
        <v>1690407</v>
      </c>
      <c r="KV31" s="345">
        <v>13578243</v>
      </c>
      <c r="KW31" s="343">
        <v>13578243</v>
      </c>
      <c r="KX31" s="344">
        <v>0</v>
      </c>
      <c r="KY31" s="341">
        <v>0</v>
      </c>
      <c r="KZ31" s="345">
        <v>0</v>
      </c>
      <c r="LA31" s="352"/>
      <c r="LB31" s="341">
        <v>0</v>
      </c>
      <c r="LC31" s="341">
        <v>0</v>
      </c>
      <c r="LD31" s="341">
        <v>0</v>
      </c>
      <c r="LE31" s="341">
        <v>0</v>
      </c>
      <c r="LF31" s="341">
        <v>0</v>
      </c>
      <c r="LG31" s="345">
        <v>0</v>
      </c>
      <c r="LH31" s="347">
        <v>0</v>
      </c>
      <c r="LI31" s="344">
        <v>0</v>
      </c>
      <c r="LJ31" s="341">
        <v>0</v>
      </c>
      <c r="LK31" s="345">
        <v>0</v>
      </c>
      <c r="LL31" s="352"/>
      <c r="LM31" s="341">
        <v>0</v>
      </c>
      <c r="LN31" s="341">
        <v>455216</v>
      </c>
      <c r="LO31" s="341">
        <v>0</v>
      </c>
      <c r="LP31" s="341">
        <v>0</v>
      </c>
      <c r="LQ31" s="341">
        <v>0</v>
      </c>
      <c r="LR31" s="345">
        <v>455216</v>
      </c>
      <c r="LS31" s="343">
        <v>455216</v>
      </c>
      <c r="LT31" s="344">
        <v>0</v>
      </c>
      <c r="LU31" s="341">
        <v>0</v>
      </c>
      <c r="LV31" s="345">
        <v>0</v>
      </c>
      <c r="LW31" s="352"/>
      <c r="LX31" s="341">
        <v>0</v>
      </c>
      <c r="LY31" s="341">
        <v>0</v>
      </c>
      <c r="LZ31" s="341">
        <v>0</v>
      </c>
      <c r="MA31" s="341">
        <v>0</v>
      </c>
      <c r="MB31" s="341">
        <v>0</v>
      </c>
      <c r="MC31" s="345">
        <v>0</v>
      </c>
      <c r="MD31" s="347">
        <v>0</v>
      </c>
      <c r="ME31" s="344">
        <v>0</v>
      </c>
      <c r="MF31" s="341">
        <v>0</v>
      </c>
      <c r="MG31" s="345">
        <v>0</v>
      </c>
      <c r="MH31" s="352"/>
      <c r="MI31" s="341">
        <v>2662611</v>
      </c>
      <c r="MJ31" s="341">
        <v>6353526</v>
      </c>
      <c r="MK31" s="341">
        <v>15984634</v>
      </c>
      <c r="ML31" s="341">
        <v>21647143</v>
      </c>
      <c r="MM31" s="341">
        <v>20620076</v>
      </c>
      <c r="MN31" s="345">
        <v>67267990</v>
      </c>
      <c r="MO31" s="351">
        <v>67267990</v>
      </c>
      <c r="MP31" s="344">
        <v>0</v>
      </c>
      <c r="MQ31" s="341">
        <v>0</v>
      </c>
      <c r="MR31" s="345">
        <v>0</v>
      </c>
      <c r="MS31" s="352"/>
      <c r="MT31" s="341">
        <v>204727</v>
      </c>
      <c r="MU31" s="341">
        <v>1155120</v>
      </c>
      <c r="MV31" s="341">
        <v>9289929</v>
      </c>
      <c r="MW31" s="341">
        <v>14655505</v>
      </c>
      <c r="MX31" s="341">
        <v>16068670</v>
      </c>
      <c r="MY31" s="345">
        <v>41373951</v>
      </c>
      <c r="MZ31" s="351">
        <v>41373951</v>
      </c>
      <c r="NA31" s="344">
        <v>0</v>
      </c>
      <c r="NB31" s="341">
        <v>0</v>
      </c>
      <c r="NC31" s="345">
        <v>0</v>
      </c>
      <c r="ND31" s="352"/>
      <c r="NE31" s="341">
        <v>2457884</v>
      </c>
      <c r="NF31" s="341">
        <v>5198406</v>
      </c>
      <c r="NG31" s="341">
        <v>6694705</v>
      </c>
      <c r="NH31" s="341">
        <v>6667745</v>
      </c>
      <c r="NI31" s="341">
        <v>4113069</v>
      </c>
      <c r="NJ31" s="345">
        <v>25131809</v>
      </c>
      <c r="NK31" s="343">
        <v>25131809</v>
      </c>
      <c r="NL31" s="344">
        <v>0</v>
      </c>
      <c r="NM31" s="341">
        <v>0</v>
      </c>
      <c r="NN31" s="345">
        <v>0</v>
      </c>
      <c r="NO31" s="352"/>
      <c r="NP31" s="341">
        <v>0</v>
      </c>
      <c r="NQ31" s="341">
        <v>0</v>
      </c>
      <c r="NR31" s="341">
        <v>0</v>
      </c>
      <c r="NS31" s="341">
        <v>323893</v>
      </c>
      <c r="NT31" s="341">
        <v>0</v>
      </c>
      <c r="NU31" s="345">
        <v>323893</v>
      </c>
      <c r="NV31" s="347">
        <v>323893</v>
      </c>
      <c r="NW31" s="344">
        <v>0</v>
      </c>
      <c r="NX31" s="341">
        <v>0</v>
      </c>
      <c r="NY31" s="345">
        <v>0</v>
      </c>
      <c r="NZ31" s="352"/>
      <c r="OA31" s="341">
        <v>0</v>
      </c>
      <c r="OB31" s="341">
        <v>0</v>
      </c>
      <c r="OC31" s="341">
        <v>0</v>
      </c>
      <c r="OD31" s="341">
        <v>0</v>
      </c>
      <c r="OE31" s="341">
        <v>438337</v>
      </c>
      <c r="OF31" s="345">
        <v>438337</v>
      </c>
      <c r="OG31" s="347">
        <v>438337</v>
      </c>
      <c r="OH31" s="344">
        <v>2172784</v>
      </c>
      <c r="OI31" s="341">
        <v>2374176</v>
      </c>
      <c r="OJ31" s="342">
        <v>4546960</v>
      </c>
      <c r="OK31" s="348">
        <v>0</v>
      </c>
      <c r="OL31" s="341">
        <v>31822695</v>
      </c>
      <c r="OM31" s="341">
        <v>37556916</v>
      </c>
      <c r="ON31" s="341">
        <v>44198932</v>
      </c>
      <c r="OO31" s="341">
        <v>47988606</v>
      </c>
      <c r="OP31" s="341">
        <v>46483495</v>
      </c>
      <c r="OQ31" s="345">
        <v>208050644</v>
      </c>
      <c r="OR31" s="351">
        <v>212597604</v>
      </c>
    </row>
    <row r="32" spans="1:408" ht="18.75" customHeight="1" x14ac:dyDescent="0.2">
      <c r="A32" s="61" t="s">
        <v>27</v>
      </c>
      <c r="B32" s="318">
        <v>2575570</v>
      </c>
      <c r="C32" s="319">
        <v>5409077</v>
      </c>
      <c r="D32" s="320">
        <v>7984647</v>
      </c>
      <c r="E32" s="321">
        <v>0</v>
      </c>
      <c r="F32" s="319">
        <v>18806280</v>
      </c>
      <c r="G32" s="319">
        <v>23551035</v>
      </c>
      <c r="H32" s="319">
        <v>23939502</v>
      </c>
      <c r="I32" s="319">
        <v>22990473</v>
      </c>
      <c r="J32" s="319">
        <v>18021698</v>
      </c>
      <c r="K32" s="358">
        <v>107308988</v>
      </c>
      <c r="L32" s="322">
        <v>115293635</v>
      </c>
      <c r="M32" s="318">
        <v>576555</v>
      </c>
      <c r="N32" s="319">
        <v>1201268</v>
      </c>
      <c r="O32" s="320">
        <v>1777823</v>
      </c>
      <c r="P32" s="318">
        <v>0</v>
      </c>
      <c r="Q32" s="319">
        <v>4317819</v>
      </c>
      <c r="R32" s="319">
        <v>5412985</v>
      </c>
      <c r="S32" s="319">
        <v>5451642</v>
      </c>
      <c r="T32" s="319">
        <v>7200906</v>
      </c>
      <c r="U32" s="319">
        <v>7901951</v>
      </c>
      <c r="V32" s="320">
        <v>30285303</v>
      </c>
      <c r="W32" s="322">
        <v>32063126</v>
      </c>
      <c r="X32" s="318">
        <v>0</v>
      </c>
      <c r="Y32" s="319">
        <v>0</v>
      </c>
      <c r="Z32" s="320">
        <v>0</v>
      </c>
      <c r="AA32" s="318">
        <v>0</v>
      </c>
      <c r="AB32" s="319">
        <v>2390522</v>
      </c>
      <c r="AC32" s="319">
        <v>3149142</v>
      </c>
      <c r="AD32" s="319">
        <v>2992443</v>
      </c>
      <c r="AE32" s="319">
        <v>3764703</v>
      </c>
      <c r="AF32" s="319">
        <v>4687908</v>
      </c>
      <c r="AG32" s="320">
        <v>16984718</v>
      </c>
      <c r="AH32" s="322">
        <v>16984718</v>
      </c>
      <c r="AI32" s="318">
        <v>0</v>
      </c>
      <c r="AJ32" s="319">
        <v>0</v>
      </c>
      <c r="AK32" s="320">
        <v>0</v>
      </c>
      <c r="AL32" s="318">
        <v>0</v>
      </c>
      <c r="AM32" s="319">
        <v>64781</v>
      </c>
      <c r="AN32" s="319">
        <v>104027</v>
      </c>
      <c r="AO32" s="319">
        <v>256231</v>
      </c>
      <c r="AP32" s="319">
        <v>683940</v>
      </c>
      <c r="AQ32" s="319">
        <v>750531</v>
      </c>
      <c r="AR32" s="320">
        <v>1859510</v>
      </c>
      <c r="AS32" s="322">
        <v>1859510</v>
      </c>
      <c r="AT32" s="318">
        <v>456909</v>
      </c>
      <c r="AU32" s="319">
        <v>887391</v>
      </c>
      <c r="AV32" s="320">
        <v>1344300</v>
      </c>
      <c r="AW32" s="318">
        <v>0</v>
      </c>
      <c r="AX32" s="319">
        <v>1105107</v>
      </c>
      <c r="AY32" s="319">
        <v>1392412</v>
      </c>
      <c r="AZ32" s="319">
        <v>1079386</v>
      </c>
      <c r="BA32" s="319">
        <v>1933823</v>
      </c>
      <c r="BB32" s="319">
        <v>1801721</v>
      </c>
      <c r="BC32" s="320">
        <v>7312449</v>
      </c>
      <c r="BD32" s="322">
        <v>8656749</v>
      </c>
      <c r="BE32" s="318">
        <v>0</v>
      </c>
      <c r="BF32" s="319">
        <v>101847</v>
      </c>
      <c r="BG32" s="323">
        <v>101847</v>
      </c>
      <c r="BH32" s="324">
        <v>0</v>
      </c>
      <c r="BI32" s="319">
        <v>0</v>
      </c>
      <c r="BJ32" s="319">
        <v>86902</v>
      </c>
      <c r="BK32" s="319">
        <v>106654</v>
      </c>
      <c r="BL32" s="319">
        <v>0</v>
      </c>
      <c r="BM32" s="319">
        <v>64463</v>
      </c>
      <c r="BN32" s="320">
        <v>258019</v>
      </c>
      <c r="BO32" s="322">
        <v>359866</v>
      </c>
      <c r="BP32" s="318">
        <v>119646</v>
      </c>
      <c r="BQ32" s="319">
        <v>212030</v>
      </c>
      <c r="BR32" s="320">
        <v>331676</v>
      </c>
      <c r="BS32" s="318">
        <v>0</v>
      </c>
      <c r="BT32" s="319">
        <v>757409</v>
      </c>
      <c r="BU32" s="319">
        <v>680502</v>
      </c>
      <c r="BV32" s="319">
        <v>1016928</v>
      </c>
      <c r="BW32" s="319">
        <v>818440</v>
      </c>
      <c r="BX32" s="319">
        <v>597328</v>
      </c>
      <c r="BY32" s="320">
        <v>3870607</v>
      </c>
      <c r="BZ32" s="322">
        <v>4202283</v>
      </c>
      <c r="CA32" s="318">
        <v>225981</v>
      </c>
      <c r="CB32" s="319">
        <v>972402</v>
      </c>
      <c r="CC32" s="320">
        <v>1198383</v>
      </c>
      <c r="CD32" s="318">
        <v>0</v>
      </c>
      <c r="CE32" s="319">
        <v>6625911</v>
      </c>
      <c r="CF32" s="319">
        <v>7081470</v>
      </c>
      <c r="CG32" s="319">
        <v>5410584</v>
      </c>
      <c r="CH32" s="319">
        <v>3749201</v>
      </c>
      <c r="CI32" s="319">
        <v>2340796</v>
      </c>
      <c r="CJ32" s="320">
        <v>25207962</v>
      </c>
      <c r="CK32" s="322">
        <v>26406345</v>
      </c>
      <c r="CL32" s="318">
        <v>0</v>
      </c>
      <c r="CM32" s="319">
        <v>0</v>
      </c>
      <c r="CN32" s="320">
        <v>0</v>
      </c>
      <c r="CO32" s="324">
        <v>0</v>
      </c>
      <c r="CP32" s="319">
        <v>5548055</v>
      </c>
      <c r="CQ32" s="319">
        <v>5443337</v>
      </c>
      <c r="CR32" s="319">
        <v>4391464</v>
      </c>
      <c r="CS32" s="319">
        <v>3055604</v>
      </c>
      <c r="CT32" s="319">
        <v>1839706</v>
      </c>
      <c r="CU32" s="320">
        <v>20278166</v>
      </c>
      <c r="CV32" s="322">
        <v>20278166</v>
      </c>
      <c r="CW32" s="318">
        <v>225981</v>
      </c>
      <c r="CX32" s="319">
        <v>972402</v>
      </c>
      <c r="CY32" s="320">
        <v>1198383</v>
      </c>
      <c r="CZ32" s="318">
        <v>0</v>
      </c>
      <c r="DA32" s="319">
        <v>1077856</v>
      </c>
      <c r="DB32" s="319">
        <v>1638133</v>
      </c>
      <c r="DC32" s="319">
        <v>1019120</v>
      </c>
      <c r="DD32" s="319">
        <v>693597</v>
      </c>
      <c r="DE32" s="319">
        <v>501090</v>
      </c>
      <c r="DF32" s="320">
        <v>4929796</v>
      </c>
      <c r="DG32" s="322">
        <v>6128179</v>
      </c>
      <c r="DH32" s="318">
        <v>0</v>
      </c>
      <c r="DI32" s="319">
        <v>0</v>
      </c>
      <c r="DJ32" s="323">
        <v>0</v>
      </c>
      <c r="DK32" s="324">
        <v>0</v>
      </c>
      <c r="DL32" s="319">
        <v>464705</v>
      </c>
      <c r="DM32" s="319">
        <v>921562</v>
      </c>
      <c r="DN32" s="319">
        <v>1398213</v>
      </c>
      <c r="DO32" s="319">
        <v>1074663</v>
      </c>
      <c r="DP32" s="319">
        <v>824344</v>
      </c>
      <c r="DQ32" s="320">
        <v>4683487</v>
      </c>
      <c r="DR32" s="322">
        <v>4683487</v>
      </c>
      <c r="DS32" s="318">
        <v>0</v>
      </c>
      <c r="DT32" s="319">
        <v>0</v>
      </c>
      <c r="DU32" s="320">
        <v>0</v>
      </c>
      <c r="DV32" s="318">
        <v>0</v>
      </c>
      <c r="DW32" s="319">
        <v>357447</v>
      </c>
      <c r="DX32" s="319">
        <v>764054</v>
      </c>
      <c r="DY32" s="319">
        <v>1228149</v>
      </c>
      <c r="DZ32" s="319">
        <v>906672</v>
      </c>
      <c r="EA32" s="319">
        <v>581570</v>
      </c>
      <c r="EB32" s="320">
        <v>3837892</v>
      </c>
      <c r="EC32" s="322">
        <v>3837892</v>
      </c>
      <c r="ED32" s="318">
        <v>0</v>
      </c>
      <c r="EE32" s="323">
        <v>0</v>
      </c>
      <c r="EF32" s="320">
        <v>0</v>
      </c>
      <c r="EG32" s="318">
        <v>0</v>
      </c>
      <c r="EH32" s="319">
        <v>107258</v>
      </c>
      <c r="EI32" s="319">
        <v>157508</v>
      </c>
      <c r="EJ32" s="319">
        <v>170064</v>
      </c>
      <c r="EK32" s="319">
        <v>167991</v>
      </c>
      <c r="EL32" s="319">
        <v>242774</v>
      </c>
      <c r="EM32" s="323">
        <v>845595</v>
      </c>
      <c r="EN32" s="322">
        <v>845595</v>
      </c>
      <c r="EO32" s="318">
        <v>0</v>
      </c>
      <c r="EP32" s="319">
        <v>0</v>
      </c>
      <c r="EQ32" s="323">
        <v>0</v>
      </c>
      <c r="ER32" s="324">
        <v>0</v>
      </c>
      <c r="ES32" s="319">
        <v>0</v>
      </c>
      <c r="ET32" s="319">
        <v>0</v>
      </c>
      <c r="EU32" s="319">
        <v>0</v>
      </c>
      <c r="EV32" s="319">
        <v>0</v>
      </c>
      <c r="EW32" s="319">
        <v>0</v>
      </c>
      <c r="EX32" s="320">
        <v>0</v>
      </c>
      <c r="EY32" s="322">
        <v>0</v>
      </c>
      <c r="EZ32" s="318">
        <v>0</v>
      </c>
      <c r="FA32" s="319">
        <v>0</v>
      </c>
      <c r="FB32" s="323">
        <v>0</v>
      </c>
      <c r="FC32" s="346"/>
      <c r="FD32" s="319">
        <v>0</v>
      </c>
      <c r="FE32" s="319">
        <v>0</v>
      </c>
      <c r="FF32" s="319">
        <v>0</v>
      </c>
      <c r="FG32" s="319">
        <v>0</v>
      </c>
      <c r="FH32" s="319">
        <v>0</v>
      </c>
      <c r="FI32" s="320">
        <v>0</v>
      </c>
      <c r="FJ32" s="322">
        <v>0</v>
      </c>
      <c r="FK32" s="318">
        <v>704989</v>
      </c>
      <c r="FL32" s="319">
        <v>959614</v>
      </c>
      <c r="FM32" s="320">
        <v>1664603</v>
      </c>
      <c r="FN32" s="318">
        <v>0</v>
      </c>
      <c r="FO32" s="319">
        <v>390992</v>
      </c>
      <c r="FP32" s="319">
        <v>2062490</v>
      </c>
      <c r="FQ32" s="319">
        <v>1838198</v>
      </c>
      <c r="FR32" s="319">
        <v>1516243</v>
      </c>
      <c r="FS32" s="319">
        <v>1159539</v>
      </c>
      <c r="FT32" s="320">
        <v>6967462</v>
      </c>
      <c r="FU32" s="322">
        <v>8632065</v>
      </c>
      <c r="FV32" s="326">
        <v>278740</v>
      </c>
      <c r="FW32" s="319">
        <v>732090</v>
      </c>
      <c r="FX32" s="323">
        <v>1010830</v>
      </c>
      <c r="FY32" s="324">
        <v>0</v>
      </c>
      <c r="FZ32" s="319">
        <v>371280</v>
      </c>
      <c r="GA32" s="319">
        <v>1872202</v>
      </c>
      <c r="GB32" s="319">
        <v>1660404</v>
      </c>
      <c r="GC32" s="319">
        <v>1516243</v>
      </c>
      <c r="GD32" s="319">
        <v>1159539</v>
      </c>
      <c r="GE32" s="320">
        <v>6579668</v>
      </c>
      <c r="GF32" s="327">
        <v>7590498</v>
      </c>
      <c r="GG32" s="326">
        <v>56088</v>
      </c>
      <c r="GH32" s="319">
        <v>114345</v>
      </c>
      <c r="GI32" s="323">
        <v>170433</v>
      </c>
      <c r="GJ32" s="324">
        <v>0</v>
      </c>
      <c r="GK32" s="319">
        <v>19712</v>
      </c>
      <c r="GL32" s="319">
        <v>41188</v>
      </c>
      <c r="GM32" s="319">
        <v>33704</v>
      </c>
      <c r="GN32" s="319">
        <v>0</v>
      </c>
      <c r="GO32" s="319">
        <v>0</v>
      </c>
      <c r="GP32" s="320">
        <v>94604</v>
      </c>
      <c r="GQ32" s="322">
        <v>265037</v>
      </c>
      <c r="GR32" s="318">
        <v>370161</v>
      </c>
      <c r="GS32" s="319">
        <v>113179</v>
      </c>
      <c r="GT32" s="320">
        <v>483340</v>
      </c>
      <c r="GU32" s="318">
        <v>0</v>
      </c>
      <c r="GV32" s="319">
        <v>0</v>
      </c>
      <c r="GW32" s="319">
        <v>149100</v>
      </c>
      <c r="GX32" s="319">
        <v>144090</v>
      </c>
      <c r="GY32" s="319">
        <v>0</v>
      </c>
      <c r="GZ32" s="319">
        <v>0</v>
      </c>
      <c r="HA32" s="323">
        <v>293190</v>
      </c>
      <c r="HB32" s="322">
        <v>776530</v>
      </c>
      <c r="HC32" s="318">
        <v>637434</v>
      </c>
      <c r="HD32" s="319">
        <v>1634898</v>
      </c>
      <c r="HE32" s="323">
        <v>2272332</v>
      </c>
      <c r="HF32" s="324">
        <v>0</v>
      </c>
      <c r="HG32" s="319">
        <v>4259243</v>
      </c>
      <c r="HH32" s="319">
        <v>5535983</v>
      </c>
      <c r="HI32" s="319">
        <v>7706904</v>
      </c>
      <c r="HJ32" s="319">
        <v>8227539</v>
      </c>
      <c r="HK32" s="319">
        <v>4933238</v>
      </c>
      <c r="HL32" s="320">
        <v>30662907</v>
      </c>
      <c r="HM32" s="321">
        <v>32935239</v>
      </c>
      <c r="HN32" s="326">
        <v>430611</v>
      </c>
      <c r="HO32" s="319">
        <v>640895</v>
      </c>
      <c r="HP32" s="320">
        <v>1071506</v>
      </c>
      <c r="HQ32" s="318">
        <v>0</v>
      </c>
      <c r="HR32" s="319">
        <v>2747610</v>
      </c>
      <c r="HS32" s="319">
        <v>2536545</v>
      </c>
      <c r="HT32" s="319">
        <v>2133961</v>
      </c>
      <c r="HU32" s="319">
        <v>1221921</v>
      </c>
      <c r="HV32" s="319">
        <v>861830</v>
      </c>
      <c r="HW32" s="323">
        <v>9501867</v>
      </c>
      <c r="HX32" s="322">
        <v>10573373</v>
      </c>
      <c r="HY32" s="357">
        <v>0</v>
      </c>
      <c r="HZ32" s="332">
        <v>0</v>
      </c>
      <c r="IA32" s="357">
        <v>0</v>
      </c>
      <c r="IB32" s="331">
        <v>0</v>
      </c>
      <c r="IC32" s="332">
        <v>7426018</v>
      </c>
      <c r="ID32" s="333">
        <v>2782599</v>
      </c>
      <c r="IE32" s="334">
        <v>5839786</v>
      </c>
      <c r="IF32" s="332">
        <v>2216537</v>
      </c>
      <c r="IG32" s="334">
        <v>2168199</v>
      </c>
      <c r="IH32" s="335">
        <v>20433139</v>
      </c>
      <c r="II32" s="357">
        <v>20433139</v>
      </c>
      <c r="IJ32" s="337">
        <v>0</v>
      </c>
      <c r="IK32" s="338">
        <v>0</v>
      </c>
      <c r="IL32" s="339">
        <v>0</v>
      </c>
      <c r="IM32" s="346"/>
      <c r="IN32" s="341">
        <v>0</v>
      </c>
      <c r="IO32" s="341">
        <v>107592</v>
      </c>
      <c r="IP32" s="341">
        <v>167733</v>
      </c>
      <c r="IQ32" s="341">
        <v>0</v>
      </c>
      <c r="IR32" s="341">
        <v>0</v>
      </c>
      <c r="IS32" s="342">
        <v>275325</v>
      </c>
      <c r="IT32" s="343">
        <v>275325</v>
      </c>
      <c r="IU32" s="344">
        <v>0</v>
      </c>
      <c r="IV32" s="341">
        <v>0</v>
      </c>
      <c r="IW32" s="345">
        <v>0</v>
      </c>
      <c r="IX32" s="346"/>
      <c r="IY32" s="341">
        <v>0</v>
      </c>
      <c r="IZ32" s="341">
        <v>0</v>
      </c>
      <c r="JA32" s="341">
        <v>0</v>
      </c>
      <c r="JB32" s="341">
        <v>0</v>
      </c>
      <c r="JC32" s="341">
        <v>0</v>
      </c>
      <c r="JD32" s="345">
        <v>0</v>
      </c>
      <c r="JE32" s="347">
        <v>0</v>
      </c>
      <c r="JF32" s="344">
        <v>0</v>
      </c>
      <c r="JG32" s="341">
        <v>0</v>
      </c>
      <c r="JH32" s="342">
        <v>0</v>
      </c>
      <c r="JI32" s="348">
        <v>0</v>
      </c>
      <c r="JJ32" s="341">
        <v>1304263</v>
      </c>
      <c r="JK32" s="341">
        <v>1433601</v>
      </c>
      <c r="JL32" s="341">
        <v>1115098</v>
      </c>
      <c r="JM32" s="341">
        <v>177952</v>
      </c>
      <c r="JN32" s="341">
        <v>0</v>
      </c>
      <c r="JO32" s="345">
        <v>4030914</v>
      </c>
      <c r="JP32" s="343">
        <v>4030914</v>
      </c>
      <c r="JQ32" s="344">
        <v>0</v>
      </c>
      <c r="JR32" s="341">
        <v>0</v>
      </c>
      <c r="JS32" s="342">
        <v>0</v>
      </c>
      <c r="JT32" s="348">
        <v>0</v>
      </c>
      <c r="JU32" s="341">
        <v>388789</v>
      </c>
      <c r="JV32" s="341">
        <v>94536</v>
      </c>
      <c r="JW32" s="341">
        <v>90819</v>
      </c>
      <c r="JX32" s="341">
        <v>123480</v>
      </c>
      <c r="JY32" s="341">
        <v>60714</v>
      </c>
      <c r="JZ32" s="345">
        <v>758338</v>
      </c>
      <c r="KA32" s="343">
        <v>758338</v>
      </c>
      <c r="KB32" s="349">
        <v>0</v>
      </c>
      <c r="KC32" s="350">
        <v>0</v>
      </c>
      <c r="KD32" s="345">
        <v>0</v>
      </c>
      <c r="KE32" s="348">
        <v>0</v>
      </c>
      <c r="KF32" s="341">
        <v>135652</v>
      </c>
      <c r="KG32" s="341">
        <v>189058</v>
      </c>
      <c r="KH32" s="341">
        <v>0</v>
      </c>
      <c r="KI32" s="341">
        <v>0</v>
      </c>
      <c r="KJ32" s="341">
        <v>0</v>
      </c>
      <c r="KK32" s="345">
        <v>324710</v>
      </c>
      <c r="KL32" s="351">
        <v>324710</v>
      </c>
      <c r="KM32" s="337">
        <v>0</v>
      </c>
      <c r="KN32" s="338">
        <v>0</v>
      </c>
      <c r="KO32" s="339">
        <v>0</v>
      </c>
      <c r="KP32" s="352"/>
      <c r="KQ32" s="341">
        <v>5597314</v>
      </c>
      <c r="KR32" s="341">
        <v>957812</v>
      </c>
      <c r="KS32" s="341">
        <v>1071960</v>
      </c>
      <c r="KT32" s="341">
        <v>1062757</v>
      </c>
      <c r="KU32" s="341">
        <v>838124</v>
      </c>
      <c r="KV32" s="345">
        <v>9527967</v>
      </c>
      <c r="KW32" s="343">
        <v>9527967</v>
      </c>
      <c r="KX32" s="344">
        <v>0</v>
      </c>
      <c r="KY32" s="341">
        <v>0</v>
      </c>
      <c r="KZ32" s="345">
        <v>0</v>
      </c>
      <c r="LA32" s="352"/>
      <c r="LB32" s="341">
        <v>0</v>
      </c>
      <c r="LC32" s="341">
        <v>0</v>
      </c>
      <c r="LD32" s="341">
        <v>0</v>
      </c>
      <c r="LE32" s="341">
        <v>0</v>
      </c>
      <c r="LF32" s="341">
        <v>0</v>
      </c>
      <c r="LG32" s="345">
        <v>0</v>
      </c>
      <c r="LH32" s="347">
        <v>0</v>
      </c>
      <c r="LI32" s="344">
        <v>0</v>
      </c>
      <c r="LJ32" s="341">
        <v>0</v>
      </c>
      <c r="LK32" s="345">
        <v>0</v>
      </c>
      <c r="LL32" s="352"/>
      <c r="LM32" s="341">
        <v>0</v>
      </c>
      <c r="LN32" s="341">
        <v>0</v>
      </c>
      <c r="LO32" s="341">
        <v>3113773</v>
      </c>
      <c r="LP32" s="341">
        <v>852348</v>
      </c>
      <c r="LQ32" s="341">
        <v>1269361</v>
      </c>
      <c r="LR32" s="345">
        <v>5235482</v>
      </c>
      <c r="LS32" s="343">
        <v>5235482</v>
      </c>
      <c r="LT32" s="344">
        <v>0</v>
      </c>
      <c r="LU32" s="341">
        <v>0</v>
      </c>
      <c r="LV32" s="345">
        <v>0</v>
      </c>
      <c r="LW32" s="352"/>
      <c r="LX32" s="341">
        <v>0</v>
      </c>
      <c r="LY32" s="341">
        <v>0</v>
      </c>
      <c r="LZ32" s="341">
        <v>280403</v>
      </c>
      <c r="MA32" s="341">
        <v>0</v>
      </c>
      <c r="MB32" s="341">
        <v>0</v>
      </c>
      <c r="MC32" s="345">
        <v>280403</v>
      </c>
      <c r="MD32" s="347">
        <v>280403</v>
      </c>
      <c r="ME32" s="344">
        <v>0</v>
      </c>
      <c r="MF32" s="341">
        <v>0</v>
      </c>
      <c r="MG32" s="345">
        <v>0</v>
      </c>
      <c r="MH32" s="352"/>
      <c r="MI32" s="341">
        <v>2408733</v>
      </c>
      <c r="MJ32" s="341">
        <v>3826222</v>
      </c>
      <c r="MK32" s="341">
        <v>17753949</v>
      </c>
      <c r="ML32" s="341">
        <v>18630191</v>
      </c>
      <c r="MM32" s="341">
        <v>14859803</v>
      </c>
      <c r="MN32" s="345">
        <v>57478898</v>
      </c>
      <c r="MO32" s="351">
        <v>57478898</v>
      </c>
      <c r="MP32" s="344">
        <v>0</v>
      </c>
      <c r="MQ32" s="341">
        <v>0</v>
      </c>
      <c r="MR32" s="345">
        <v>0</v>
      </c>
      <c r="MS32" s="352"/>
      <c r="MT32" s="341">
        <v>401321</v>
      </c>
      <c r="MU32" s="341">
        <v>445458</v>
      </c>
      <c r="MV32" s="341">
        <v>9808026</v>
      </c>
      <c r="MW32" s="341">
        <v>14046217</v>
      </c>
      <c r="MX32" s="341">
        <v>11844108</v>
      </c>
      <c r="MY32" s="345">
        <v>36545130</v>
      </c>
      <c r="MZ32" s="351">
        <v>36545130</v>
      </c>
      <c r="NA32" s="344">
        <v>0</v>
      </c>
      <c r="NB32" s="341">
        <v>0</v>
      </c>
      <c r="NC32" s="345">
        <v>0</v>
      </c>
      <c r="ND32" s="352"/>
      <c r="NE32" s="341">
        <v>2007412</v>
      </c>
      <c r="NF32" s="341">
        <v>3380764</v>
      </c>
      <c r="NG32" s="341">
        <v>7218767</v>
      </c>
      <c r="NH32" s="341">
        <v>3888252</v>
      </c>
      <c r="NI32" s="341">
        <v>2570492</v>
      </c>
      <c r="NJ32" s="345">
        <v>19065687</v>
      </c>
      <c r="NK32" s="343">
        <v>19065687</v>
      </c>
      <c r="NL32" s="344">
        <v>0</v>
      </c>
      <c r="NM32" s="341">
        <v>0</v>
      </c>
      <c r="NN32" s="345">
        <v>0</v>
      </c>
      <c r="NO32" s="352"/>
      <c r="NP32" s="341">
        <v>0</v>
      </c>
      <c r="NQ32" s="341">
        <v>0</v>
      </c>
      <c r="NR32" s="341">
        <v>343910</v>
      </c>
      <c r="NS32" s="341">
        <v>0</v>
      </c>
      <c r="NT32" s="341">
        <v>0</v>
      </c>
      <c r="NU32" s="345">
        <v>343910</v>
      </c>
      <c r="NV32" s="347">
        <v>343910</v>
      </c>
      <c r="NW32" s="344">
        <v>0</v>
      </c>
      <c r="NX32" s="341">
        <v>0</v>
      </c>
      <c r="NY32" s="345">
        <v>0</v>
      </c>
      <c r="NZ32" s="352"/>
      <c r="OA32" s="341">
        <v>0</v>
      </c>
      <c r="OB32" s="341">
        <v>0</v>
      </c>
      <c r="OC32" s="341">
        <v>383246</v>
      </c>
      <c r="OD32" s="341">
        <v>695722</v>
      </c>
      <c r="OE32" s="341">
        <v>445203</v>
      </c>
      <c r="OF32" s="345">
        <v>1524171</v>
      </c>
      <c r="OG32" s="347">
        <v>1524171</v>
      </c>
      <c r="OH32" s="344">
        <v>2575570</v>
      </c>
      <c r="OI32" s="341">
        <v>5409077</v>
      </c>
      <c r="OJ32" s="342">
        <v>7984647</v>
      </c>
      <c r="OK32" s="348">
        <v>0</v>
      </c>
      <c r="OL32" s="341">
        <v>28641031</v>
      </c>
      <c r="OM32" s="341">
        <v>30159856</v>
      </c>
      <c r="ON32" s="341">
        <v>47533237</v>
      </c>
      <c r="OO32" s="341">
        <v>43837201</v>
      </c>
      <c r="OP32" s="341">
        <v>35049700</v>
      </c>
      <c r="OQ32" s="345">
        <v>185221025</v>
      </c>
      <c r="OR32" s="351">
        <v>193205672</v>
      </c>
    </row>
    <row r="33" spans="1:408" ht="18.75" customHeight="1" x14ac:dyDescent="0.2">
      <c r="A33" s="61" t="s">
        <v>28</v>
      </c>
      <c r="B33" s="318">
        <v>282579</v>
      </c>
      <c r="C33" s="319">
        <v>453940</v>
      </c>
      <c r="D33" s="320">
        <v>736519</v>
      </c>
      <c r="E33" s="321">
        <v>0</v>
      </c>
      <c r="F33" s="319">
        <v>5039950</v>
      </c>
      <c r="G33" s="319">
        <v>8192875</v>
      </c>
      <c r="H33" s="319">
        <v>5268868</v>
      </c>
      <c r="I33" s="319">
        <v>5912415</v>
      </c>
      <c r="J33" s="319">
        <v>6126400</v>
      </c>
      <c r="K33" s="358">
        <v>30540508</v>
      </c>
      <c r="L33" s="322">
        <v>31277027</v>
      </c>
      <c r="M33" s="318">
        <v>31023</v>
      </c>
      <c r="N33" s="319">
        <v>54467</v>
      </c>
      <c r="O33" s="320">
        <v>85490</v>
      </c>
      <c r="P33" s="318">
        <v>0</v>
      </c>
      <c r="Q33" s="319">
        <v>820956</v>
      </c>
      <c r="R33" s="319">
        <v>1418258</v>
      </c>
      <c r="S33" s="319">
        <v>728344</v>
      </c>
      <c r="T33" s="319">
        <v>1446477</v>
      </c>
      <c r="U33" s="319">
        <v>2810157</v>
      </c>
      <c r="V33" s="320">
        <v>7224192</v>
      </c>
      <c r="W33" s="322">
        <v>7309682</v>
      </c>
      <c r="X33" s="318">
        <v>0</v>
      </c>
      <c r="Y33" s="319">
        <v>0</v>
      </c>
      <c r="Z33" s="320">
        <v>0</v>
      </c>
      <c r="AA33" s="318">
        <v>0</v>
      </c>
      <c r="AB33" s="319">
        <v>427203</v>
      </c>
      <c r="AC33" s="319">
        <v>529229</v>
      </c>
      <c r="AD33" s="319">
        <v>380275</v>
      </c>
      <c r="AE33" s="319">
        <v>825686</v>
      </c>
      <c r="AF33" s="319">
        <v>1287513</v>
      </c>
      <c r="AG33" s="320">
        <v>3449906</v>
      </c>
      <c r="AH33" s="322">
        <v>3449906</v>
      </c>
      <c r="AI33" s="318">
        <v>0</v>
      </c>
      <c r="AJ33" s="319">
        <v>0</v>
      </c>
      <c r="AK33" s="320">
        <v>0</v>
      </c>
      <c r="AL33" s="318">
        <v>0</v>
      </c>
      <c r="AM33" s="319">
        <v>0</v>
      </c>
      <c r="AN33" s="319">
        <v>0</v>
      </c>
      <c r="AO33" s="319">
        <v>63395</v>
      </c>
      <c r="AP33" s="319">
        <v>103447</v>
      </c>
      <c r="AQ33" s="319">
        <v>368377</v>
      </c>
      <c r="AR33" s="320">
        <v>535219</v>
      </c>
      <c r="AS33" s="322">
        <v>535219</v>
      </c>
      <c r="AT33" s="318">
        <v>20997</v>
      </c>
      <c r="AU33" s="319">
        <v>45484</v>
      </c>
      <c r="AV33" s="320">
        <v>66481</v>
      </c>
      <c r="AW33" s="318">
        <v>0</v>
      </c>
      <c r="AX33" s="319">
        <v>214833</v>
      </c>
      <c r="AY33" s="319">
        <v>646276</v>
      </c>
      <c r="AZ33" s="319">
        <v>108845</v>
      </c>
      <c r="BA33" s="319">
        <v>267266</v>
      </c>
      <c r="BB33" s="319">
        <v>829603</v>
      </c>
      <c r="BC33" s="320">
        <v>2066823</v>
      </c>
      <c r="BD33" s="322">
        <v>2133304</v>
      </c>
      <c r="BE33" s="318">
        <v>0</v>
      </c>
      <c r="BF33" s="319">
        <v>0</v>
      </c>
      <c r="BG33" s="323">
        <v>0</v>
      </c>
      <c r="BH33" s="324">
        <v>0</v>
      </c>
      <c r="BI33" s="319">
        <v>127910</v>
      </c>
      <c r="BJ33" s="319">
        <v>0</v>
      </c>
      <c r="BK33" s="319">
        <v>0</v>
      </c>
      <c r="BL33" s="319">
        <v>42988</v>
      </c>
      <c r="BM33" s="319">
        <v>142204</v>
      </c>
      <c r="BN33" s="320">
        <v>313102</v>
      </c>
      <c r="BO33" s="322">
        <v>313102</v>
      </c>
      <c r="BP33" s="318">
        <v>10026</v>
      </c>
      <c r="BQ33" s="319">
        <v>8983</v>
      </c>
      <c r="BR33" s="320">
        <v>19009</v>
      </c>
      <c r="BS33" s="318">
        <v>0</v>
      </c>
      <c r="BT33" s="319">
        <v>51010</v>
      </c>
      <c r="BU33" s="319">
        <v>242753</v>
      </c>
      <c r="BV33" s="319">
        <v>175829</v>
      </c>
      <c r="BW33" s="319">
        <v>207090</v>
      </c>
      <c r="BX33" s="319">
        <v>182460</v>
      </c>
      <c r="BY33" s="320">
        <v>859142</v>
      </c>
      <c r="BZ33" s="322">
        <v>878151</v>
      </c>
      <c r="CA33" s="318">
        <v>0</v>
      </c>
      <c r="CB33" s="319">
        <v>210178</v>
      </c>
      <c r="CC33" s="320">
        <v>210178</v>
      </c>
      <c r="CD33" s="318">
        <v>0</v>
      </c>
      <c r="CE33" s="319">
        <v>2347240</v>
      </c>
      <c r="CF33" s="319">
        <v>3299432</v>
      </c>
      <c r="CG33" s="319">
        <v>1691460</v>
      </c>
      <c r="CH33" s="319">
        <v>1865580</v>
      </c>
      <c r="CI33" s="319">
        <v>1546632</v>
      </c>
      <c r="CJ33" s="320">
        <v>10750344</v>
      </c>
      <c r="CK33" s="322">
        <v>10960522</v>
      </c>
      <c r="CL33" s="318">
        <v>0</v>
      </c>
      <c r="CM33" s="319">
        <v>0</v>
      </c>
      <c r="CN33" s="320">
        <v>0</v>
      </c>
      <c r="CO33" s="324">
        <v>0</v>
      </c>
      <c r="CP33" s="319">
        <v>2168366</v>
      </c>
      <c r="CQ33" s="319">
        <v>2526154</v>
      </c>
      <c r="CR33" s="319">
        <v>1261291</v>
      </c>
      <c r="CS33" s="319">
        <v>1241666</v>
      </c>
      <c r="CT33" s="319">
        <v>1018662</v>
      </c>
      <c r="CU33" s="320">
        <v>8216139</v>
      </c>
      <c r="CV33" s="322">
        <v>8216139</v>
      </c>
      <c r="CW33" s="318">
        <v>0</v>
      </c>
      <c r="CX33" s="319">
        <v>210178</v>
      </c>
      <c r="CY33" s="320">
        <v>210178</v>
      </c>
      <c r="CZ33" s="318">
        <v>0</v>
      </c>
      <c r="DA33" s="319">
        <v>178874</v>
      </c>
      <c r="DB33" s="319">
        <v>773278</v>
      </c>
      <c r="DC33" s="319">
        <v>430169</v>
      </c>
      <c r="DD33" s="319">
        <v>623914</v>
      </c>
      <c r="DE33" s="319">
        <v>527970</v>
      </c>
      <c r="DF33" s="320">
        <v>2534205</v>
      </c>
      <c r="DG33" s="322">
        <v>2744383</v>
      </c>
      <c r="DH33" s="318">
        <v>0</v>
      </c>
      <c r="DI33" s="319">
        <v>29555</v>
      </c>
      <c r="DJ33" s="323">
        <v>29555</v>
      </c>
      <c r="DK33" s="324">
        <v>0</v>
      </c>
      <c r="DL33" s="319">
        <v>185784</v>
      </c>
      <c r="DM33" s="319">
        <v>466923</v>
      </c>
      <c r="DN33" s="319">
        <v>941620</v>
      </c>
      <c r="DO33" s="319">
        <v>452057</v>
      </c>
      <c r="DP33" s="319">
        <v>190169</v>
      </c>
      <c r="DQ33" s="320">
        <v>2236553</v>
      </c>
      <c r="DR33" s="322">
        <v>2266108</v>
      </c>
      <c r="DS33" s="318">
        <v>0</v>
      </c>
      <c r="DT33" s="319">
        <v>29555</v>
      </c>
      <c r="DU33" s="320">
        <v>29555</v>
      </c>
      <c r="DV33" s="318">
        <v>0</v>
      </c>
      <c r="DW33" s="319">
        <v>115389</v>
      </c>
      <c r="DX33" s="319">
        <v>421855</v>
      </c>
      <c r="DY33" s="319">
        <v>830418</v>
      </c>
      <c r="DZ33" s="319">
        <v>321440</v>
      </c>
      <c r="EA33" s="319">
        <v>157301</v>
      </c>
      <c r="EB33" s="320">
        <v>1846403</v>
      </c>
      <c r="EC33" s="322">
        <v>1875958</v>
      </c>
      <c r="ED33" s="318">
        <v>0</v>
      </c>
      <c r="EE33" s="323">
        <v>0</v>
      </c>
      <c r="EF33" s="320">
        <v>0</v>
      </c>
      <c r="EG33" s="318">
        <v>0</v>
      </c>
      <c r="EH33" s="319">
        <v>70395</v>
      </c>
      <c r="EI33" s="319">
        <v>45068</v>
      </c>
      <c r="EJ33" s="319">
        <v>111202</v>
      </c>
      <c r="EK33" s="319">
        <v>130617</v>
      </c>
      <c r="EL33" s="319">
        <v>32868</v>
      </c>
      <c r="EM33" s="323">
        <v>390150</v>
      </c>
      <c r="EN33" s="322">
        <v>390150</v>
      </c>
      <c r="EO33" s="318">
        <v>0</v>
      </c>
      <c r="EP33" s="319">
        <v>0</v>
      </c>
      <c r="EQ33" s="323">
        <v>0</v>
      </c>
      <c r="ER33" s="324">
        <v>0</v>
      </c>
      <c r="ES33" s="319">
        <v>0</v>
      </c>
      <c r="ET33" s="319">
        <v>0</v>
      </c>
      <c r="EU33" s="319">
        <v>0</v>
      </c>
      <c r="EV33" s="319">
        <v>0</v>
      </c>
      <c r="EW33" s="319">
        <v>0</v>
      </c>
      <c r="EX33" s="320">
        <v>0</v>
      </c>
      <c r="EY33" s="322">
        <v>0</v>
      </c>
      <c r="EZ33" s="318">
        <v>0</v>
      </c>
      <c r="FA33" s="319">
        <v>0</v>
      </c>
      <c r="FB33" s="323">
        <v>0</v>
      </c>
      <c r="FC33" s="346"/>
      <c r="FD33" s="319">
        <v>0</v>
      </c>
      <c r="FE33" s="319">
        <v>0</v>
      </c>
      <c r="FF33" s="319">
        <v>0</v>
      </c>
      <c r="FG33" s="319">
        <v>0</v>
      </c>
      <c r="FH33" s="319">
        <v>0</v>
      </c>
      <c r="FI33" s="320">
        <v>0</v>
      </c>
      <c r="FJ33" s="322">
        <v>0</v>
      </c>
      <c r="FK33" s="318">
        <v>217896</v>
      </c>
      <c r="FL33" s="319">
        <v>76520</v>
      </c>
      <c r="FM33" s="320">
        <v>294416</v>
      </c>
      <c r="FN33" s="318">
        <v>0</v>
      </c>
      <c r="FO33" s="319">
        <v>187430</v>
      </c>
      <c r="FP33" s="319">
        <v>895924</v>
      </c>
      <c r="FQ33" s="319">
        <v>538080</v>
      </c>
      <c r="FR33" s="319">
        <v>512379</v>
      </c>
      <c r="FS33" s="319">
        <v>556044</v>
      </c>
      <c r="FT33" s="320">
        <v>2689857</v>
      </c>
      <c r="FU33" s="322">
        <v>2984273</v>
      </c>
      <c r="FV33" s="326">
        <v>29448</v>
      </c>
      <c r="FW33" s="319">
        <v>76520</v>
      </c>
      <c r="FX33" s="323">
        <v>105968</v>
      </c>
      <c r="FY33" s="324">
        <v>0</v>
      </c>
      <c r="FZ33" s="319">
        <v>187430</v>
      </c>
      <c r="GA33" s="319">
        <v>710186</v>
      </c>
      <c r="GB33" s="319">
        <v>393666</v>
      </c>
      <c r="GC33" s="319">
        <v>512379</v>
      </c>
      <c r="GD33" s="319">
        <v>556044</v>
      </c>
      <c r="GE33" s="320">
        <v>2359705</v>
      </c>
      <c r="GF33" s="327">
        <v>2465673</v>
      </c>
      <c r="GG33" s="326">
        <v>0</v>
      </c>
      <c r="GH33" s="319">
        <v>0</v>
      </c>
      <c r="GI33" s="323">
        <v>0</v>
      </c>
      <c r="GJ33" s="324">
        <v>0</v>
      </c>
      <c r="GK33" s="319">
        <v>0</v>
      </c>
      <c r="GL33" s="319">
        <v>38048</v>
      </c>
      <c r="GM33" s="319">
        <v>51084</v>
      </c>
      <c r="GN33" s="319">
        <v>0</v>
      </c>
      <c r="GO33" s="319">
        <v>0</v>
      </c>
      <c r="GP33" s="320">
        <v>89132</v>
      </c>
      <c r="GQ33" s="322">
        <v>89132</v>
      </c>
      <c r="GR33" s="318">
        <v>188448</v>
      </c>
      <c r="GS33" s="319">
        <v>0</v>
      </c>
      <c r="GT33" s="320">
        <v>188448</v>
      </c>
      <c r="GU33" s="318">
        <v>0</v>
      </c>
      <c r="GV33" s="319">
        <v>0</v>
      </c>
      <c r="GW33" s="319">
        <v>147690</v>
      </c>
      <c r="GX33" s="319">
        <v>93330</v>
      </c>
      <c r="GY33" s="319">
        <v>0</v>
      </c>
      <c r="GZ33" s="319">
        <v>0</v>
      </c>
      <c r="HA33" s="323">
        <v>241020</v>
      </c>
      <c r="HB33" s="322">
        <v>429468</v>
      </c>
      <c r="HC33" s="318">
        <v>0</v>
      </c>
      <c r="HD33" s="319">
        <v>0</v>
      </c>
      <c r="HE33" s="323">
        <v>0</v>
      </c>
      <c r="HF33" s="324">
        <v>0</v>
      </c>
      <c r="HG33" s="319">
        <v>628838</v>
      </c>
      <c r="HH33" s="319">
        <v>955655</v>
      </c>
      <c r="HI33" s="319">
        <v>834507</v>
      </c>
      <c r="HJ33" s="319">
        <v>1161177</v>
      </c>
      <c r="HK33" s="319">
        <v>708941</v>
      </c>
      <c r="HL33" s="320">
        <v>4289118</v>
      </c>
      <c r="HM33" s="321">
        <v>4289118</v>
      </c>
      <c r="HN33" s="326">
        <v>33660</v>
      </c>
      <c r="HO33" s="319">
        <v>83220</v>
      </c>
      <c r="HP33" s="320">
        <v>116880</v>
      </c>
      <c r="HQ33" s="318">
        <v>0</v>
      </c>
      <c r="HR33" s="319">
        <v>869702</v>
      </c>
      <c r="HS33" s="319">
        <v>1156683</v>
      </c>
      <c r="HT33" s="319">
        <v>534857</v>
      </c>
      <c r="HU33" s="319">
        <v>474745</v>
      </c>
      <c r="HV33" s="319">
        <v>314457</v>
      </c>
      <c r="HW33" s="323">
        <v>3350444</v>
      </c>
      <c r="HX33" s="322">
        <v>3467324</v>
      </c>
      <c r="HY33" s="328">
        <v>0</v>
      </c>
      <c r="HZ33" s="329">
        <v>0</v>
      </c>
      <c r="IA33" s="330">
        <v>0</v>
      </c>
      <c r="IB33" s="353">
        <v>0</v>
      </c>
      <c r="IC33" s="329">
        <v>595895</v>
      </c>
      <c r="ID33" s="354">
        <v>1209120</v>
      </c>
      <c r="IE33" s="330">
        <v>1973941</v>
      </c>
      <c r="IF33" s="329">
        <v>770508</v>
      </c>
      <c r="IG33" s="330">
        <v>834894</v>
      </c>
      <c r="IH33" s="355">
        <v>5384358</v>
      </c>
      <c r="II33" s="336">
        <v>5384358</v>
      </c>
      <c r="IJ33" s="337">
        <v>0</v>
      </c>
      <c r="IK33" s="338">
        <v>0</v>
      </c>
      <c r="IL33" s="339">
        <v>0</v>
      </c>
      <c r="IM33" s="346"/>
      <c r="IN33" s="341">
        <v>0</v>
      </c>
      <c r="IO33" s="341">
        <v>0</v>
      </c>
      <c r="IP33" s="341">
        <v>0</v>
      </c>
      <c r="IQ33" s="341">
        <v>0</v>
      </c>
      <c r="IR33" s="341">
        <v>0</v>
      </c>
      <c r="IS33" s="342">
        <v>0</v>
      </c>
      <c r="IT33" s="343">
        <v>0</v>
      </c>
      <c r="IU33" s="344">
        <v>0</v>
      </c>
      <c r="IV33" s="341">
        <v>0</v>
      </c>
      <c r="IW33" s="345">
        <v>0</v>
      </c>
      <c r="IX33" s="346"/>
      <c r="IY33" s="341">
        <v>0</v>
      </c>
      <c r="IZ33" s="341">
        <v>0</v>
      </c>
      <c r="JA33" s="341">
        <v>0</v>
      </c>
      <c r="JB33" s="341">
        <v>0</v>
      </c>
      <c r="JC33" s="341">
        <v>0</v>
      </c>
      <c r="JD33" s="345">
        <v>0</v>
      </c>
      <c r="JE33" s="347">
        <v>0</v>
      </c>
      <c r="JF33" s="344">
        <v>0</v>
      </c>
      <c r="JG33" s="341">
        <v>0</v>
      </c>
      <c r="JH33" s="342">
        <v>0</v>
      </c>
      <c r="JI33" s="348">
        <v>0</v>
      </c>
      <c r="JJ33" s="341">
        <v>520529</v>
      </c>
      <c r="JK33" s="341">
        <v>433257</v>
      </c>
      <c r="JL33" s="341">
        <v>126288</v>
      </c>
      <c r="JM33" s="341">
        <v>82305</v>
      </c>
      <c r="JN33" s="341">
        <v>0</v>
      </c>
      <c r="JO33" s="345">
        <v>1162379</v>
      </c>
      <c r="JP33" s="343">
        <v>1162379</v>
      </c>
      <c r="JQ33" s="344">
        <v>0</v>
      </c>
      <c r="JR33" s="341">
        <v>0</v>
      </c>
      <c r="JS33" s="342">
        <v>0</v>
      </c>
      <c r="JT33" s="348">
        <v>0</v>
      </c>
      <c r="JU33" s="341">
        <v>75366</v>
      </c>
      <c r="JV33" s="341">
        <v>0</v>
      </c>
      <c r="JW33" s="341">
        <v>621708</v>
      </c>
      <c r="JX33" s="341">
        <v>0</v>
      </c>
      <c r="JY33" s="341">
        <v>0</v>
      </c>
      <c r="JZ33" s="345">
        <v>697074</v>
      </c>
      <c r="KA33" s="343">
        <v>697074</v>
      </c>
      <c r="KB33" s="349">
        <v>0</v>
      </c>
      <c r="KC33" s="350">
        <v>0</v>
      </c>
      <c r="KD33" s="345">
        <v>0</v>
      </c>
      <c r="KE33" s="348">
        <v>0</v>
      </c>
      <c r="KF33" s="341">
        <v>0</v>
      </c>
      <c r="KG33" s="341">
        <v>0</v>
      </c>
      <c r="KH33" s="341">
        <v>0</v>
      </c>
      <c r="KI33" s="341">
        <v>0</v>
      </c>
      <c r="KJ33" s="341">
        <v>0</v>
      </c>
      <c r="KK33" s="345">
        <v>0</v>
      </c>
      <c r="KL33" s="351">
        <v>0</v>
      </c>
      <c r="KM33" s="337">
        <v>0</v>
      </c>
      <c r="KN33" s="338">
        <v>0</v>
      </c>
      <c r="KO33" s="339">
        <v>0</v>
      </c>
      <c r="KP33" s="352"/>
      <c r="KQ33" s="341">
        <v>0</v>
      </c>
      <c r="KR33" s="341">
        <v>775863</v>
      </c>
      <c r="KS33" s="341">
        <v>982576</v>
      </c>
      <c r="KT33" s="341">
        <v>688203</v>
      </c>
      <c r="KU33" s="341">
        <v>834894</v>
      </c>
      <c r="KV33" s="345">
        <v>3281536</v>
      </c>
      <c r="KW33" s="343">
        <v>3281536</v>
      </c>
      <c r="KX33" s="344">
        <v>0</v>
      </c>
      <c r="KY33" s="341">
        <v>0</v>
      </c>
      <c r="KZ33" s="345">
        <v>0</v>
      </c>
      <c r="LA33" s="352"/>
      <c r="LB33" s="341">
        <v>0</v>
      </c>
      <c r="LC33" s="341">
        <v>0</v>
      </c>
      <c r="LD33" s="341">
        <v>0</v>
      </c>
      <c r="LE33" s="341">
        <v>0</v>
      </c>
      <c r="LF33" s="341">
        <v>0</v>
      </c>
      <c r="LG33" s="345">
        <v>0</v>
      </c>
      <c r="LH33" s="347">
        <v>0</v>
      </c>
      <c r="LI33" s="344">
        <v>0</v>
      </c>
      <c r="LJ33" s="341">
        <v>0</v>
      </c>
      <c r="LK33" s="345">
        <v>0</v>
      </c>
      <c r="LL33" s="352"/>
      <c r="LM33" s="341">
        <v>0</v>
      </c>
      <c r="LN33" s="341">
        <v>0</v>
      </c>
      <c r="LO33" s="341">
        <v>243369</v>
      </c>
      <c r="LP33" s="341">
        <v>0</v>
      </c>
      <c r="LQ33" s="341">
        <v>0</v>
      </c>
      <c r="LR33" s="345">
        <v>243369</v>
      </c>
      <c r="LS33" s="343">
        <v>243369</v>
      </c>
      <c r="LT33" s="344">
        <v>0</v>
      </c>
      <c r="LU33" s="341">
        <v>0</v>
      </c>
      <c r="LV33" s="345">
        <v>0</v>
      </c>
      <c r="LW33" s="352"/>
      <c r="LX33" s="341">
        <v>0</v>
      </c>
      <c r="LY33" s="341">
        <v>0</v>
      </c>
      <c r="LZ33" s="341">
        <v>0</v>
      </c>
      <c r="MA33" s="341">
        <v>0</v>
      </c>
      <c r="MB33" s="341">
        <v>0</v>
      </c>
      <c r="MC33" s="345">
        <v>0</v>
      </c>
      <c r="MD33" s="347">
        <v>0</v>
      </c>
      <c r="ME33" s="344">
        <v>0</v>
      </c>
      <c r="MF33" s="341">
        <v>0</v>
      </c>
      <c r="MG33" s="345">
        <v>0</v>
      </c>
      <c r="MH33" s="352"/>
      <c r="MI33" s="341">
        <v>0</v>
      </c>
      <c r="MJ33" s="341">
        <v>2753287</v>
      </c>
      <c r="MK33" s="341">
        <v>5780395</v>
      </c>
      <c r="ML33" s="341">
        <v>7476543</v>
      </c>
      <c r="MM33" s="341">
        <v>4549665</v>
      </c>
      <c r="MN33" s="345">
        <v>20559890</v>
      </c>
      <c r="MO33" s="351">
        <v>20559890</v>
      </c>
      <c r="MP33" s="344">
        <v>0</v>
      </c>
      <c r="MQ33" s="341">
        <v>0</v>
      </c>
      <c r="MR33" s="345">
        <v>0</v>
      </c>
      <c r="MS33" s="352"/>
      <c r="MT33" s="341">
        <v>0</v>
      </c>
      <c r="MU33" s="341">
        <v>408708</v>
      </c>
      <c r="MV33" s="341">
        <v>4035089</v>
      </c>
      <c r="MW33" s="341">
        <v>4974174</v>
      </c>
      <c r="MX33" s="341">
        <v>3318285</v>
      </c>
      <c r="MY33" s="345">
        <v>12736256</v>
      </c>
      <c r="MZ33" s="351">
        <v>12736256</v>
      </c>
      <c r="NA33" s="344">
        <v>0</v>
      </c>
      <c r="NB33" s="341">
        <v>0</v>
      </c>
      <c r="NC33" s="345">
        <v>0</v>
      </c>
      <c r="ND33" s="352"/>
      <c r="NE33" s="341">
        <v>0</v>
      </c>
      <c r="NF33" s="341">
        <v>2344579</v>
      </c>
      <c r="NG33" s="341">
        <v>1745306</v>
      </c>
      <c r="NH33" s="341">
        <v>2502369</v>
      </c>
      <c r="NI33" s="341">
        <v>1231380</v>
      </c>
      <c r="NJ33" s="345">
        <v>7823634</v>
      </c>
      <c r="NK33" s="343">
        <v>7823634</v>
      </c>
      <c r="NL33" s="344">
        <v>0</v>
      </c>
      <c r="NM33" s="341">
        <v>0</v>
      </c>
      <c r="NN33" s="345">
        <v>0</v>
      </c>
      <c r="NO33" s="352"/>
      <c r="NP33" s="341">
        <v>0</v>
      </c>
      <c r="NQ33" s="341">
        <v>0</v>
      </c>
      <c r="NR33" s="341">
        <v>0</v>
      </c>
      <c r="NS33" s="341">
        <v>0</v>
      </c>
      <c r="NT33" s="341">
        <v>0</v>
      </c>
      <c r="NU33" s="345">
        <v>0</v>
      </c>
      <c r="NV33" s="347">
        <v>0</v>
      </c>
      <c r="NW33" s="344">
        <v>0</v>
      </c>
      <c r="NX33" s="341">
        <v>0</v>
      </c>
      <c r="NY33" s="345">
        <v>0</v>
      </c>
      <c r="NZ33" s="352"/>
      <c r="OA33" s="341">
        <v>0</v>
      </c>
      <c r="OB33" s="341">
        <v>0</v>
      </c>
      <c r="OC33" s="341">
        <v>0</v>
      </c>
      <c r="OD33" s="341">
        <v>0</v>
      </c>
      <c r="OE33" s="341">
        <v>0</v>
      </c>
      <c r="OF33" s="345">
        <v>0</v>
      </c>
      <c r="OG33" s="347">
        <v>0</v>
      </c>
      <c r="OH33" s="344">
        <v>282579</v>
      </c>
      <c r="OI33" s="341">
        <v>453940</v>
      </c>
      <c r="OJ33" s="342">
        <v>736519</v>
      </c>
      <c r="OK33" s="348">
        <v>0</v>
      </c>
      <c r="OL33" s="341">
        <v>5635845</v>
      </c>
      <c r="OM33" s="341">
        <v>12155282</v>
      </c>
      <c r="ON33" s="341">
        <v>13023204</v>
      </c>
      <c r="OO33" s="341">
        <v>14159466</v>
      </c>
      <c r="OP33" s="341">
        <v>11510959</v>
      </c>
      <c r="OQ33" s="345">
        <v>56484756</v>
      </c>
      <c r="OR33" s="351">
        <v>57221275</v>
      </c>
    </row>
    <row r="34" spans="1:408" ht="18.75" customHeight="1" x14ac:dyDescent="0.2">
      <c r="A34" s="61" t="s">
        <v>29</v>
      </c>
      <c r="B34" s="318">
        <v>426794</v>
      </c>
      <c r="C34" s="319">
        <v>837707</v>
      </c>
      <c r="D34" s="320">
        <v>1264501</v>
      </c>
      <c r="E34" s="321">
        <v>0</v>
      </c>
      <c r="F34" s="319">
        <v>7866821</v>
      </c>
      <c r="G34" s="319">
        <v>10289877</v>
      </c>
      <c r="H34" s="319">
        <v>8060414</v>
      </c>
      <c r="I34" s="319">
        <v>8594976</v>
      </c>
      <c r="J34" s="319">
        <v>6319089</v>
      </c>
      <c r="K34" s="358">
        <v>41131177</v>
      </c>
      <c r="L34" s="322">
        <v>42395678</v>
      </c>
      <c r="M34" s="318">
        <v>82659</v>
      </c>
      <c r="N34" s="319">
        <v>269462</v>
      </c>
      <c r="O34" s="320">
        <v>352121</v>
      </c>
      <c r="P34" s="318">
        <v>0</v>
      </c>
      <c r="Q34" s="319">
        <v>1922040</v>
      </c>
      <c r="R34" s="319">
        <v>2393923</v>
      </c>
      <c r="S34" s="319">
        <v>1505966</v>
      </c>
      <c r="T34" s="319">
        <v>2395102</v>
      </c>
      <c r="U34" s="319">
        <v>2390805</v>
      </c>
      <c r="V34" s="320">
        <v>10607836</v>
      </c>
      <c r="W34" s="322">
        <v>10959957</v>
      </c>
      <c r="X34" s="318">
        <v>0</v>
      </c>
      <c r="Y34" s="319">
        <v>0</v>
      </c>
      <c r="Z34" s="320">
        <v>0</v>
      </c>
      <c r="AA34" s="318">
        <v>0</v>
      </c>
      <c r="AB34" s="319">
        <v>960909</v>
      </c>
      <c r="AC34" s="319">
        <v>1306791</v>
      </c>
      <c r="AD34" s="319">
        <v>871359</v>
      </c>
      <c r="AE34" s="319">
        <v>1504166</v>
      </c>
      <c r="AF34" s="319">
        <v>1436776</v>
      </c>
      <c r="AG34" s="320">
        <v>6080001</v>
      </c>
      <c r="AH34" s="322">
        <v>6080001</v>
      </c>
      <c r="AI34" s="318">
        <v>0</v>
      </c>
      <c r="AJ34" s="319">
        <v>0</v>
      </c>
      <c r="AK34" s="320">
        <v>0</v>
      </c>
      <c r="AL34" s="318">
        <v>0</v>
      </c>
      <c r="AM34" s="319">
        <v>60840</v>
      </c>
      <c r="AN34" s="319">
        <v>48672</v>
      </c>
      <c r="AO34" s="319">
        <v>28392</v>
      </c>
      <c r="AP34" s="319">
        <v>148059</v>
      </c>
      <c r="AQ34" s="319">
        <v>329441</v>
      </c>
      <c r="AR34" s="320">
        <v>615404</v>
      </c>
      <c r="AS34" s="322">
        <v>615404</v>
      </c>
      <c r="AT34" s="318">
        <v>37933</v>
      </c>
      <c r="AU34" s="319">
        <v>224525</v>
      </c>
      <c r="AV34" s="320">
        <v>262458</v>
      </c>
      <c r="AW34" s="318">
        <v>0</v>
      </c>
      <c r="AX34" s="319">
        <v>630874</v>
      </c>
      <c r="AY34" s="319">
        <v>560865</v>
      </c>
      <c r="AZ34" s="319">
        <v>485441</v>
      </c>
      <c r="BA34" s="319">
        <v>419922</v>
      </c>
      <c r="BB34" s="319">
        <v>415295</v>
      </c>
      <c r="BC34" s="320">
        <v>2512397</v>
      </c>
      <c r="BD34" s="322">
        <v>2774855</v>
      </c>
      <c r="BE34" s="318">
        <v>0</v>
      </c>
      <c r="BF34" s="319">
        <v>42255</v>
      </c>
      <c r="BG34" s="323">
        <v>42255</v>
      </c>
      <c r="BH34" s="324">
        <v>0</v>
      </c>
      <c r="BI34" s="319">
        <v>137664</v>
      </c>
      <c r="BJ34" s="319">
        <v>151099</v>
      </c>
      <c r="BK34" s="319">
        <v>0</v>
      </c>
      <c r="BL34" s="319">
        <v>122787</v>
      </c>
      <c r="BM34" s="319">
        <v>60228</v>
      </c>
      <c r="BN34" s="320">
        <v>471778</v>
      </c>
      <c r="BO34" s="322">
        <v>514033</v>
      </c>
      <c r="BP34" s="318">
        <v>44726</v>
      </c>
      <c r="BQ34" s="319">
        <v>2682</v>
      </c>
      <c r="BR34" s="320">
        <v>47408</v>
      </c>
      <c r="BS34" s="318">
        <v>0</v>
      </c>
      <c r="BT34" s="319">
        <v>131753</v>
      </c>
      <c r="BU34" s="319">
        <v>326496</v>
      </c>
      <c r="BV34" s="319">
        <v>120774</v>
      </c>
      <c r="BW34" s="319">
        <v>200168</v>
      </c>
      <c r="BX34" s="319">
        <v>149065</v>
      </c>
      <c r="BY34" s="320">
        <v>928256</v>
      </c>
      <c r="BZ34" s="322">
        <v>975664</v>
      </c>
      <c r="CA34" s="318">
        <v>110970</v>
      </c>
      <c r="CB34" s="319">
        <v>162892</v>
      </c>
      <c r="CC34" s="320">
        <v>273862</v>
      </c>
      <c r="CD34" s="318">
        <v>0</v>
      </c>
      <c r="CE34" s="319">
        <v>3043602</v>
      </c>
      <c r="CF34" s="319">
        <v>3360812</v>
      </c>
      <c r="CG34" s="319">
        <v>3295506</v>
      </c>
      <c r="CH34" s="319">
        <v>2403946</v>
      </c>
      <c r="CI34" s="319">
        <v>1134466</v>
      </c>
      <c r="CJ34" s="320">
        <v>13238332</v>
      </c>
      <c r="CK34" s="322">
        <v>13512194</v>
      </c>
      <c r="CL34" s="318">
        <v>0</v>
      </c>
      <c r="CM34" s="319">
        <v>0</v>
      </c>
      <c r="CN34" s="320">
        <v>0</v>
      </c>
      <c r="CO34" s="324">
        <v>0</v>
      </c>
      <c r="CP34" s="319">
        <v>2007617</v>
      </c>
      <c r="CQ34" s="319">
        <v>2578066</v>
      </c>
      <c r="CR34" s="319">
        <v>2428126</v>
      </c>
      <c r="CS34" s="319">
        <v>1997215</v>
      </c>
      <c r="CT34" s="319">
        <v>562901</v>
      </c>
      <c r="CU34" s="320">
        <v>9573925</v>
      </c>
      <c r="CV34" s="322">
        <v>9573925</v>
      </c>
      <c r="CW34" s="318">
        <v>110970</v>
      </c>
      <c r="CX34" s="319">
        <v>162892</v>
      </c>
      <c r="CY34" s="320">
        <v>273862</v>
      </c>
      <c r="CZ34" s="318">
        <v>0</v>
      </c>
      <c r="DA34" s="319">
        <v>1035985</v>
      </c>
      <c r="DB34" s="319">
        <v>782746</v>
      </c>
      <c r="DC34" s="319">
        <v>867380</v>
      </c>
      <c r="DD34" s="319">
        <v>406731</v>
      </c>
      <c r="DE34" s="319">
        <v>571565</v>
      </c>
      <c r="DF34" s="320">
        <v>3664407</v>
      </c>
      <c r="DG34" s="322">
        <v>3938269</v>
      </c>
      <c r="DH34" s="318">
        <v>0</v>
      </c>
      <c r="DI34" s="319">
        <v>18423</v>
      </c>
      <c r="DJ34" s="323">
        <v>18423</v>
      </c>
      <c r="DK34" s="324">
        <v>0</v>
      </c>
      <c r="DL34" s="319">
        <v>233171</v>
      </c>
      <c r="DM34" s="319">
        <v>940154</v>
      </c>
      <c r="DN34" s="319">
        <v>1082032</v>
      </c>
      <c r="DO34" s="319">
        <v>1066017</v>
      </c>
      <c r="DP34" s="319">
        <v>1050331</v>
      </c>
      <c r="DQ34" s="320">
        <v>4371705</v>
      </c>
      <c r="DR34" s="322">
        <v>4390128</v>
      </c>
      <c r="DS34" s="318">
        <v>0</v>
      </c>
      <c r="DT34" s="319">
        <v>0</v>
      </c>
      <c r="DU34" s="320">
        <v>0</v>
      </c>
      <c r="DV34" s="318">
        <v>0</v>
      </c>
      <c r="DW34" s="319">
        <v>204263</v>
      </c>
      <c r="DX34" s="319">
        <v>799597</v>
      </c>
      <c r="DY34" s="319">
        <v>1025283</v>
      </c>
      <c r="DZ34" s="319">
        <v>784471</v>
      </c>
      <c r="EA34" s="319">
        <v>976594</v>
      </c>
      <c r="EB34" s="320">
        <v>3790208</v>
      </c>
      <c r="EC34" s="322">
        <v>3790208</v>
      </c>
      <c r="ED34" s="318">
        <v>0</v>
      </c>
      <c r="EE34" s="323">
        <v>18423</v>
      </c>
      <c r="EF34" s="320">
        <v>18423</v>
      </c>
      <c r="EG34" s="318">
        <v>0</v>
      </c>
      <c r="EH34" s="319">
        <v>28908</v>
      </c>
      <c r="EI34" s="319">
        <v>140557</v>
      </c>
      <c r="EJ34" s="319">
        <v>56749</v>
      </c>
      <c r="EK34" s="319">
        <v>281546</v>
      </c>
      <c r="EL34" s="319">
        <v>73737</v>
      </c>
      <c r="EM34" s="323">
        <v>581497</v>
      </c>
      <c r="EN34" s="322">
        <v>599920</v>
      </c>
      <c r="EO34" s="318">
        <v>0</v>
      </c>
      <c r="EP34" s="319">
        <v>0</v>
      </c>
      <c r="EQ34" s="323">
        <v>0</v>
      </c>
      <c r="ER34" s="324">
        <v>0</v>
      </c>
      <c r="ES34" s="319">
        <v>0</v>
      </c>
      <c r="ET34" s="319">
        <v>0</v>
      </c>
      <c r="EU34" s="319">
        <v>0</v>
      </c>
      <c r="EV34" s="319">
        <v>0</v>
      </c>
      <c r="EW34" s="319">
        <v>0</v>
      </c>
      <c r="EX34" s="320">
        <v>0</v>
      </c>
      <c r="EY34" s="322">
        <v>0</v>
      </c>
      <c r="EZ34" s="318">
        <v>0</v>
      </c>
      <c r="FA34" s="319">
        <v>0</v>
      </c>
      <c r="FB34" s="323">
        <v>0</v>
      </c>
      <c r="FC34" s="346"/>
      <c r="FD34" s="319">
        <v>0</v>
      </c>
      <c r="FE34" s="319">
        <v>0</v>
      </c>
      <c r="FF34" s="319">
        <v>0</v>
      </c>
      <c r="FG34" s="319">
        <v>0</v>
      </c>
      <c r="FH34" s="319">
        <v>0</v>
      </c>
      <c r="FI34" s="320">
        <v>0</v>
      </c>
      <c r="FJ34" s="322">
        <v>0</v>
      </c>
      <c r="FK34" s="318">
        <v>119285</v>
      </c>
      <c r="FL34" s="319">
        <v>207110</v>
      </c>
      <c r="FM34" s="320">
        <v>326395</v>
      </c>
      <c r="FN34" s="318">
        <v>0</v>
      </c>
      <c r="FO34" s="319">
        <v>460667</v>
      </c>
      <c r="FP34" s="319">
        <v>771804</v>
      </c>
      <c r="FQ34" s="319">
        <v>609599</v>
      </c>
      <c r="FR34" s="319">
        <v>754025</v>
      </c>
      <c r="FS34" s="319">
        <v>564326</v>
      </c>
      <c r="FT34" s="320">
        <v>3160421</v>
      </c>
      <c r="FU34" s="322">
        <v>3486816</v>
      </c>
      <c r="FV34" s="326">
        <v>119285</v>
      </c>
      <c r="FW34" s="319">
        <v>207110</v>
      </c>
      <c r="FX34" s="323">
        <v>326395</v>
      </c>
      <c r="FY34" s="324">
        <v>0</v>
      </c>
      <c r="FZ34" s="319">
        <v>371315</v>
      </c>
      <c r="GA34" s="319">
        <v>771804</v>
      </c>
      <c r="GB34" s="319">
        <v>588215</v>
      </c>
      <c r="GC34" s="319">
        <v>732641</v>
      </c>
      <c r="GD34" s="319">
        <v>564326</v>
      </c>
      <c r="GE34" s="320">
        <v>3028301</v>
      </c>
      <c r="GF34" s="327">
        <v>3354696</v>
      </c>
      <c r="GG34" s="326">
        <v>0</v>
      </c>
      <c r="GH34" s="319">
        <v>0</v>
      </c>
      <c r="GI34" s="323">
        <v>0</v>
      </c>
      <c r="GJ34" s="324">
        <v>0</v>
      </c>
      <c r="GK34" s="319">
        <v>14652</v>
      </c>
      <c r="GL34" s="319">
        <v>0</v>
      </c>
      <c r="GM34" s="319">
        <v>21384</v>
      </c>
      <c r="GN34" s="319">
        <v>21384</v>
      </c>
      <c r="GO34" s="319">
        <v>0</v>
      </c>
      <c r="GP34" s="320">
        <v>57420</v>
      </c>
      <c r="GQ34" s="322">
        <v>57420</v>
      </c>
      <c r="GR34" s="318">
        <v>0</v>
      </c>
      <c r="GS34" s="319">
        <v>0</v>
      </c>
      <c r="GT34" s="320">
        <v>0</v>
      </c>
      <c r="GU34" s="318">
        <v>0</v>
      </c>
      <c r="GV34" s="319">
        <v>74700</v>
      </c>
      <c r="GW34" s="319">
        <v>0</v>
      </c>
      <c r="GX34" s="319">
        <v>0</v>
      </c>
      <c r="GY34" s="319">
        <v>0</v>
      </c>
      <c r="GZ34" s="319">
        <v>0</v>
      </c>
      <c r="HA34" s="323">
        <v>74700</v>
      </c>
      <c r="HB34" s="322">
        <v>74700</v>
      </c>
      <c r="HC34" s="318">
        <v>0</v>
      </c>
      <c r="HD34" s="319">
        <v>0</v>
      </c>
      <c r="HE34" s="323">
        <v>0</v>
      </c>
      <c r="HF34" s="324">
        <v>0</v>
      </c>
      <c r="HG34" s="319">
        <v>938665</v>
      </c>
      <c r="HH34" s="319">
        <v>1632225</v>
      </c>
      <c r="HI34" s="319">
        <v>703891</v>
      </c>
      <c r="HJ34" s="319">
        <v>1320831</v>
      </c>
      <c r="HK34" s="319">
        <v>744144</v>
      </c>
      <c r="HL34" s="320">
        <v>5339756</v>
      </c>
      <c r="HM34" s="321">
        <v>5339756</v>
      </c>
      <c r="HN34" s="326">
        <v>113880</v>
      </c>
      <c r="HO34" s="319">
        <v>179820</v>
      </c>
      <c r="HP34" s="320">
        <v>293700</v>
      </c>
      <c r="HQ34" s="318">
        <v>0</v>
      </c>
      <c r="HR34" s="319">
        <v>1268676</v>
      </c>
      <c r="HS34" s="319">
        <v>1190959</v>
      </c>
      <c r="HT34" s="319">
        <v>863420</v>
      </c>
      <c r="HU34" s="319">
        <v>655055</v>
      </c>
      <c r="HV34" s="319">
        <v>435017</v>
      </c>
      <c r="HW34" s="323">
        <v>4413127</v>
      </c>
      <c r="HX34" s="322">
        <v>4706827</v>
      </c>
      <c r="HY34" s="357">
        <v>46098</v>
      </c>
      <c r="HZ34" s="332">
        <v>79686</v>
      </c>
      <c r="IA34" s="357">
        <v>125784</v>
      </c>
      <c r="IB34" s="331">
        <v>0</v>
      </c>
      <c r="IC34" s="332">
        <v>2089460</v>
      </c>
      <c r="ID34" s="333">
        <v>1684362</v>
      </c>
      <c r="IE34" s="334">
        <v>2709777</v>
      </c>
      <c r="IF34" s="332">
        <v>2440609</v>
      </c>
      <c r="IG34" s="334">
        <v>1376550</v>
      </c>
      <c r="IH34" s="335">
        <v>10300758</v>
      </c>
      <c r="II34" s="357">
        <v>10426542</v>
      </c>
      <c r="IJ34" s="337">
        <v>0</v>
      </c>
      <c r="IK34" s="338">
        <v>0</v>
      </c>
      <c r="IL34" s="339">
        <v>0</v>
      </c>
      <c r="IM34" s="346"/>
      <c r="IN34" s="341">
        <v>0</v>
      </c>
      <c r="IO34" s="341">
        <v>0</v>
      </c>
      <c r="IP34" s="341">
        <v>0</v>
      </c>
      <c r="IQ34" s="341">
        <v>0</v>
      </c>
      <c r="IR34" s="341">
        <v>0</v>
      </c>
      <c r="IS34" s="342">
        <v>0</v>
      </c>
      <c r="IT34" s="343">
        <v>0</v>
      </c>
      <c r="IU34" s="344">
        <v>0</v>
      </c>
      <c r="IV34" s="341">
        <v>0</v>
      </c>
      <c r="IW34" s="345">
        <v>0</v>
      </c>
      <c r="IX34" s="346"/>
      <c r="IY34" s="341">
        <v>0</v>
      </c>
      <c r="IZ34" s="341">
        <v>0</v>
      </c>
      <c r="JA34" s="341">
        <v>0</v>
      </c>
      <c r="JB34" s="341">
        <v>0</v>
      </c>
      <c r="JC34" s="341">
        <v>0</v>
      </c>
      <c r="JD34" s="345">
        <v>0</v>
      </c>
      <c r="JE34" s="347">
        <v>0</v>
      </c>
      <c r="JF34" s="344">
        <v>0</v>
      </c>
      <c r="JG34" s="341">
        <v>0</v>
      </c>
      <c r="JH34" s="342">
        <v>0</v>
      </c>
      <c r="JI34" s="348">
        <v>0</v>
      </c>
      <c r="JJ34" s="341">
        <v>874266</v>
      </c>
      <c r="JK34" s="341">
        <v>820731</v>
      </c>
      <c r="JL34" s="341">
        <v>445932</v>
      </c>
      <c r="JM34" s="341">
        <v>249703</v>
      </c>
      <c r="JN34" s="341">
        <v>0</v>
      </c>
      <c r="JO34" s="345">
        <v>2390632</v>
      </c>
      <c r="JP34" s="343">
        <v>2390632</v>
      </c>
      <c r="JQ34" s="344">
        <v>0</v>
      </c>
      <c r="JR34" s="341">
        <v>0</v>
      </c>
      <c r="JS34" s="342">
        <v>0</v>
      </c>
      <c r="JT34" s="348">
        <v>0</v>
      </c>
      <c r="JU34" s="341">
        <v>0</v>
      </c>
      <c r="JV34" s="341">
        <v>178047</v>
      </c>
      <c r="JW34" s="341">
        <v>258267</v>
      </c>
      <c r="JX34" s="341">
        <v>70389</v>
      </c>
      <c r="JY34" s="341">
        <v>0</v>
      </c>
      <c r="JZ34" s="345">
        <v>506703</v>
      </c>
      <c r="KA34" s="343">
        <v>506703</v>
      </c>
      <c r="KB34" s="349">
        <v>46098</v>
      </c>
      <c r="KC34" s="350">
        <v>79686</v>
      </c>
      <c r="KD34" s="345">
        <v>125784</v>
      </c>
      <c r="KE34" s="348">
        <v>0</v>
      </c>
      <c r="KF34" s="341">
        <v>467285</v>
      </c>
      <c r="KG34" s="341">
        <v>179046</v>
      </c>
      <c r="KH34" s="341">
        <v>859932</v>
      </c>
      <c r="KI34" s="341">
        <v>1055214</v>
      </c>
      <c r="KJ34" s="341">
        <v>0</v>
      </c>
      <c r="KK34" s="345">
        <v>2561477</v>
      </c>
      <c r="KL34" s="351">
        <v>2687261</v>
      </c>
      <c r="KM34" s="337">
        <v>0</v>
      </c>
      <c r="KN34" s="338">
        <v>0</v>
      </c>
      <c r="KO34" s="339">
        <v>0</v>
      </c>
      <c r="KP34" s="352"/>
      <c r="KQ34" s="341">
        <v>747909</v>
      </c>
      <c r="KR34" s="341">
        <v>506538</v>
      </c>
      <c r="KS34" s="341">
        <v>415539</v>
      </c>
      <c r="KT34" s="341">
        <v>271584</v>
      </c>
      <c r="KU34" s="341">
        <v>553572</v>
      </c>
      <c r="KV34" s="345">
        <v>2495142</v>
      </c>
      <c r="KW34" s="343">
        <v>2495142</v>
      </c>
      <c r="KX34" s="344">
        <v>0</v>
      </c>
      <c r="KY34" s="341">
        <v>0</v>
      </c>
      <c r="KZ34" s="345">
        <v>0</v>
      </c>
      <c r="LA34" s="352"/>
      <c r="LB34" s="341">
        <v>0</v>
      </c>
      <c r="LC34" s="341">
        <v>0</v>
      </c>
      <c r="LD34" s="341">
        <v>0</v>
      </c>
      <c r="LE34" s="341">
        <v>0</v>
      </c>
      <c r="LF34" s="341">
        <v>0</v>
      </c>
      <c r="LG34" s="345">
        <v>0</v>
      </c>
      <c r="LH34" s="347">
        <v>0</v>
      </c>
      <c r="LI34" s="344">
        <v>0</v>
      </c>
      <c r="LJ34" s="341">
        <v>0</v>
      </c>
      <c r="LK34" s="345">
        <v>0</v>
      </c>
      <c r="LL34" s="352"/>
      <c r="LM34" s="341">
        <v>0</v>
      </c>
      <c r="LN34" s="341">
        <v>0</v>
      </c>
      <c r="LO34" s="341">
        <v>730107</v>
      </c>
      <c r="LP34" s="341">
        <v>793719</v>
      </c>
      <c r="LQ34" s="341">
        <v>822978</v>
      </c>
      <c r="LR34" s="345">
        <v>2346804</v>
      </c>
      <c r="LS34" s="343">
        <v>2346804</v>
      </c>
      <c r="LT34" s="344">
        <v>0</v>
      </c>
      <c r="LU34" s="341">
        <v>0</v>
      </c>
      <c r="LV34" s="345">
        <v>0</v>
      </c>
      <c r="LW34" s="352"/>
      <c r="LX34" s="341">
        <v>0</v>
      </c>
      <c r="LY34" s="341">
        <v>0</v>
      </c>
      <c r="LZ34" s="341">
        <v>0</v>
      </c>
      <c r="MA34" s="341">
        <v>0</v>
      </c>
      <c r="MB34" s="341">
        <v>0</v>
      </c>
      <c r="MC34" s="345">
        <v>0</v>
      </c>
      <c r="MD34" s="347">
        <v>0</v>
      </c>
      <c r="ME34" s="344">
        <v>0</v>
      </c>
      <c r="MF34" s="341">
        <v>0</v>
      </c>
      <c r="MG34" s="345">
        <v>0</v>
      </c>
      <c r="MH34" s="352"/>
      <c r="MI34" s="341">
        <v>708711</v>
      </c>
      <c r="MJ34" s="341">
        <v>2607840</v>
      </c>
      <c r="MK34" s="341">
        <v>6545527</v>
      </c>
      <c r="ML34" s="341">
        <v>14495115</v>
      </c>
      <c r="MM34" s="341">
        <v>9120393</v>
      </c>
      <c r="MN34" s="345">
        <v>33477586</v>
      </c>
      <c r="MO34" s="351">
        <v>33477586</v>
      </c>
      <c r="MP34" s="344">
        <v>0</v>
      </c>
      <c r="MQ34" s="341">
        <v>0</v>
      </c>
      <c r="MR34" s="345">
        <v>0</v>
      </c>
      <c r="MS34" s="352"/>
      <c r="MT34" s="341">
        <v>0</v>
      </c>
      <c r="MU34" s="341">
        <v>242577</v>
      </c>
      <c r="MV34" s="341">
        <v>4730243</v>
      </c>
      <c r="MW34" s="341">
        <v>8978391</v>
      </c>
      <c r="MX34" s="341">
        <v>5172122</v>
      </c>
      <c r="MY34" s="345">
        <v>19123333</v>
      </c>
      <c r="MZ34" s="351">
        <v>19123333</v>
      </c>
      <c r="NA34" s="344">
        <v>0</v>
      </c>
      <c r="NB34" s="341">
        <v>0</v>
      </c>
      <c r="NC34" s="345">
        <v>0</v>
      </c>
      <c r="ND34" s="352"/>
      <c r="NE34" s="341">
        <v>708711</v>
      </c>
      <c r="NF34" s="341">
        <v>2365263</v>
      </c>
      <c r="NG34" s="341">
        <v>1815284</v>
      </c>
      <c r="NH34" s="341">
        <v>5516724</v>
      </c>
      <c r="NI34" s="341">
        <v>3182161</v>
      </c>
      <c r="NJ34" s="345">
        <v>13588143</v>
      </c>
      <c r="NK34" s="343">
        <v>13588143</v>
      </c>
      <c r="NL34" s="344">
        <v>0</v>
      </c>
      <c r="NM34" s="341">
        <v>0</v>
      </c>
      <c r="NN34" s="345">
        <v>0</v>
      </c>
      <c r="NO34" s="352"/>
      <c r="NP34" s="341">
        <v>0</v>
      </c>
      <c r="NQ34" s="341">
        <v>0</v>
      </c>
      <c r="NR34" s="341">
        <v>0</v>
      </c>
      <c r="NS34" s="341">
        <v>0</v>
      </c>
      <c r="NT34" s="341">
        <v>407253</v>
      </c>
      <c r="NU34" s="345">
        <v>407253</v>
      </c>
      <c r="NV34" s="347">
        <v>407253</v>
      </c>
      <c r="NW34" s="344">
        <v>0</v>
      </c>
      <c r="NX34" s="341">
        <v>0</v>
      </c>
      <c r="NY34" s="345">
        <v>0</v>
      </c>
      <c r="NZ34" s="352"/>
      <c r="OA34" s="341">
        <v>0</v>
      </c>
      <c r="OB34" s="341">
        <v>0</v>
      </c>
      <c r="OC34" s="341">
        <v>0</v>
      </c>
      <c r="OD34" s="341">
        <v>0</v>
      </c>
      <c r="OE34" s="341">
        <v>358857</v>
      </c>
      <c r="OF34" s="345">
        <v>358857</v>
      </c>
      <c r="OG34" s="347">
        <v>358857</v>
      </c>
      <c r="OH34" s="344">
        <v>472892</v>
      </c>
      <c r="OI34" s="341">
        <v>917393</v>
      </c>
      <c r="OJ34" s="342">
        <v>1390285</v>
      </c>
      <c r="OK34" s="348">
        <v>0</v>
      </c>
      <c r="OL34" s="341">
        <v>10664992</v>
      </c>
      <c r="OM34" s="341">
        <v>14582079</v>
      </c>
      <c r="ON34" s="341">
        <v>17315718</v>
      </c>
      <c r="OO34" s="341">
        <v>25530700</v>
      </c>
      <c r="OP34" s="341">
        <v>16816032</v>
      </c>
      <c r="OQ34" s="345">
        <v>84909521</v>
      </c>
      <c r="OR34" s="351">
        <v>86299806</v>
      </c>
    </row>
    <row r="35" spans="1:408" ht="18.75" customHeight="1" x14ac:dyDescent="0.2">
      <c r="A35" s="61" t="s">
        <v>30</v>
      </c>
      <c r="B35" s="318">
        <v>659118</v>
      </c>
      <c r="C35" s="319">
        <v>522018</v>
      </c>
      <c r="D35" s="359">
        <v>1181136</v>
      </c>
      <c r="E35" s="360">
        <v>0</v>
      </c>
      <c r="F35" s="361">
        <v>6418163</v>
      </c>
      <c r="G35" s="361">
        <v>8463261</v>
      </c>
      <c r="H35" s="361">
        <v>9319427</v>
      </c>
      <c r="I35" s="361">
        <v>6399822</v>
      </c>
      <c r="J35" s="361">
        <v>4314690</v>
      </c>
      <c r="K35" s="362">
        <v>34915363</v>
      </c>
      <c r="L35" s="322">
        <v>36096499</v>
      </c>
      <c r="M35" s="318">
        <v>182016</v>
      </c>
      <c r="N35" s="319">
        <v>201199</v>
      </c>
      <c r="O35" s="320">
        <v>383215</v>
      </c>
      <c r="P35" s="318">
        <v>0</v>
      </c>
      <c r="Q35" s="319">
        <v>1307667</v>
      </c>
      <c r="R35" s="319">
        <v>2324846</v>
      </c>
      <c r="S35" s="319">
        <v>2704891</v>
      </c>
      <c r="T35" s="319">
        <v>2388341</v>
      </c>
      <c r="U35" s="319">
        <v>2441648</v>
      </c>
      <c r="V35" s="320">
        <v>11167393</v>
      </c>
      <c r="W35" s="322">
        <v>11550608</v>
      </c>
      <c r="X35" s="318">
        <v>0</v>
      </c>
      <c r="Y35" s="319">
        <v>0</v>
      </c>
      <c r="Z35" s="320">
        <v>0</v>
      </c>
      <c r="AA35" s="318">
        <v>0</v>
      </c>
      <c r="AB35" s="319">
        <v>452318</v>
      </c>
      <c r="AC35" s="319">
        <v>1148216</v>
      </c>
      <c r="AD35" s="319">
        <v>1831091</v>
      </c>
      <c r="AE35" s="319">
        <v>1368876</v>
      </c>
      <c r="AF35" s="319">
        <v>1585130</v>
      </c>
      <c r="AG35" s="320">
        <v>6385631</v>
      </c>
      <c r="AH35" s="322">
        <v>6385631</v>
      </c>
      <c r="AI35" s="318">
        <v>0</v>
      </c>
      <c r="AJ35" s="319">
        <v>0</v>
      </c>
      <c r="AK35" s="320">
        <v>0</v>
      </c>
      <c r="AL35" s="318">
        <v>0</v>
      </c>
      <c r="AM35" s="319">
        <v>0</v>
      </c>
      <c r="AN35" s="319">
        <v>48672</v>
      </c>
      <c r="AO35" s="319">
        <v>48672</v>
      </c>
      <c r="AP35" s="319">
        <v>319104</v>
      </c>
      <c r="AQ35" s="319">
        <v>383740</v>
      </c>
      <c r="AR35" s="320">
        <v>800188</v>
      </c>
      <c r="AS35" s="322">
        <v>800188</v>
      </c>
      <c r="AT35" s="318">
        <v>158004</v>
      </c>
      <c r="AU35" s="319">
        <v>152725</v>
      </c>
      <c r="AV35" s="320">
        <v>310729</v>
      </c>
      <c r="AW35" s="318">
        <v>0</v>
      </c>
      <c r="AX35" s="319">
        <v>618115</v>
      </c>
      <c r="AY35" s="319">
        <v>856468</v>
      </c>
      <c r="AZ35" s="319">
        <v>448443</v>
      </c>
      <c r="BA35" s="319">
        <v>431494</v>
      </c>
      <c r="BB35" s="319">
        <v>278486</v>
      </c>
      <c r="BC35" s="320">
        <v>2633006</v>
      </c>
      <c r="BD35" s="322">
        <v>2943735</v>
      </c>
      <c r="BE35" s="318">
        <v>0</v>
      </c>
      <c r="BF35" s="319">
        <v>33804</v>
      </c>
      <c r="BG35" s="323">
        <v>33804</v>
      </c>
      <c r="BH35" s="324">
        <v>0</v>
      </c>
      <c r="BI35" s="319">
        <v>34416</v>
      </c>
      <c r="BJ35" s="319">
        <v>40203</v>
      </c>
      <c r="BK35" s="319">
        <v>17208</v>
      </c>
      <c r="BL35" s="319">
        <v>47261</v>
      </c>
      <c r="BM35" s="319">
        <v>0</v>
      </c>
      <c r="BN35" s="320">
        <v>139088</v>
      </c>
      <c r="BO35" s="322">
        <v>172892</v>
      </c>
      <c r="BP35" s="318">
        <v>24012</v>
      </c>
      <c r="BQ35" s="319">
        <v>14670</v>
      </c>
      <c r="BR35" s="320">
        <v>38682</v>
      </c>
      <c r="BS35" s="318">
        <v>0</v>
      </c>
      <c r="BT35" s="319">
        <v>202818</v>
      </c>
      <c r="BU35" s="319">
        <v>231287</v>
      </c>
      <c r="BV35" s="319">
        <v>359477</v>
      </c>
      <c r="BW35" s="319">
        <v>221606</v>
      </c>
      <c r="BX35" s="319">
        <v>194292</v>
      </c>
      <c r="BY35" s="320">
        <v>1209480</v>
      </c>
      <c r="BZ35" s="322">
        <v>1248162</v>
      </c>
      <c r="CA35" s="318">
        <v>22194</v>
      </c>
      <c r="CB35" s="319">
        <v>43649</v>
      </c>
      <c r="CC35" s="320">
        <v>65843</v>
      </c>
      <c r="CD35" s="318">
        <v>0</v>
      </c>
      <c r="CE35" s="319">
        <v>2615130</v>
      </c>
      <c r="CF35" s="319">
        <v>2194399</v>
      </c>
      <c r="CG35" s="319">
        <v>2442128</v>
      </c>
      <c r="CH35" s="319">
        <v>1545810</v>
      </c>
      <c r="CI35" s="319">
        <v>66775</v>
      </c>
      <c r="CJ35" s="320">
        <v>8864242</v>
      </c>
      <c r="CK35" s="322">
        <v>8930085</v>
      </c>
      <c r="CL35" s="318">
        <v>0</v>
      </c>
      <c r="CM35" s="319">
        <v>0</v>
      </c>
      <c r="CN35" s="320">
        <v>0</v>
      </c>
      <c r="CO35" s="324">
        <v>0</v>
      </c>
      <c r="CP35" s="319">
        <v>2141484</v>
      </c>
      <c r="CQ35" s="319">
        <v>1538403</v>
      </c>
      <c r="CR35" s="319">
        <v>2294245</v>
      </c>
      <c r="CS35" s="319">
        <v>822947</v>
      </c>
      <c r="CT35" s="319">
        <v>66775</v>
      </c>
      <c r="CU35" s="320">
        <v>6863854</v>
      </c>
      <c r="CV35" s="322">
        <v>6863854</v>
      </c>
      <c r="CW35" s="318">
        <v>22194</v>
      </c>
      <c r="CX35" s="319">
        <v>43649</v>
      </c>
      <c r="CY35" s="320">
        <v>65843</v>
      </c>
      <c r="CZ35" s="318">
        <v>0</v>
      </c>
      <c r="DA35" s="319">
        <v>473646</v>
      </c>
      <c r="DB35" s="319">
        <v>655996</v>
      </c>
      <c r="DC35" s="319">
        <v>147883</v>
      </c>
      <c r="DD35" s="319">
        <v>722863</v>
      </c>
      <c r="DE35" s="319">
        <v>0</v>
      </c>
      <c r="DF35" s="320">
        <v>2000388</v>
      </c>
      <c r="DG35" s="322">
        <v>2066231</v>
      </c>
      <c r="DH35" s="318">
        <v>0</v>
      </c>
      <c r="DI35" s="319">
        <v>0</v>
      </c>
      <c r="DJ35" s="323">
        <v>0</v>
      </c>
      <c r="DK35" s="324">
        <v>0</v>
      </c>
      <c r="DL35" s="319">
        <v>286425</v>
      </c>
      <c r="DM35" s="319">
        <v>531110</v>
      </c>
      <c r="DN35" s="319">
        <v>1261066</v>
      </c>
      <c r="DO35" s="319">
        <v>924978</v>
      </c>
      <c r="DP35" s="319">
        <v>712256</v>
      </c>
      <c r="DQ35" s="320">
        <v>3715835</v>
      </c>
      <c r="DR35" s="322">
        <v>3715835</v>
      </c>
      <c r="DS35" s="318">
        <v>0</v>
      </c>
      <c r="DT35" s="319">
        <v>0</v>
      </c>
      <c r="DU35" s="320">
        <v>0</v>
      </c>
      <c r="DV35" s="318">
        <v>0</v>
      </c>
      <c r="DW35" s="319">
        <v>209598</v>
      </c>
      <c r="DX35" s="319">
        <v>458892</v>
      </c>
      <c r="DY35" s="319">
        <v>925455</v>
      </c>
      <c r="DZ35" s="319">
        <v>875082</v>
      </c>
      <c r="EA35" s="319">
        <v>540465</v>
      </c>
      <c r="EB35" s="320">
        <v>3009492</v>
      </c>
      <c r="EC35" s="322">
        <v>3009492</v>
      </c>
      <c r="ED35" s="318">
        <v>0</v>
      </c>
      <c r="EE35" s="323">
        <v>0</v>
      </c>
      <c r="EF35" s="320">
        <v>0</v>
      </c>
      <c r="EG35" s="318">
        <v>0</v>
      </c>
      <c r="EH35" s="319">
        <v>76827</v>
      </c>
      <c r="EI35" s="319">
        <v>72218</v>
      </c>
      <c r="EJ35" s="319">
        <v>335611</v>
      </c>
      <c r="EK35" s="319">
        <v>49896</v>
      </c>
      <c r="EL35" s="319">
        <v>171791</v>
      </c>
      <c r="EM35" s="323">
        <v>706343</v>
      </c>
      <c r="EN35" s="322">
        <v>706343</v>
      </c>
      <c r="EO35" s="318">
        <v>0</v>
      </c>
      <c r="EP35" s="319">
        <v>0</v>
      </c>
      <c r="EQ35" s="323">
        <v>0</v>
      </c>
      <c r="ER35" s="324">
        <v>0</v>
      </c>
      <c r="ES35" s="319">
        <v>0</v>
      </c>
      <c r="ET35" s="319">
        <v>0</v>
      </c>
      <c r="EU35" s="319">
        <v>0</v>
      </c>
      <c r="EV35" s="319">
        <v>0</v>
      </c>
      <c r="EW35" s="319">
        <v>0</v>
      </c>
      <c r="EX35" s="320">
        <v>0</v>
      </c>
      <c r="EY35" s="322">
        <v>0</v>
      </c>
      <c r="EZ35" s="318">
        <v>0</v>
      </c>
      <c r="FA35" s="319">
        <v>0</v>
      </c>
      <c r="FB35" s="323">
        <v>0</v>
      </c>
      <c r="FC35" s="346"/>
      <c r="FD35" s="319">
        <v>0</v>
      </c>
      <c r="FE35" s="319">
        <v>0</v>
      </c>
      <c r="FF35" s="319">
        <v>0</v>
      </c>
      <c r="FG35" s="319">
        <v>0</v>
      </c>
      <c r="FH35" s="319">
        <v>0</v>
      </c>
      <c r="FI35" s="320">
        <v>0</v>
      </c>
      <c r="FJ35" s="322">
        <v>0</v>
      </c>
      <c r="FK35" s="318">
        <v>284600</v>
      </c>
      <c r="FL35" s="319">
        <v>148530</v>
      </c>
      <c r="FM35" s="320">
        <v>433130</v>
      </c>
      <c r="FN35" s="318">
        <v>0</v>
      </c>
      <c r="FO35" s="319">
        <v>345169</v>
      </c>
      <c r="FP35" s="319">
        <v>917165</v>
      </c>
      <c r="FQ35" s="319">
        <v>1111078</v>
      </c>
      <c r="FR35" s="319">
        <v>586630</v>
      </c>
      <c r="FS35" s="319">
        <v>302319</v>
      </c>
      <c r="FT35" s="320">
        <v>3262361</v>
      </c>
      <c r="FU35" s="322">
        <v>3695491</v>
      </c>
      <c r="FV35" s="326">
        <v>104600</v>
      </c>
      <c r="FW35" s="319">
        <v>148530</v>
      </c>
      <c r="FX35" s="323">
        <v>253130</v>
      </c>
      <c r="FY35" s="324">
        <v>0</v>
      </c>
      <c r="FZ35" s="319">
        <v>287749</v>
      </c>
      <c r="GA35" s="319">
        <v>833051</v>
      </c>
      <c r="GB35" s="319">
        <v>936784</v>
      </c>
      <c r="GC35" s="319">
        <v>586630</v>
      </c>
      <c r="GD35" s="319">
        <v>302319</v>
      </c>
      <c r="GE35" s="320">
        <v>2946533</v>
      </c>
      <c r="GF35" s="327">
        <v>3199663</v>
      </c>
      <c r="GG35" s="326">
        <v>0</v>
      </c>
      <c r="GH35" s="319">
        <v>0</v>
      </c>
      <c r="GI35" s="323">
        <v>0</v>
      </c>
      <c r="GJ35" s="324">
        <v>0</v>
      </c>
      <c r="GK35" s="319">
        <v>57420</v>
      </c>
      <c r="GL35" s="319">
        <v>48114</v>
      </c>
      <c r="GM35" s="319">
        <v>63216</v>
      </c>
      <c r="GN35" s="319">
        <v>0</v>
      </c>
      <c r="GO35" s="319">
        <v>0</v>
      </c>
      <c r="GP35" s="320">
        <v>168750</v>
      </c>
      <c r="GQ35" s="322">
        <v>168750</v>
      </c>
      <c r="GR35" s="318">
        <v>180000</v>
      </c>
      <c r="GS35" s="319">
        <v>0</v>
      </c>
      <c r="GT35" s="320">
        <v>180000</v>
      </c>
      <c r="GU35" s="318">
        <v>0</v>
      </c>
      <c r="GV35" s="319">
        <v>0</v>
      </c>
      <c r="GW35" s="319">
        <v>36000</v>
      </c>
      <c r="GX35" s="319">
        <v>111078</v>
      </c>
      <c r="GY35" s="319">
        <v>0</v>
      </c>
      <c r="GZ35" s="319">
        <v>0</v>
      </c>
      <c r="HA35" s="323">
        <v>147078</v>
      </c>
      <c r="HB35" s="322">
        <v>327078</v>
      </c>
      <c r="HC35" s="318">
        <v>56428</v>
      </c>
      <c r="HD35" s="319">
        <v>0</v>
      </c>
      <c r="HE35" s="323">
        <v>56428</v>
      </c>
      <c r="HF35" s="324">
        <v>0</v>
      </c>
      <c r="HG35" s="319">
        <v>786405</v>
      </c>
      <c r="HH35" s="319">
        <v>1490104</v>
      </c>
      <c r="HI35" s="319">
        <v>850740</v>
      </c>
      <c r="HJ35" s="319">
        <v>428406</v>
      </c>
      <c r="HK35" s="319">
        <v>510865</v>
      </c>
      <c r="HL35" s="320">
        <v>4066520</v>
      </c>
      <c r="HM35" s="321">
        <v>4122948</v>
      </c>
      <c r="HN35" s="326">
        <v>113880</v>
      </c>
      <c r="HO35" s="319">
        <v>128640</v>
      </c>
      <c r="HP35" s="320">
        <v>242520</v>
      </c>
      <c r="HQ35" s="318">
        <v>0</v>
      </c>
      <c r="HR35" s="319">
        <v>1077367</v>
      </c>
      <c r="HS35" s="319">
        <v>1005637</v>
      </c>
      <c r="HT35" s="319">
        <v>949524</v>
      </c>
      <c r="HU35" s="319">
        <v>525657</v>
      </c>
      <c r="HV35" s="319">
        <v>280827</v>
      </c>
      <c r="HW35" s="323">
        <v>3839012</v>
      </c>
      <c r="HX35" s="322">
        <v>4081532</v>
      </c>
      <c r="HY35" s="328">
        <v>25674</v>
      </c>
      <c r="HZ35" s="329">
        <v>0</v>
      </c>
      <c r="IA35" s="330">
        <v>25674</v>
      </c>
      <c r="IB35" s="353">
        <v>0</v>
      </c>
      <c r="IC35" s="329">
        <v>3088342</v>
      </c>
      <c r="ID35" s="354">
        <v>2051226</v>
      </c>
      <c r="IE35" s="330">
        <v>3464053</v>
      </c>
      <c r="IF35" s="329">
        <v>1323843</v>
      </c>
      <c r="IG35" s="330">
        <v>371918</v>
      </c>
      <c r="IH35" s="355">
        <v>10299382</v>
      </c>
      <c r="II35" s="336">
        <v>10325056</v>
      </c>
      <c r="IJ35" s="337">
        <v>0</v>
      </c>
      <c r="IK35" s="338">
        <v>0</v>
      </c>
      <c r="IL35" s="339">
        <v>0</v>
      </c>
      <c r="IM35" s="346"/>
      <c r="IN35" s="341">
        <v>0</v>
      </c>
      <c r="IO35" s="341">
        <v>0</v>
      </c>
      <c r="IP35" s="341">
        <v>177669</v>
      </c>
      <c r="IQ35" s="341">
        <v>0</v>
      </c>
      <c r="IR35" s="341">
        <v>0</v>
      </c>
      <c r="IS35" s="342">
        <v>177669</v>
      </c>
      <c r="IT35" s="343">
        <v>177669</v>
      </c>
      <c r="IU35" s="344">
        <v>0</v>
      </c>
      <c r="IV35" s="341">
        <v>0</v>
      </c>
      <c r="IW35" s="345">
        <v>0</v>
      </c>
      <c r="IX35" s="346"/>
      <c r="IY35" s="341">
        <v>0</v>
      </c>
      <c r="IZ35" s="341">
        <v>0</v>
      </c>
      <c r="JA35" s="341">
        <v>0</v>
      </c>
      <c r="JB35" s="341">
        <v>0</v>
      </c>
      <c r="JC35" s="341">
        <v>0</v>
      </c>
      <c r="JD35" s="345">
        <v>0</v>
      </c>
      <c r="JE35" s="347">
        <v>0</v>
      </c>
      <c r="JF35" s="344">
        <v>0</v>
      </c>
      <c r="JG35" s="341">
        <v>0</v>
      </c>
      <c r="JH35" s="342">
        <v>0</v>
      </c>
      <c r="JI35" s="348">
        <v>0</v>
      </c>
      <c r="JJ35" s="341">
        <v>1300412</v>
      </c>
      <c r="JK35" s="341">
        <v>1307250</v>
      </c>
      <c r="JL35" s="341">
        <v>886706</v>
      </c>
      <c r="JM35" s="341">
        <v>247677</v>
      </c>
      <c r="JN35" s="341">
        <v>91440</v>
      </c>
      <c r="JO35" s="345">
        <v>3833485</v>
      </c>
      <c r="JP35" s="343">
        <v>3833485</v>
      </c>
      <c r="JQ35" s="344">
        <v>25674</v>
      </c>
      <c r="JR35" s="341">
        <v>0</v>
      </c>
      <c r="JS35" s="342">
        <v>25674</v>
      </c>
      <c r="JT35" s="348">
        <v>0</v>
      </c>
      <c r="JU35" s="341">
        <v>0</v>
      </c>
      <c r="JV35" s="341">
        <v>46158</v>
      </c>
      <c r="JW35" s="341">
        <v>146036</v>
      </c>
      <c r="JX35" s="341">
        <v>0</v>
      </c>
      <c r="JY35" s="341">
        <v>0</v>
      </c>
      <c r="JZ35" s="345">
        <v>192194</v>
      </c>
      <c r="KA35" s="343">
        <v>217868</v>
      </c>
      <c r="KB35" s="349">
        <v>0</v>
      </c>
      <c r="KC35" s="350">
        <v>0</v>
      </c>
      <c r="KD35" s="345">
        <v>0</v>
      </c>
      <c r="KE35" s="348">
        <v>0</v>
      </c>
      <c r="KF35" s="341">
        <v>0</v>
      </c>
      <c r="KG35" s="341">
        <v>0</v>
      </c>
      <c r="KH35" s="341">
        <v>264420</v>
      </c>
      <c r="KI35" s="341">
        <v>272043</v>
      </c>
      <c r="KJ35" s="341">
        <v>0</v>
      </c>
      <c r="KK35" s="345">
        <v>536463</v>
      </c>
      <c r="KL35" s="351">
        <v>536463</v>
      </c>
      <c r="KM35" s="337">
        <v>0</v>
      </c>
      <c r="KN35" s="338">
        <v>0</v>
      </c>
      <c r="KO35" s="339">
        <v>0</v>
      </c>
      <c r="KP35" s="352"/>
      <c r="KQ35" s="341">
        <v>1787930</v>
      </c>
      <c r="KR35" s="341">
        <v>697818</v>
      </c>
      <c r="KS35" s="341">
        <v>1989222</v>
      </c>
      <c r="KT35" s="341">
        <v>804123</v>
      </c>
      <c r="KU35" s="341">
        <v>280478</v>
      </c>
      <c r="KV35" s="345">
        <v>5559571</v>
      </c>
      <c r="KW35" s="343">
        <v>5559571</v>
      </c>
      <c r="KX35" s="344">
        <v>0</v>
      </c>
      <c r="KY35" s="341">
        <v>0</v>
      </c>
      <c r="KZ35" s="345">
        <v>0</v>
      </c>
      <c r="LA35" s="352"/>
      <c r="LB35" s="341">
        <v>0</v>
      </c>
      <c r="LC35" s="341">
        <v>0</v>
      </c>
      <c r="LD35" s="341">
        <v>0</v>
      </c>
      <c r="LE35" s="341">
        <v>0</v>
      </c>
      <c r="LF35" s="341">
        <v>0</v>
      </c>
      <c r="LG35" s="345">
        <v>0</v>
      </c>
      <c r="LH35" s="347">
        <v>0</v>
      </c>
      <c r="LI35" s="344">
        <v>0</v>
      </c>
      <c r="LJ35" s="341">
        <v>0</v>
      </c>
      <c r="LK35" s="345">
        <v>0</v>
      </c>
      <c r="LL35" s="352"/>
      <c r="LM35" s="341">
        <v>0</v>
      </c>
      <c r="LN35" s="341">
        <v>0</v>
      </c>
      <c r="LO35" s="341">
        <v>0</v>
      </c>
      <c r="LP35" s="341">
        <v>0</v>
      </c>
      <c r="LQ35" s="341">
        <v>0</v>
      </c>
      <c r="LR35" s="345">
        <v>0</v>
      </c>
      <c r="LS35" s="343">
        <v>0</v>
      </c>
      <c r="LT35" s="344">
        <v>0</v>
      </c>
      <c r="LU35" s="341">
        <v>0</v>
      </c>
      <c r="LV35" s="345">
        <v>0</v>
      </c>
      <c r="LW35" s="352"/>
      <c r="LX35" s="341">
        <v>0</v>
      </c>
      <c r="LY35" s="341">
        <v>0</v>
      </c>
      <c r="LZ35" s="341">
        <v>0</v>
      </c>
      <c r="MA35" s="341">
        <v>0</v>
      </c>
      <c r="MB35" s="341">
        <v>0</v>
      </c>
      <c r="MC35" s="345">
        <v>0</v>
      </c>
      <c r="MD35" s="347">
        <v>0</v>
      </c>
      <c r="ME35" s="344">
        <v>0</v>
      </c>
      <c r="MF35" s="341">
        <v>0</v>
      </c>
      <c r="MG35" s="345">
        <v>0</v>
      </c>
      <c r="MH35" s="352"/>
      <c r="MI35" s="341">
        <v>911428</v>
      </c>
      <c r="MJ35" s="341">
        <v>2805307</v>
      </c>
      <c r="MK35" s="341">
        <v>9138475</v>
      </c>
      <c r="ML35" s="341">
        <v>11509670</v>
      </c>
      <c r="MM35" s="341">
        <v>7673837</v>
      </c>
      <c r="MN35" s="345">
        <v>32038717</v>
      </c>
      <c r="MO35" s="351">
        <v>32038717</v>
      </c>
      <c r="MP35" s="344">
        <v>0</v>
      </c>
      <c r="MQ35" s="341">
        <v>0</v>
      </c>
      <c r="MR35" s="345">
        <v>0</v>
      </c>
      <c r="MS35" s="352"/>
      <c r="MT35" s="341">
        <v>220635</v>
      </c>
      <c r="MU35" s="341">
        <v>446238</v>
      </c>
      <c r="MV35" s="341">
        <v>5853812</v>
      </c>
      <c r="MW35" s="341">
        <v>5644424</v>
      </c>
      <c r="MX35" s="341">
        <v>5148874</v>
      </c>
      <c r="MY35" s="345">
        <v>17313983</v>
      </c>
      <c r="MZ35" s="351">
        <v>17313983</v>
      </c>
      <c r="NA35" s="344">
        <v>0</v>
      </c>
      <c r="NB35" s="341">
        <v>0</v>
      </c>
      <c r="NC35" s="345">
        <v>0</v>
      </c>
      <c r="ND35" s="352"/>
      <c r="NE35" s="341">
        <v>690793</v>
      </c>
      <c r="NF35" s="341">
        <v>2111146</v>
      </c>
      <c r="NG35" s="341">
        <v>3284663</v>
      </c>
      <c r="NH35" s="341">
        <v>5865246</v>
      </c>
      <c r="NI35" s="341">
        <v>1692030</v>
      </c>
      <c r="NJ35" s="345">
        <v>13643878</v>
      </c>
      <c r="NK35" s="343">
        <v>13643878</v>
      </c>
      <c r="NL35" s="344">
        <v>0</v>
      </c>
      <c r="NM35" s="341">
        <v>0</v>
      </c>
      <c r="NN35" s="345">
        <v>0</v>
      </c>
      <c r="NO35" s="352"/>
      <c r="NP35" s="341">
        <v>0</v>
      </c>
      <c r="NQ35" s="341">
        <v>0</v>
      </c>
      <c r="NR35" s="341">
        <v>0</v>
      </c>
      <c r="NS35" s="341">
        <v>0</v>
      </c>
      <c r="NT35" s="341">
        <v>0</v>
      </c>
      <c r="NU35" s="345">
        <v>0</v>
      </c>
      <c r="NV35" s="347">
        <v>0</v>
      </c>
      <c r="NW35" s="344">
        <v>0</v>
      </c>
      <c r="NX35" s="341">
        <v>0</v>
      </c>
      <c r="NY35" s="345">
        <v>0</v>
      </c>
      <c r="NZ35" s="352"/>
      <c r="OA35" s="341">
        <v>0</v>
      </c>
      <c r="OB35" s="341">
        <v>247923</v>
      </c>
      <c r="OC35" s="341">
        <v>0</v>
      </c>
      <c r="OD35" s="341">
        <v>0</v>
      </c>
      <c r="OE35" s="341">
        <v>832933</v>
      </c>
      <c r="OF35" s="345">
        <v>1080856</v>
      </c>
      <c r="OG35" s="347">
        <v>1080856</v>
      </c>
      <c r="OH35" s="344">
        <v>684792</v>
      </c>
      <c r="OI35" s="341">
        <v>522018</v>
      </c>
      <c r="OJ35" s="342">
        <v>1206810</v>
      </c>
      <c r="OK35" s="348">
        <v>0</v>
      </c>
      <c r="OL35" s="341">
        <v>10417933</v>
      </c>
      <c r="OM35" s="341">
        <v>13319794</v>
      </c>
      <c r="ON35" s="341">
        <v>21921955</v>
      </c>
      <c r="OO35" s="341">
        <v>19233335</v>
      </c>
      <c r="OP35" s="341">
        <v>12360445</v>
      </c>
      <c r="OQ35" s="345">
        <v>77253462</v>
      </c>
      <c r="OR35" s="351">
        <v>78460272</v>
      </c>
    </row>
    <row r="36" spans="1:408" ht="18.75" customHeight="1" x14ac:dyDescent="0.2">
      <c r="A36" s="61" t="s">
        <v>31</v>
      </c>
      <c r="B36" s="318">
        <v>541426</v>
      </c>
      <c r="C36" s="319">
        <v>813158</v>
      </c>
      <c r="D36" s="320">
        <v>1354584</v>
      </c>
      <c r="E36" s="321">
        <v>0</v>
      </c>
      <c r="F36" s="319">
        <v>6551091</v>
      </c>
      <c r="G36" s="319">
        <v>11165689</v>
      </c>
      <c r="H36" s="319">
        <v>8273610</v>
      </c>
      <c r="I36" s="319">
        <v>5559685</v>
      </c>
      <c r="J36" s="319">
        <v>5283920</v>
      </c>
      <c r="K36" s="358">
        <v>36833995</v>
      </c>
      <c r="L36" s="322">
        <v>38188579</v>
      </c>
      <c r="M36" s="318">
        <v>69598</v>
      </c>
      <c r="N36" s="319">
        <v>104805</v>
      </c>
      <c r="O36" s="320">
        <v>174403</v>
      </c>
      <c r="P36" s="318">
        <v>0</v>
      </c>
      <c r="Q36" s="319">
        <v>1316064</v>
      </c>
      <c r="R36" s="319">
        <v>1597529</v>
      </c>
      <c r="S36" s="319">
        <v>1836764</v>
      </c>
      <c r="T36" s="319">
        <v>1520757</v>
      </c>
      <c r="U36" s="319">
        <v>2741198</v>
      </c>
      <c r="V36" s="320">
        <v>9012312</v>
      </c>
      <c r="W36" s="322">
        <v>9186715</v>
      </c>
      <c r="X36" s="318">
        <v>0</v>
      </c>
      <c r="Y36" s="319">
        <v>0</v>
      </c>
      <c r="Z36" s="320">
        <v>0</v>
      </c>
      <c r="AA36" s="318">
        <v>0</v>
      </c>
      <c r="AB36" s="319">
        <v>664416</v>
      </c>
      <c r="AC36" s="319">
        <v>522918</v>
      </c>
      <c r="AD36" s="319">
        <v>668591</v>
      </c>
      <c r="AE36" s="319">
        <v>370533</v>
      </c>
      <c r="AF36" s="319">
        <v>1301760</v>
      </c>
      <c r="AG36" s="320">
        <v>3528218</v>
      </c>
      <c r="AH36" s="322">
        <v>3528218</v>
      </c>
      <c r="AI36" s="318">
        <v>0</v>
      </c>
      <c r="AJ36" s="319">
        <v>0</v>
      </c>
      <c r="AK36" s="320">
        <v>0</v>
      </c>
      <c r="AL36" s="318">
        <v>0</v>
      </c>
      <c r="AM36" s="319">
        <v>0</v>
      </c>
      <c r="AN36" s="319">
        <v>118207</v>
      </c>
      <c r="AO36" s="319">
        <v>267687</v>
      </c>
      <c r="AP36" s="319">
        <v>377919</v>
      </c>
      <c r="AQ36" s="319">
        <v>388076</v>
      </c>
      <c r="AR36" s="320">
        <v>1151889</v>
      </c>
      <c r="AS36" s="322">
        <v>1151889</v>
      </c>
      <c r="AT36" s="318">
        <v>28684</v>
      </c>
      <c r="AU36" s="319">
        <v>56538</v>
      </c>
      <c r="AV36" s="320">
        <v>85222</v>
      </c>
      <c r="AW36" s="318">
        <v>0</v>
      </c>
      <c r="AX36" s="319">
        <v>463727</v>
      </c>
      <c r="AY36" s="319">
        <v>622663</v>
      </c>
      <c r="AZ36" s="319">
        <v>680872</v>
      </c>
      <c r="BA36" s="319">
        <v>551018</v>
      </c>
      <c r="BB36" s="319">
        <v>806791</v>
      </c>
      <c r="BC36" s="320">
        <v>3125071</v>
      </c>
      <c r="BD36" s="322">
        <v>3210293</v>
      </c>
      <c r="BE36" s="318">
        <v>16902</v>
      </c>
      <c r="BF36" s="319">
        <v>40932</v>
      </c>
      <c r="BG36" s="323">
        <v>57834</v>
      </c>
      <c r="BH36" s="324">
        <v>0</v>
      </c>
      <c r="BI36" s="319">
        <v>34416</v>
      </c>
      <c r="BJ36" s="319">
        <v>129060</v>
      </c>
      <c r="BK36" s="319">
        <v>7299</v>
      </c>
      <c r="BL36" s="319">
        <v>123435</v>
      </c>
      <c r="BM36" s="319">
        <v>146727</v>
      </c>
      <c r="BN36" s="320">
        <v>440937</v>
      </c>
      <c r="BO36" s="322">
        <v>498771</v>
      </c>
      <c r="BP36" s="318">
        <v>24012</v>
      </c>
      <c r="BQ36" s="319">
        <v>7335</v>
      </c>
      <c r="BR36" s="320">
        <v>31347</v>
      </c>
      <c r="BS36" s="318">
        <v>0</v>
      </c>
      <c r="BT36" s="319">
        <v>153505</v>
      </c>
      <c r="BU36" s="319">
        <v>204681</v>
      </c>
      <c r="BV36" s="319">
        <v>212315</v>
      </c>
      <c r="BW36" s="319">
        <v>97852</v>
      </c>
      <c r="BX36" s="319">
        <v>97844</v>
      </c>
      <c r="BY36" s="320">
        <v>766197</v>
      </c>
      <c r="BZ36" s="322">
        <v>797544</v>
      </c>
      <c r="CA36" s="318">
        <v>0</v>
      </c>
      <c r="CB36" s="319">
        <v>41517</v>
      </c>
      <c r="CC36" s="320">
        <v>41517</v>
      </c>
      <c r="CD36" s="318">
        <v>0</v>
      </c>
      <c r="CE36" s="319">
        <v>2205075</v>
      </c>
      <c r="CF36" s="319">
        <v>4391331</v>
      </c>
      <c r="CG36" s="319">
        <v>2320066</v>
      </c>
      <c r="CH36" s="319">
        <v>970605</v>
      </c>
      <c r="CI36" s="319">
        <v>950550</v>
      </c>
      <c r="CJ36" s="320">
        <v>10837627</v>
      </c>
      <c r="CK36" s="322">
        <v>10879144</v>
      </c>
      <c r="CL36" s="318">
        <v>0</v>
      </c>
      <c r="CM36" s="319">
        <v>0</v>
      </c>
      <c r="CN36" s="320">
        <v>0</v>
      </c>
      <c r="CO36" s="324">
        <v>0</v>
      </c>
      <c r="CP36" s="319">
        <v>2152767</v>
      </c>
      <c r="CQ36" s="319">
        <v>3742595</v>
      </c>
      <c r="CR36" s="319">
        <v>1942044</v>
      </c>
      <c r="CS36" s="319">
        <v>764270</v>
      </c>
      <c r="CT36" s="319">
        <v>737722</v>
      </c>
      <c r="CU36" s="320">
        <v>9339398</v>
      </c>
      <c r="CV36" s="322">
        <v>9339398</v>
      </c>
      <c r="CW36" s="318">
        <v>0</v>
      </c>
      <c r="CX36" s="319">
        <v>41517</v>
      </c>
      <c r="CY36" s="320">
        <v>41517</v>
      </c>
      <c r="CZ36" s="318">
        <v>0</v>
      </c>
      <c r="DA36" s="319">
        <v>52308</v>
      </c>
      <c r="DB36" s="319">
        <v>648736</v>
      </c>
      <c r="DC36" s="319">
        <v>378022</v>
      </c>
      <c r="DD36" s="319">
        <v>206335</v>
      </c>
      <c r="DE36" s="319">
        <v>212828</v>
      </c>
      <c r="DF36" s="320">
        <v>1498229</v>
      </c>
      <c r="DG36" s="322">
        <v>1539746</v>
      </c>
      <c r="DH36" s="318">
        <v>0</v>
      </c>
      <c r="DI36" s="319">
        <v>0</v>
      </c>
      <c r="DJ36" s="323">
        <v>0</v>
      </c>
      <c r="DK36" s="324">
        <v>0</v>
      </c>
      <c r="DL36" s="319">
        <v>201728</v>
      </c>
      <c r="DM36" s="319">
        <v>880050</v>
      </c>
      <c r="DN36" s="319">
        <v>1251927</v>
      </c>
      <c r="DO36" s="319">
        <v>1422270</v>
      </c>
      <c r="DP36" s="319">
        <v>484530</v>
      </c>
      <c r="DQ36" s="320">
        <v>4240505</v>
      </c>
      <c r="DR36" s="322">
        <v>4240505</v>
      </c>
      <c r="DS36" s="318">
        <v>0</v>
      </c>
      <c r="DT36" s="319">
        <v>0</v>
      </c>
      <c r="DU36" s="320">
        <v>0</v>
      </c>
      <c r="DV36" s="318">
        <v>0</v>
      </c>
      <c r="DW36" s="319">
        <v>201728</v>
      </c>
      <c r="DX36" s="319">
        <v>738545</v>
      </c>
      <c r="DY36" s="319">
        <v>1241388</v>
      </c>
      <c r="DZ36" s="319">
        <v>1274763</v>
      </c>
      <c r="EA36" s="319">
        <v>420486</v>
      </c>
      <c r="EB36" s="320">
        <v>3876910</v>
      </c>
      <c r="EC36" s="322">
        <v>3876910</v>
      </c>
      <c r="ED36" s="318">
        <v>0</v>
      </c>
      <c r="EE36" s="323">
        <v>0</v>
      </c>
      <c r="EF36" s="320">
        <v>0</v>
      </c>
      <c r="EG36" s="318">
        <v>0</v>
      </c>
      <c r="EH36" s="319">
        <v>0</v>
      </c>
      <c r="EI36" s="319">
        <v>141505</v>
      </c>
      <c r="EJ36" s="319">
        <v>10539</v>
      </c>
      <c r="EK36" s="319">
        <v>147507</v>
      </c>
      <c r="EL36" s="319">
        <v>64044</v>
      </c>
      <c r="EM36" s="323">
        <v>363595</v>
      </c>
      <c r="EN36" s="322">
        <v>363595</v>
      </c>
      <c r="EO36" s="318">
        <v>0</v>
      </c>
      <c r="EP36" s="319">
        <v>0</v>
      </c>
      <c r="EQ36" s="323">
        <v>0</v>
      </c>
      <c r="ER36" s="324">
        <v>0</v>
      </c>
      <c r="ES36" s="319">
        <v>0</v>
      </c>
      <c r="ET36" s="319">
        <v>0</v>
      </c>
      <c r="EU36" s="319">
        <v>0</v>
      </c>
      <c r="EV36" s="319">
        <v>0</v>
      </c>
      <c r="EW36" s="319">
        <v>0</v>
      </c>
      <c r="EX36" s="320">
        <v>0</v>
      </c>
      <c r="EY36" s="322">
        <v>0</v>
      </c>
      <c r="EZ36" s="318">
        <v>0</v>
      </c>
      <c r="FA36" s="319">
        <v>0</v>
      </c>
      <c r="FB36" s="323">
        <v>0</v>
      </c>
      <c r="FC36" s="346"/>
      <c r="FD36" s="319">
        <v>0</v>
      </c>
      <c r="FE36" s="319">
        <v>0</v>
      </c>
      <c r="FF36" s="319">
        <v>0</v>
      </c>
      <c r="FG36" s="319">
        <v>0</v>
      </c>
      <c r="FH36" s="319">
        <v>0</v>
      </c>
      <c r="FI36" s="320">
        <v>0</v>
      </c>
      <c r="FJ36" s="322">
        <v>0</v>
      </c>
      <c r="FK36" s="318">
        <v>309504</v>
      </c>
      <c r="FL36" s="319">
        <v>294687</v>
      </c>
      <c r="FM36" s="320">
        <v>604191</v>
      </c>
      <c r="FN36" s="318">
        <v>0</v>
      </c>
      <c r="FO36" s="319">
        <v>564874</v>
      </c>
      <c r="FP36" s="319">
        <v>1176374</v>
      </c>
      <c r="FQ36" s="319">
        <v>698640</v>
      </c>
      <c r="FR36" s="319">
        <v>452921</v>
      </c>
      <c r="FS36" s="319">
        <v>517427</v>
      </c>
      <c r="FT36" s="320">
        <v>3410236</v>
      </c>
      <c r="FU36" s="322">
        <v>4014427</v>
      </c>
      <c r="FV36" s="326">
        <v>108354</v>
      </c>
      <c r="FW36" s="319">
        <v>294687</v>
      </c>
      <c r="FX36" s="323">
        <v>403041</v>
      </c>
      <c r="FY36" s="324">
        <v>0</v>
      </c>
      <c r="FZ36" s="319">
        <v>564874</v>
      </c>
      <c r="GA36" s="319">
        <v>1121354</v>
      </c>
      <c r="GB36" s="319">
        <v>656790</v>
      </c>
      <c r="GC36" s="319">
        <v>438656</v>
      </c>
      <c r="GD36" s="319">
        <v>517427</v>
      </c>
      <c r="GE36" s="320">
        <v>3299101</v>
      </c>
      <c r="GF36" s="327">
        <v>3702142</v>
      </c>
      <c r="GG36" s="326">
        <v>14400</v>
      </c>
      <c r="GH36" s="319">
        <v>0</v>
      </c>
      <c r="GI36" s="323">
        <v>14400</v>
      </c>
      <c r="GJ36" s="324">
        <v>0</v>
      </c>
      <c r="GK36" s="319">
        <v>0</v>
      </c>
      <c r="GL36" s="319">
        <v>21420</v>
      </c>
      <c r="GM36" s="319">
        <v>14400</v>
      </c>
      <c r="GN36" s="319">
        <v>14265</v>
      </c>
      <c r="GO36" s="319">
        <v>0</v>
      </c>
      <c r="GP36" s="320">
        <v>50085</v>
      </c>
      <c r="GQ36" s="322">
        <v>64485</v>
      </c>
      <c r="GR36" s="318">
        <v>186750</v>
      </c>
      <c r="GS36" s="319">
        <v>0</v>
      </c>
      <c r="GT36" s="320">
        <v>186750</v>
      </c>
      <c r="GU36" s="318">
        <v>0</v>
      </c>
      <c r="GV36" s="319">
        <v>0</v>
      </c>
      <c r="GW36" s="319">
        <v>33600</v>
      </c>
      <c r="GX36" s="319">
        <v>27450</v>
      </c>
      <c r="GY36" s="319">
        <v>0</v>
      </c>
      <c r="GZ36" s="319">
        <v>0</v>
      </c>
      <c r="HA36" s="323">
        <v>61050</v>
      </c>
      <c r="HB36" s="322">
        <v>247800</v>
      </c>
      <c r="HC36" s="318">
        <v>56428</v>
      </c>
      <c r="HD36" s="319">
        <v>188838</v>
      </c>
      <c r="HE36" s="323">
        <v>245266</v>
      </c>
      <c r="HF36" s="324">
        <v>0</v>
      </c>
      <c r="HG36" s="319">
        <v>980430</v>
      </c>
      <c r="HH36" s="319">
        <v>1721904</v>
      </c>
      <c r="HI36" s="319">
        <v>1217911</v>
      </c>
      <c r="HJ36" s="319">
        <v>800662</v>
      </c>
      <c r="HK36" s="319">
        <v>201586</v>
      </c>
      <c r="HL36" s="320">
        <v>4922493</v>
      </c>
      <c r="HM36" s="321">
        <v>5167759</v>
      </c>
      <c r="HN36" s="326">
        <v>105896</v>
      </c>
      <c r="HO36" s="319">
        <v>183311</v>
      </c>
      <c r="HP36" s="320">
        <v>289207</v>
      </c>
      <c r="HQ36" s="318">
        <v>0</v>
      </c>
      <c r="HR36" s="319">
        <v>1282920</v>
      </c>
      <c r="HS36" s="319">
        <v>1398501</v>
      </c>
      <c r="HT36" s="319">
        <v>948302</v>
      </c>
      <c r="HU36" s="319">
        <v>392470</v>
      </c>
      <c r="HV36" s="319">
        <v>388629</v>
      </c>
      <c r="HW36" s="323">
        <v>4410822</v>
      </c>
      <c r="HX36" s="322">
        <v>4700029</v>
      </c>
      <c r="HY36" s="357">
        <v>0</v>
      </c>
      <c r="HZ36" s="332">
        <v>88207</v>
      </c>
      <c r="IA36" s="357">
        <v>88207</v>
      </c>
      <c r="IB36" s="331">
        <v>0</v>
      </c>
      <c r="IC36" s="332">
        <v>3463241</v>
      </c>
      <c r="ID36" s="333">
        <v>5565062</v>
      </c>
      <c r="IE36" s="334">
        <v>5437314</v>
      </c>
      <c r="IF36" s="332">
        <v>3020681</v>
      </c>
      <c r="IG36" s="334">
        <v>1758141</v>
      </c>
      <c r="IH36" s="335">
        <v>19244439</v>
      </c>
      <c r="II36" s="357">
        <v>19332646</v>
      </c>
      <c r="IJ36" s="337">
        <v>0</v>
      </c>
      <c r="IK36" s="338">
        <v>0</v>
      </c>
      <c r="IL36" s="339">
        <v>0</v>
      </c>
      <c r="IM36" s="346"/>
      <c r="IN36" s="341">
        <v>0</v>
      </c>
      <c r="IO36" s="341">
        <v>191219</v>
      </c>
      <c r="IP36" s="341">
        <v>0</v>
      </c>
      <c r="IQ36" s="341">
        <v>0</v>
      </c>
      <c r="IR36" s="341">
        <v>0</v>
      </c>
      <c r="IS36" s="342">
        <v>191219</v>
      </c>
      <c r="IT36" s="343">
        <v>191219</v>
      </c>
      <c r="IU36" s="344">
        <v>0</v>
      </c>
      <c r="IV36" s="341">
        <v>0</v>
      </c>
      <c r="IW36" s="345">
        <v>0</v>
      </c>
      <c r="IX36" s="346"/>
      <c r="IY36" s="341">
        <v>0</v>
      </c>
      <c r="IZ36" s="341">
        <v>0</v>
      </c>
      <c r="JA36" s="341">
        <v>0</v>
      </c>
      <c r="JB36" s="341">
        <v>0</v>
      </c>
      <c r="JC36" s="341">
        <v>0</v>
      </c>
      <c r="JD36" s="345">
        <v>0</v>
      </c>
      <c r="JE36" s="347">
        <v>0</v>
      </c>
      <c r="JF36" s="344">
        <v>0</v>
      </c>
      <c r="JG36" s="341">
        <v>0</v>
      </c>
      <c r="JH36" s="342">
        <v>0</v>
      </c>
      <c r="JI36" s="348">
        <v>0</v>
      </c>
      <c r="JJ36" s="341">
        <v>959045</v>
      </c>
      <c r="JK36" s="341">
        <v>788895</v>
      </c>
      <c r="JL36" s="341">
        <v>892429</v>
      </c>
      <c r="JM36" s="341">
        <v>18963</v>
      </c>
      <c r="JN36" s="341">
        <v>358191</v>
      </c>
      <c r="JO36" s="345">
        <v>3017523</v>
      </c>
      <c r="JP36" s="343">
        <v>3017523</v>
      </c>
      <c r="JQ36" s="344">
        <v>0</v>
      </c>
      <c r="JR36" s="341">
        <v>0</v>
      </c>
      <c r="JS36" s="342">
        <v>0</v>
      </c>
      <c r="JT36" s="348">
        <v>0</v>
      </c>
      <c r="JU36" s="341">
        <v>0</v>
      </c>
      <c r="JV36" s="341">
        <v>245430</v>
      </c>
      <c r="JW36" s="341">
        <v>133672</v>
      </c>
      <c r="JX36" s="341">
        <v>0</v>
      </c>
      <c r="JY36" s="341">
        <v>0</v>
      </c>
      <c r="JZ36" s="345">
        <v>379102</v>
      </c>
      <c r="KA36" s="343">
        <v>379102</v>
      </c>
      <c r="KB36" s="349">
        <v>0</v>
      </c>
      <c r="KC36" s="350">
        <v>88207</v>
      </c>
      <c r="KD36" s="345">
        <v>88207</v>
      </c>
      <c r="KE36" s="348">
        <v>0</v>
      </c>
      <c r="KF36" s="341">
        <v>690356</v>
      </c>
      <c r="KG36" s="341">
        <v>1755384</v>
      </c>
      <c r="KH36" s="341">
        <v>1262817</v>
      </c>
      <c r="KI36" s="341">
        <v>584261</v>
      </c>
      <c r="KJ36" s="341">
        <v>635857</v>
      </c>
      <c r="KK36" s="345">
        <v>4928675</v>
      </c>
      <c r="KL36" s="351">
        <v>5016882</v>
      </c>
      <c r="KM36" s="337">
        <v>0</v>
      </c>
      <c r="KN36" s="338">
        <v>0</v>
      </c>
      <c r="KO36" s="339">
        <v>0</v>
      </c>
      <c r="KP36" s="352"/>
      <c r="KQ36" s="341">
        <v>1813840</v>
      </c>
      <c r="KR36" s="341">
        <v>2584134</v>
      </c>
      <c r="KS36" s="341">
        <v>3148396</v>
      </c>
      <c r="KT36" s="341">
        <v>2417457</v>
      </c>
      <c r="KU36" s="341">
        <v>764093</v>
      </c>
      <c r="KV36" s="345">
        <v>10727920</v>
      </c>
      <c r="KW36" s="343">
        <v>10727920</v>
      </c>
      <c r="KX36" s="344">
        <v>0</v>
      </c>
      <c r="KY36" s="341">
        <v>0</v>
      </c>
      <c r="KZ36" s="345">
        <v>0</v>
      </c>
      <c r="LA36" s="352"/>
      <c r="LB36" s="341">
        <v>0</v>
      </c>
      <c r="LC36" s="341">
        <v>0</v>
      </c>
      <c r="LD36" s="341">
        <v>0</v>
      </c>
      <c r="LE36" s="341">
        <v>0</v>
      </c>
      <c r="LF36" s="341">
        <v>0</v>
      </c>
      <c r="LG36" s="345">
        <v>0</v>
      </c>
      <c r="LH36" s="347">
        <v>0</v>
      </c>
      <c r="LI36" s="344">
        <v>0</v>
      </c>
      <c r="LJ36" s="341">
        <v>0</v>
      </c>
      <c r="LK36" s="345">
        <v>0</v>
      </c>
      <c r="LL36" s="352"/>
      <c r="LM36" s="341">
        <v>0</v>
      </c>
      <c r="LN36" s="341">
        <v>0</v>
      </c>
      <c r="LO36" s="341">
        <v>0</v>
      </c>
      <c r="LP36" s="341">
        <v>0</v>
      </c>
      <c r="LQ36" s="341">
        <v>0</v>
      </c>
      <c r="LR36" s="345">
        <v>0</v>
      </c>
      <c r="LS36" s="343">
        <v>0</v>
      </c>
      <c r="LT36" s="344">
        <v>0</v>
      </c>
      <c r="LU36" s="341">
        <v>0</v>
      </c>
      <c r="LV36" s="345">
        <v>0</v>
      </c>
      <c r="LW36" s="352"/>
      <c r="LX36" s="341">
        <v>0</v>
      </c>
      <c r="LY36" s="341">
        <v>0</v>
      </c>
      <c r="LZ36" s="341">
        <v>0</v>
      </c>
      <c r="MA36" s="341">
        <v>0</v>
      </c>
      <c r="MB36" s="341">
        <v>0</v>
      </c>
      <c r="MC36" s="345">
        <v>0</v>
      </c>
      <c r="MD36" s="347">
        <v>0</v>
      </c>
      <c r="ME36" s="344">
        <v>0</v>
      </c>
      <c r="MF36" s="341">
        <v>0</v>
      </c>
      <c r="MG36" s="345">
        <v>0</v>
      </c>
      <c r="MH36" s="352"/>
      <c r="MI36" s="341">
        <v>491744</v>
      </c>
      <c r="MJ36" s="341">
        <v>4053077</v>
      </c>
      <c r="MK36" s="341">
        <v>7989964</v>
      </c>
      <c r="ML36" s="341">
        <v>10996642</v>
      </c>
      <c r="MM36" s="341">
        <v>6672252</v>
      </c>
      <c r="MN36" s="345">
        <v>30203679</v>
      </c>
      <c r="MO36" s="351">
        <v>30203679</v>
      </c>
      <c r="MP36" s="344">
        <v>0</v>
      </c>
      <c r="MQ36" s="341">
        <v>0</v>
      </c>
      <c r="MR36" s="345">
        <v>0</v>
      </c>
      <c r="MS36" s="352"/>
      <c r="MT36" s="341">
        <v>0</v>
      </c>
      <c r="MU36" s="341">
        <v>924029</v>
      </c>
      <c r="MV36" s="341">
        <v>5816223</v>
      </c>
      <c r="MW36" s="341">
        <v>6745782</v>
      </c>
      <c r="MX36" s="341">
        <v>5432760</v>
      </c>
      <c r="MY36" s="345">
        <v>18918794</v>
      </c>
      <c r="MZ36" s="351">
        <v>18918794</v>
      </c>
      <c r="NA36" s="344">
        <v>0</v>
      </c>
      <c r="NB36" s="341">
        <v>0</v>
      </c>
      <c r="NC36" s="345">
        <v>0</v>
      </c>
      <c r="ND36" s="352"/>
      <c r="NE36" s="341">
        <v>491744</v>
      </c>
      <c r="NF36" s="341">
        <v>3129048</v>
      </c>
      <c r="NG36" s="341">
        <v>2590902</v>
      </c>
      <c r="NH36" s="341">
        <v>3569638</v>
      </c>
      <c r="NI36" s="341">
        <v>896910</v>
      </c>
      <c r="NJ36" s="345">
        <v>10678242</v>
      </c>
      <c r="NK36" s="343">
        <v>10678242</v>
      </c>
      <c r="NL36" s="344">
        <v>0</v>
      </c>
      <c r="NM36" s="341">
        <v>0</v>
      </c>
      <c r="NN36" s="345">
        <v>0</v>
      </c>
      <c r="NO36" s="352"/>
      <c r="NP36" s="341">
        <v>0</v>
      </c>
      <c r="NQ36" s="341">
        <v>0</v>
      </c>
      <c r="NR36" s="341">
        <v>0</v>
      </c>
      <c r="NS36" s="341">
        <v>681222</v>
      </c>
      <c r="NT36" s="341">
        <v>0</v>
      </c>
      <c r="NU36" s="345">
        <v>681222</v>
      </c>
      <c r="NV36" s="347">
        <v>681222</v>
      </c>
      <c r="NW36" s="344">
        <v>0</v>
      </c>
      <c r="NX36" s="341">
        <v>0</v>
      </c>
      <c r="NY36" s="345">
        <v>0</v>
      </c>
      <c r="NZ36" s="352"/>
      <c r="OA36" s="341">
        <v>0</v>
      </c>
      <c r="OB36" s="341">
        <v>0</v>
      </c>
      <c r="OC36" s="341">
        <v>-417161</v>
      </c>
      <c r="OD36" s="341">
        <v>0</v>
      </c>
      <c r="OE36" s="341">
        <v>342582</v>
      </c>
      <c r="OF36" s="345">
        <v>-74579</v>
      </c>
      <c r="OG36" s="347">
        <v>-74579</v>
      </c>
      <c r="OH36" s="344">
        <v>541426</v>
      </c>
      <c r="OI36" s="341">
        <v>901365</v>
      </c>
      <c r="OJ36" s="342">
        <v>1442791</v>
      </c>
      <c r="OK36" s="348">
        <v>0</v>
      </c>
      <c r="OL36" s="341">
        <v>10506076</v>
      </c>
      <c r="OM36" s="341">
        <v>20783828</v>
      </c>
      <c r="ON36" s="341">
        <v>21700888</v>
      </c>
      <c r="OO36" s="341">
        <v>19577008</v>
      </c>
      <c r="OP36" s="341">
        <v>13714313</v>
      </c>
      <c r="OQ36" s="345">
        <v>86282113</v>
      </c>
      <c r="OR36" s="351">
        <v>87724904</v>
      </c>
    </row>
    <row r="37" spans="1:408" ht="18.75" customHeight="1" x14ac:dyDescent="0.2">
      <c r="A37" s="61" t="s">
        <v>32</v>
      </c>
      <c r="B37" s="318">
        <v>615188</v>
      </c>
      <c r="C37" s="319">
        <v>737027</v>
      </c>
      <c r="D37" s="359">
        <v>1352215</v>
      </c>
      <c r="E37" s="360">
        <v>0</v>
      </c>
      <c r="F37" s="361">
        <v>9302452</v>
      </c>
      <c r="G37" s="361">
        <v>11020010</v>
      </c>
      <c r="H37" s="361">
        <v>7632275</v>
      </c>
      <c r="I37" s="361">
        <v>8466090</v>
      </c>
      <c r="J37" s="361">
        <v>5434094</v>
      </c>
      <c r="K37" s="362">
        <v>41854921</v>
      </c>
      <c r="L37" s="322">
        <v>43207136</v>
      </c>
      <c r="M37" s="318">
        <v>156586</v>
      </c>
      <c r="N37" s="319">
        <v>218506</v>
      </c>
      <c r="O37" s="320">
        <v>375092</v>
      </c>
      <c r="P37" s="318">
        <v>0</v>
      </c>
      <c r="Q37" s="319">
        <v>2882064</v>
      </c>
      <c r="R37" s="319">
        <v>2250404</v>
      </c>
      <c r="S37" s="319">
        <v>2402454</v>
      </c>
      <c r="T37" s="319">
        <v>2518578</v>
      </c>
      <c r="U37" s="319">
        <v>2821055</v>
      </c>
      <c r="V37" s="320">
        <v>12874555</v>
      </c>
      <c r="W37" s="322">
        <v>13249647</v>
      </c>
      <c r="X37" s="318">
        <v>0</v>
      </c>
      <c r="Y37" s="319">
        <v>0</v>
      </c>
      <c r="Z37" s="320">
        <v>0</v>
      </c>
      <c r="AA37" s="318">
        <v>0</v>
      </c>
      <c r="AB37" s="319">
        <v>1336208</v>
      </c>
      <c r="AC37" s="319">
        <v>891990</v>
      </c>
      <c r="AD37" s="319">
        <v>1451704</v>
      </c>
      <c r="AE37" s="319">
        <v>1318915</v>
      </c>
      <c r="AF37" s="319">
        <v>1479045</v>
      </c>
      <c r="AG37" s="320">
        <v>6477862</v>
      </c>
      <c r="AH37" s="322">
        <v>6477862</v>
      </c>
      <c r="AI37" s="318">
        <v>0</v>
      </c>
      <c r="AJ37" s="319">
        <v>0</v>
      </c>
      <c r="AK37" s="320">
        <v>0</v>
      </c>
      <c r="AL37" s="318">
        <v>0</v>
      </c>
      <c r="AM37" s="319">
        <v>0</v>
      </c>
      <c r="AN37" s="319">
        <v>0</v>
      </c>
      <c r="AO37" s="319">
        <v>51346</v>
      </c>
      <c r="AP37" s="319">
        <v>121680</v>
      </c>
      <c r="AQ37" s="319">
        <v>584055</v>
      </c>
      <c r="AR37" s="320">
        <v>757081</v>
      </c>
      <c r="AS37" s="322">
        <v>757081</v>
      </c>
      <c r="AT37" s="318">
        <v>133690</v>
      </c>
      <c r="AU37" s="319">
        <v>170238</v>
      </c>
      <c r="AV37" s="320">
        <v>303928</v>
      </c>
      <c r="AW37" s="318">
        <v>0</v>
      </c>
      <c r="AX37" s="319">
        <v>1087727</v>
      </c>
      <c r="AY37" s="319">
        <v>1156070</v>
      </c>
      <c r="AZ37" s="319">
        <v>581432</v>
      </c>
      <c r="BA37" s="319">
        <v>730921</v>
      </c>
      <c r="BB37" s="319">
        <v>501227</v>
      </c>
      <c r="BC37" s="320">
        <v>4057377</v>
      </c>
      <c r="BD37" s="322">
        <v>4361305</v>
      </c>
      <c r="BE37" s="318">
        <v>8451</v>
      </c>
      <c r="BF37" s="319">
        <v>42255</v>
      </c>
      <c r="BG37" s="323">
        <v>50706</v>
      </c>
      <c r="BH37" s="324">
        <v>0</v>
      </c>
      <c r="BI37" s="319">
        <v>311401</v>
      </c>
      <c r="BJ37" s="319">
        <v>12798</v>
      </c>
      <c r="BK37" s="319">
        <v>69788</v>
      </c>
      <c r="BL37" s="319">
        <v>43020</v>
      </c>
      <c r="BM37" s="319">
        <v>89775</v>
      </c>
      <c r="BN37" s="320">
        <v>526782</v>
      </c>
      <c r="BO37" s="322">
        <v>577488</v>
      </c>
      <c r="BP37" s="318">
        <v>14445</v>
      </c>
      <c r="BQ37" s="319">
        <v>6013</v>
      </c>
      <c r="BR37" s="320">
        <v>20458</v>
      </c>
      <c r="BS37" s="318">
        <v>0</v>
      </c>
      <c r="BT37" s="319">
        <v>146728</v>
      </c>
      <c r="BU37" s="319">
        <v>189546</v>
      </c>
      <c r="BV37" s="319">
        <v>248184</v>
      </c>
      <c r="BW37" s="319">
        <v>304042</v>
      </c>
      <c r="BX37" s="319">
        <v>166953</v>
      </c>
      <c r="BY37" s="320">
        <v>1055453</v>
      </c>
      <c r="BZ37" s="322">
        <v>1075911</v>
      </c>
      <c r="CA37" s="318">
        <v>0</v>
      </c>
      <c r="CB37" s="319">
        <v>0</v>
      </c>
      <c r="CC37" s="320">
        <v>0</v>
      </c>
      <c r="CD37" s="318">
        <v>0</v>
      </c>
      <c r="CE37" s="319">
        <v>3136627</v>
      </c>
      <c r="CF37" s="319">
        <v>4697385</v>
      </c>
      <c r="CG37" s="319">
        <v>2240911</v>
      </c>
      <c r="CH37" s="319">
        <v>2507672</v>
      </c>
      <c r="CI37" s="319">
        <v>522244</v>
      </c>
      <c r="CJ37" s="320">
        <v>13104839</v>
      </c>
      <c r="CK37" s="322">
        <v>13104839</v>
      </c>
      <c r="CL37" s="318">
        <v>0</v>
      </c>
      <c r="CM37" s="319">
        <v>0</v>
      </c>
      <c r="CN37" s="320">
        <v>0</v>
      </c>
      <c r="CO37" s="324">
        <v>0</v>
      </c>
      <c r="CP37" s="319">
        <v>2466348</v>
      </c>
      <c r="CQ37" s="319">
        <v>3780345</v>
      </c>
      <c r="CR37" s="319">
        <v>1902803</v>
      </c>
      <c r="CS37" s="319">
        <v>2189806</v>
      </c>
      <c r="CT37" s="319">
        <v>232857</v>
      </c>
      <c r="CU37" s="320">
        <v>10572159</v>
      </c>
      <c r="CV37" s="322">
        <v>10572159</v>
      </c>
      <c r="CW37" s="318">
        <v>0</v>
      </c>
      <c r="CX37" s="319">
        <v>0</v>
      </c>
      <c r="CY37" s="320">
        <v>0</v>
      </c>
      <c r="CZ37" s="318">
        <v>0</v>
      </c>
      <c r="DA37" s="319">
        <v>670279</v>
      </c>
      <c r="DB37" s="319">
        <v>917040</v>
      </c>
      <c r="DC37" s="319">
        <v>338108</v>
      </c>
      <c r="DD37" s="319">
        <v>317866</v>
      </c>
      <c r="DE37" s="319">
        <v>289387</v>
      </c>
      <c r="DF37" s="320">
        <v>2532680</v>
      </c>
      <c r="DG37" s="322">
        <v>2532680</v>
      </c>
      <c r="DH37" s="318">
        <v>36824</v>
      </c>
      <c r="DI37" s="319">
        <v>0</v>
      </c>
      <c r="DJ37" s="323">
        <v>36824</v>
      </c>
      <c r="DK37" s="324">
        <v>0</v>
      </c>
      <c r="DL37" s="319">
        <v>140825</v>
      </c>
      <c r="DM37" s="319">
        <v>849391</v>
      </c>
      <c r="DN37" s="319">
        <v>592292</v>
      </c>
      <c r="DO37" s="319">
        <v>689687</v>
      </c>
      <c r="DP37" s="319">
        <v>496293</v>
      </c>
      <c r="DQ37" s="320">
        <v>2768488</v>
      </c>
      <c r="DR37" s="322">
        <v>2805312</v>
      </c>
      <c r="DS37" s="318">
        <v>36824</v>
      </c>
      <c r="DT37" s="319">
        <v>0</v>
      </c>
      <c r="DU37" s="320">
        <v>36824</v>
      </c>
      <c r="DV37" s="318">
        <v>0</v>
      </c>
      <c r="DW37" s="319">
        <v>140825</v>
      </c>
      <c r="DX37" s="319">
        <v>573257</v>
      </c>
      <c r="DY37" s="319">
        <v>530154</v>
      </c>
      <c r="DZ37" s="319">
        <v>333760</v>
      </c>
      <c r="EA37" s="319">
        <v>62572</v>
      </c>
      <c r="EB37" s="320">
        <v>1640568</v>
      </c>
      <c r="EC37" s="322">
        <v>1677392</v>
      </c>
      <c r="ED37" s="318">
        <v>0</v>
      </c>
      <c r="EE37" s="323">
        <v>0</v>
      </c>
      <c r="EF37" s="320">
        <v>0</v>
      </c>
      <c r="EG37" s="318">
        <v>0</v>
      </c>
      <c r="EH37" s="319">
        <v>0</v>
      </c>
      <c r="EI37" s="319">
        <v>276134</v>
      </c>
      <c r="EJ37" s="319">
        <v>62138</v>
      </c>
      <c r="EK37" s="319">
        <v>355927</v>
      </c>
      <c r="EL37" s="319">
        <v>433721</v>
      </c>
      <c r="EM37" s="323">
        <v>1127920</v>
      </c>
      <c r="EN37" s="322">
        <v>1127920</v>
      </c>
      <c r="EO37" s="318">
        <v>0</v>
      </c>
      <c r="EP37" s="319">
        <v>0</v>
      </c>
      <c r="EQ37" s="323">
        <v>0</v>
      </c>
      <c r="ER37" s="324">
        <v>0</v>
      </c>
      <c r="ES37" s="319">
        <v>0</v>
      </c>
      <c r="ET37" s="319">
        <v>0</v>
      </c>
      <c r="EU37" s="319">
        <v>0</v>
      </c>
      <c r="EV37" s="319">
        <v>0</v>
      </c>
      <c r="EW37" s="319">
        <v>0</v>
      </c>
      <c r="EX37" s="320">
        <v>0</v>
      </c>
      <c r="EY37" s="322">
        <v>0</v>
      </c>
      <c r="EZ37" s="318">
        <v>0</v>
      </c>
      <c r="FA37" s="319">
        <v>0</v>
      </c>
      <c r="FB37" s="323">
        <v>0</v>
      </c>
      <c r="FC37" s="346"/>
      <c r="FD37" s="319">
        <v>0</v>
      </c>
      <c r="FE37" s="319">
        <v>0</v>
      </c>
      <c r="FF37" s="319">
        <v>0</v>
      </c>
      <c r="FG37" s="319">
        <v>0</v>
      </c>
      <c r="FH37" s="319">
        <v>0</v>
      </c>
      <c r="FI37" s="320">
        <v>0</v>
      </c>
      <c r="FJ37" s="322">
        <v>0</v>
      </c>
      <c r="FK37" s="318">
        <v>128340</v>
      </c>
      <c r="FL37" s="319">
        <v>282164</v>
      </c>
      <c r="FM37" s="320">
        <v>410504</v>
      </c>
      <c r="FN37" s="318">
        <v>0</v>
      </c>
      <c r="FO37" s="319">
        <v>589963</v>
      </c>
      <c r="FP37" s="319">
        <v>923169</v>
      </c>
      <c r="FQ37" s="319">
        <v>645496</v>
      </c>
      <c r="FR37" s="319">
        <v>622645</v>
      </c>
      <c r="FS37" s="319">
        <v>481016</v>
      </c>
      <c r="FT37" s="320">
        <v>3262289</v>
      </c>
      <c r="FU37" s="322">
        <v>3672793</v>
      </c>
      <c r="FV37" s="326">
        <v>128340</v>
      </c>
      <c r="FW37" s="319">
        <v>267116</v>
      </c>
      <c r="FX37" s="323">
        <v>395456</v>
      </c>
      <c r="FY37" s="324">
        <v>0</v>
      </c>
      <c r="FZ37" s="319">
        <v>589963</v>
      </c>
      <c r="GA37" s="319">
        <v>909849</v>
      </c>
      <c r="GB37" s="319">
        <v>645496</v>
      </c>
      <c r="GC37" s="319">
        <v>622645</v>
      </c>
      <c r="GD37" s="319">
        <v>481016</v>
      </c>
      <c r="GE37" s="320">
        <v>3248969</v>
      </c>
      <c r="GF37" s="327">
        <v>3644425</v>
      </c>
      <c r="GG37" s="326">
        <v>0</v>
      </c>
      <c r="GH37" s="319">
        <v>15048</v>
      </c>
      <c r="GI37" s="323">
        <v>15048</v>
      </c>
      <c r="GJ37" s="324">
        <v>0</v>
      </c>
      <c r="GK37" s="319">
        <v>0</v>
      </c>
      <c r="GL37" s="319">
        <v>13320</v>
      </c>
      <c r="GM37" s="319">
        <v>0</v>
      </c>
      <c r="GN37" s="319">
        <v>0</v>
      </c>
      <c r="GO37" s="319">
        <v>0</v>
      </c>
      <c r="GP37" s="320">
        <v>13320</v>
      </c>
      <c r="GQ37" s="322">
        <v>28368</v>
      </c>
      <c r="GR37" s="318">
        <v>0</v>
      </c>
      <c r="GS37" s="319">
        <v>0</v>
      </c>
      <c r="GT37" s="320">
        <v>0</v>
      </c>
      <c r="GU37" s="318">
        <v>0</v>
      </c>
      <c r="GV37" s="319">
        <v>0</v>
      </c>
      <c r="GW37" s="319">
        <v>0</v>
      </c>
      <c r="GX37" s="319">
        <v>0</v>
      </c>
      <c r="GY37" s="319">
        <v>0</v>
      </c>
      <c r="GZ37" s="319">
        <v>0</v>
      </c>
      <c r="HA37" s="323">
        <v>0</v>
      </c>
      <c r="HB37" s="322">
        <v>0</v>
      </c>
      <c r="HC37" s="318">
        <v>176558</v>
      </c>
      <c r="HD37" s="319">
        <v>27314</v>
      </c>
      <c r="HE37" s="323">
        <v>203872</v>
      </c>
      <c r="HF37" s="324">
        <v>0</v>
      </c>
      <c r="HG37" s="319">
        <v>644898</v>
      </c>
      <c r="HH37" s="319">
        <v>873426</v>
      </c>
      <c r="HI37" s="319">
        <v>1043841</v>
      </c>
      <c r="HJ37" s="319">
        <v>1546830</v>
      </c>
      <c r="HK37" s="319">
        <v>814463</v>
      </c>
      <c r="HL37" s="320">
        <v>4923458</v>
      </c>
      <c r="HM37" s="321">
        <v>5127330</v>
      </c>
      <c r="HN37" s="326">
        <v>116880</v>
      </c>
      <c r="HO37" s="319">
        <v>209043</v>
      </c>
      <c r="HP37" s="320">
        <v>325923</v>
      </c>
      <c r="HQ37" s="318">
        <v>0</v>
      </c>
      <c r="HR37" s="319">
        <v>1908075</v>
      </c>
      <c r="HS37" s="319">
        <v>1426235</v>
      </c>
      <c r="HT37" s="319">
        <v>707281</v>
      </c>
      <c r="HU37" s="319">
        <v>580678</v>
      </c>
      <c r="HV37" s="319">
        <v>299023</v>
      </c>
      <c r="HW37" s="323">
        <v>4921292</v>
      </c>
      <c r="HX37" s="322">
        <v>5247215</v>
      </c>
      <c r="HY37" s="328">
        <v>0</v>
      </c>
      <c r="HZ37" s="329">
        <v>0</v>
      </c>
      <c r="IA37" s="330">
        <v>0</v>
      </c>
      <c r="IB37" s="353">
        <v>0</v>
      </c>
      <c r="IC37" s="329">
        <v>3458822</v>
      </c>
      <c r="ID37" s="354">
        <v>4056799</v>
      </c>
      <c r="IE37" s="330">
        <v>6428036</v>
      </c>
      <c r="IF37" s="329">
        <v>5849559</v>
      </c>
      <c r="IG37" s="330">
        <v>2353118</v>
      </c>
      <c r="IH37" s="355">
        <v>22146334</v>
      </c>
      <c r="II37" s="336">
        <v>22146334</v>
      </c>
      <c r="IJ37" s="337">
        <v>0</v>
      </c>
      <c r="IK37" s="338">
        <v>0</v>
      </c>
      <c r="IL37" s="339">
        <v>0</v>
      </c>
      <c r="IM37" s="346"/>
      <c r="IN37" s="341">
        <v>181289</v>
      </c>
      <c r="IO37" s="341">
        <v>0</v>
      </c>
      <c r="IP37" s="341">
        <v>343935</v>
      </c>
      <c r="IQ37" s="341">
        <v>280044</v>
      </c>
      <c r="IR37" s="341">
        <v>0</v>
      </c>
      <c r="IS37" s="342">
        <v>805268</v>
      </c>
      <c r="IT37" s="343">
        <v>805268</v>
      </c>
      <c r="IU37" s="344">
        <v>0</v>
      </c>
      <c r="IV37" s="341">
        <v>0</v>
      </c>
      <c r="IW37" s="345">
        <v>0</v>
      </c>
      <c r="IX37" s="346"/>
      <c r="IY37" s="341">
        <v>0</v>
      </c>
      <c r="IZ37" s="341">
        <v>0</v>
      </c>
      <c r="JA37" s="341">
        <v>0</v>
      </c>
      <c r="JB37" s="341">
        <v>0</v>
      </c>
      <c r="JC37" s="341">
        <v>0</v>
      </c>
      <c r="JD37" s="345">
        <v>0</v>
      </c>
      <c r="JE37" s="347">
        <v>0</v>
      </c>
      <c r="JF37" s="344">
        <v>0</v>
      </c>
      <c r="JG37" s="341">
        <v>0</v>
      </c>
      <c r="JH37" s="342">
        <v>0</v>
      </c>
      <c r="JI37" s="348">
        <v>0</v>
      </c>
      <c r="JJ37" s="341">
        <v>2566407</v>
      </c>
      <c r="JK37" s="341">
        <v>1901862</v>
      </c>
      <c r="JL37" s="341">
        <v>577926</v>
      </c>
      <c r="JM37" s="341">
        <v>346941</v>
      </c>
      <c r="JN37" s="341">
        <v>0</v>
      </c>
      <c r="JO37" s="345">
        <v>5393136</v>
      </c>
      <c r="JP37" s="343">
        <v>5393136</v>
      </c>
      <c r="JQ37" s="344">
        <v>0</v>
      </c>
      <c r="JR37" s="341">
        <v>0</v>
      </c>
      <c r="JS37" s="342">
        <v>0</v>
      </c>
      <c r="JT37" s="348">
        <v>0</v>
      </c>
      <c r="JU37" s="341">
        <v>103021</v>
      </c>
      <c r="JV37" s="341">
        <v>0</v>
      </c>
      <c r="JW37" s="341">
        <v>277218</v>
      </c>
      <c r="JX37" s="341">
        <v>0</v>
      </c>
      <c r="JY37" s="341">
        <v>286594</v>
      </c>
      <c r="JZ37" s="345">
        <v>666833</v>
      </c>
      <c r="KA37" s="343">
        <v>666833</v>
      </c>
      <c r="KB37" s="349">
        <v>0</v>
      </c>
      <c r="KC37" s="350">
        <v>0</v>
      </c>
      <c r="KD37" s="345">
        <v>0</v>
      </c>
      <c r="KE37" s="348">
        <v>0</v>
      </c>
      <c r="KF37" s="341">
        <v>124839</v>
      </c>
      <c r="KG37" s="341">
        <v>0</v>
      </c>
      <c r="KH37" s="341">
        <v>489645</v>
      </c>
      <c r="KI37" s="341">
        <v>535383</v>
      </c>
      <c r="KJ37" s="341">
        <v>0</v>
      </c>
      <c r="KK37" s="345">
        <v>1149867</v>
      </c>
      <c r="KL37" s="351">
        <v>1149867</v>
      </c>
      <c r="KM37" s="337">
        <v>0</v>
      </c>
      <c r="KN37" s="338">
        <v>0</v>
      </c>
      <c r="KO37" s="339">
        <v>0</v>
      </c>
      <c r="KP37" s="352"/>
      <c r="KQ37" s="341">
        <v>483266</v>
      </c>
      <c r="KR37" s="341">
        <v>2002344</v>
      </c>
      <c r="KS37" s="341">
        <v>2800064</v>
      </c>
      <c r="KT37" s="341">
        <v>1846800</v>
      </c>
      <c r="KU37" s="341">
        <v>1290706</v>
      </c>
      <c r="KV37" s="345">
        <v>8423180</v>
      </c>
      <c r="KW37" s="343">
        <v>8423180</v>
      </c>
      <c r="KX37" s="344">
        <v>0</v>
      </c>
      <c r="KY37" s="341">
        <v>0</v>
      </c>
      <c r="KZ37" s="345">
        <v>0</v>
      </c>
      <c r="LA37" s="352"/>
      <c r="LB37" s="341">
        <v>0</v>
      </c>
      <c r="LC37" s="341">
        <v>0</v>
      </c>
      <c r="LD37" s="341">
        <v>0</v>
      </c>
      <c r="LE37" s="341">
        <v>0</v>
      </c>
      <c r="LF37" s="341">
        <v>0</v>
      </c>
      <c r="LG37" s="345">
        <v>0</v>
      </c>
      <c r="LH37" s="347">
        <v>0</v>
      </c>
      <c r="LI37" s="344">
        <v>0</v>
      </c>
      <c r="LJ37" s="341">
        <v>0</v>
      </c>
      <c r="LK37" s="345">
        <v>0</v>
      </c>
      <c r="LL37" s="352"/>
      <c r="LM37" s="341">
        <v>0</v>
      </c>
      <c r="LN37" s="341">
        <v>152593</v>
      </c>
      <c r="LO37" s="341">
        <v>1939248</v>
      </c>
      <c r="LP37" s="341">
        <v>2840391</v>
      </c>
      <c r="LQ37" s="341">
        <v>775818</v>
      </c>
      <c r="LR37" s="345">
        <v>5708050</v>
      </c>
      <c r="LS37" s="343">
        <v>5708050</v>
      </c>
      <c r="LT37" s="344">
        <v>0</v>
      </c>
      <c r="LU37" s="341">
        <v>0</v>
      </c>
      <c r="LV37" s="345">
        <v>0</v>
      </c>
      <c r="LW37" s="352"/>
      <c r="LX37" s="341">
        <v>0</v>
      </c>
      <c r="LY37" s="341">
        <v>0</v>
      </c>
      <c r="LZ37" s="341">
        <v>0</v>
      </c>
      <c r="MA37" s="341">
        <v>0</v>
      </c>
      <c r="MB37" s="341">
        <v>0</v>
      </c>
      <c r="MC37" s="345">
        <v>0</v>
      </c>
      <c r="MD37" s="347">
        <v>0</v>
      </c>
      <c r="ME37" s="344">
        <v>0</v>
      </c>
      <c r="MF37" s="341">
        <v>0</v>
      </c>
      <c r="MG37" s="345">
        <v>0</v>
      </c>
      <c r="MH37" s="352"/>
      <c r="MI37" s="341">
        <v>909661</v>
      </c>
      <c r="MJ37" s="341">
        <v>2960413</v>
      </c>
      <c r="MK37" s="341">
        <v>5860912</v>
      </c>
      <c r="ML37" s="341">
        <v>9383769</v>
      </c>
      <c r="MM37" s="341">
        <v>4122486</v>
      </c>
      <c r="MN37" s="345">
        <v>23237241</v>
      </c>
      <c r="MO37" s="351">
        <v>23237241</v>
      </c>
      <c r="MP37" s="344">
        <v>0</v>
      </c>
      <c r="MQ37" s="341">
        <v>0</v>
      </c>
      <c r="MR37" s="345">
        <v>0</v>
      </c>
      <c r="MS37" s="352"/>
      <c r="MT37" s="341">
        <v>219078</v>
      </c>
      <c r="MU37" s="341">
        <v>242992</v>
      </c>
      <c r="MV37" s="341">
        <v>2224994</v>
      </c>
      <c r="MW37" s="341">
        <v>6291218</v>
      </c>
      <c r="MX37" s="341">
        <v>1903074</v>
      </c>
      <c r="MY37" s="345">
        <v>10881356</v>
      </c>
      <c r="MZ37" s="351">
        <v>10881356</v>
      </c>
      <c r="NA37" s="344">
        <v>0</v>
      </c>
      <c r="NB37" s="341">
        <v>0</v>
      </c>
      <c r="NC37" s="345">
        <v>0</v>
      </c>
      <c r="ND37" s="352"/>
      <c r="NE37" s="341">
        <v>690583</v>
      </c>
      <c r="NF37" s="341">
        <v>2717421</v>
      </c>
      <c r="NG37" s="341">
        <v>3635918</v>
      </c>
      <c r="NH37" s="341">
        <v>3092551</v>
      </c>
      <c r="NI37" s="341">
        <v>2219412</v>
      </c>
      <c r="NJ37" s="345">
        <v>12355885</v>
      </c>
      <c r="NK37" s="343">
        <v>12355885</v>
      </c>
      <c r="NL37" s="344">
        <v>0</v>
      </c>
      <c r="NM37" s="341">
        <v>0</v>
      </c>
      <c r="NN37" s="345">
        <v>0</v>
      </c>
      <c r="NO37" s="352"/>
      <c r="NP37" s="341">
        <v>0</v>
      </c>
      <c r="NQ37" s="341">
        <v>0</v>
      </c>
      <c r="NR37" s="341">
        <v>0</v>
      </c>
      <c r="NS37" s="341">
        <v>0</v>
      </c>
      <c r="NT37" s="341">
        <v>0</v>
      </c>
      <c r="NU37" s="345">
        <v>0</v>
      </c>
      <c r="NV37" s="347">
        <v>0</v>
      </c>
      <c r="NW37" s="344">
        <v>0</v>
      </c>
      <c r="NX37" s="341">
        <v>0</v>
      </c>
      <c r="NY37" s="345">
        <v>0</v>
      </c>
      <c r="NZ37" s="352"/>
      <c r="OA37" s="341">
        <v>0</v>
      </c>
      <c r="OB37" s="341">
        <v>0</v>
      </c>
      <c r="OC37" s="341">
        <v>0</v>
      </c>
      <c r="OD37" s="341">
        <v>0</v>
      </c>
      <c r="OE37" s="341">
        <v>0</v>
      </c>
      <c r="OF37" s="345">
        <v>0</v>
      </c>
      <c r="OG37" s="347">
        <v>0</v>
      </c>
      <c r="OH37" s="344">
        <v>615188</v>
      </c>
      <c r="OI37" s="341">
        <v>737027</v>
      </c>
      <c r="OJ37" s="342">
        <v>1352215</v>
      </c>
      <c r="OK37" s="348">
        <v>0</v>
      </c>
      <c r="OL37" s="341">
        <v>13670935</v>
      </c>
      <c r="OM37" s="341">
        <v>18037222</v>
      </c>
      <c r="ON37" s="341">
        <v>19921223</v>
      </c>
      <c r="OO37" s="341">
        <v>23699418</v>
      </c>
      <c r="OP37" s="341">
        <v>11909698</v>
      </c>
      <c r="OQ37" s="345">
        <v>87238496</v>
      </c>
      <c r="OR37" s="351">
        <v>88590711</v>
      </c>
    </row>
    <row r="38" spans="1:408" ht="18.75" customHeight="1" x14ac:dyDescent="0.2">
      <c r="A38" s="61" t="s">
        <v>33</v>
      </c>
      <c r="B38" s="318">
        <v>1257440</v>
      </c>
      <c r="C38" s="319">
        <v>2531727</v>
      </c>
      <c r="D38" s="320">
        <v>3789167</v>
      </c>
      <c r="E38" s="321">
        <v>0</v>
      </c>
      <c r="F38" s="319">
        <v>8534272</v>
      </c>
      <c r="G38" s="319">
        <v>8856723</v>
      </c>
      <c r="H38" s="319">
        <v>5877575</v>
      </c>
      <c r="I38" s="319">
        <v>5426206</v>
      </c>
      <c r="J38" s="319">
        <v>3957926</v>
      </c>
      <c r="K38" s="358">
        <v>32652702</v>
      </c>
      <c r="L38" s="322">
        <v>36441869</v>
      </c>
      <c r="M38" s="318">
        <v>411649</v>
      </c>
      <c r="N38" s="319">
        <v>986318</v>
      </c>
      <c r="O38" s="320">
        <v>1397967</v>
      </c>
      <c r="P38" s="318">
        <v>0</v>
      </c>
      <c r="Q38" s="319">
        <v>2996852</v>
      </c>
      <c r="R38" s="319">
        <v>2540179</v>
      </c>
      <c r="S38" s="319">
        <v>1531013</v>
      </c>
      <c r="T38" s="319">
        <v>1930466</v>
      </c>
      <c r="U38" s="319">
        <v>2173835</v>
      </c>
      <c r="V38" s="320">
        <v>11172345</v>
      </c>
      <c r="W38" s="322">
        <v>12570312</v>
      </c>
      <c r="X38" s="318">
        <v>0</v>
      </c>
      <c r="Y38" s="319">
        <v>0</v>
      </c>
      <c r="Z38" s="320">
        <v>0</v>
      </c>
      <c r="AA38" s="318">
        <v>0</v>
      </c>
      <c r="AB38" s="319">
        <v>1185570</v>
      </c>
      <c r="AC38" s="319">
        <v>1155866</v>
      </c>
      <c r="AD38" s="319">
        <v>668145</v>
      </c>
      <c r="AE38" s="319">
        <v>1023149</v>
      </c>
      <c r="AF38" s="319">
        <v>1333256</v>
      </c>
      <c r="AG38" s="320">
        <v>5365986</v>
      </c>
      <c r="AH38" s="322">
        <v>5365986</v>
      </c>
      <c r="AI38" s="318">
        <v>0</v>
      </c>
      <c r="AJ38" s="319">
        <v>0</v>
      </c>
      <c r="AK38" s="320">
        <v>0</v>
      </c>
      <c r="AL38" s="318">
        <v>0</v>
      </c>
      <c r="AM38" s="319">
        <v>0</v>
      </c>
      <c r="AN38" s="319">
        <v>62117</v>
      </c>
      <c r="AO38" s="319">
        <v>101322</v>
      </c>
      <c r="AP38" s="319">
        <v>162472</v>
      </c>
      <c r="AQ38" s="319">
        <v>282813</v>
      </c>
      <c r="AR38" s="320">
        <v>608724</v>
      </c>
      <c r="AS38" s="322">
        <v>608724</v>
      </c>
      <c r="AT38" s="318">
        <v>69459</v>
      </c>
      <c r="AU38" s="319">
        <v>36035</v>
      </c>
      <c r="AV38" s="320">
        <v>105494</v>
      </c>
      <c r="AW38" s="318">
        <v>0</v>
      </c>
      <c r="AX38" s="319">
        <v>478956</v>
      </c>
      <c r="AY38" s="319">
        <v>526065</v>
      </c>
      <c r="AZ38" s="319">
        <v>290540</v>
      </c>
      <c r="BA38" s="319">
        <v>386489</v>
      </c>
      <c r="BB38" s="319">
        <v>395809</v>
      </c>
      <c r="BC38" s="320">
        <v>2077859</v>
      </c>
      <c r="BD38" s="322">
        <v>2183353</v>
      </c>
      <c r="BE38" s="318">
        <v>212878</v>
      </c>
      <c r="BF38" s="319">
        <v>868500</v>
      </c>
      <c r="BG38" s="323">
        <v>1081378</v>
      </c>
      <c r="BH38" s="324">
        <v>0</v>
      </c>
      <c r="BI38" s="319">
        <v>1014906</v>
      </c>
      <c r="BJ38" s="319">
        <v>438437</v>
      </c>
      <c r="BK38" s="319">
        <v>201493</v>
      </c>
      <c r="BL38" s="319">
        <v>216912</v>
      </c>
      <c r="BM38" s="319">
        <v>79260</v>
      </c>
      <c r="BN38" s="320">
        <v>1951008</v>
      </c>
      <c r="BO38" s="322">
        <v>3032386</v>
      </c>
      <c r="BP38" s="318">
        <v>129312</v>
      </c>
      <c r="BQ38" s="319">
        <v>81783</v>
      </c>
      <c r="BR38" s="320">
        <v>211095</v>
      </c>
      <c r="BS38" s="318">
        <v>0</v>
      </c>
      <c r="BT38" s="319">
        <v>317420</v>
      </c>
      <c r="BU38" s="319">
        <v>357694</v>
      </c>
      <c r="BV38" s="319">
        <v>269513</v>
      </c>
      <c r="BW38" s="319">
        <v>141444</v>
      </c>
      <c r="BX38" s="319">
        <v>82697</v>
      </c>
      <c r="BY38" s="320">
        <v>1168768</v>
      </c>
      <c r="BZ38" s="322">
        <v>1379863</v>
      </c>
      <c r="CA38" s="318">
        <v>215424</v>
      </c>
      <c r="CB38" s="319">
        <v>442646</v>
      </c>
      <c r="CC38" s="320">
        <v>658070</v>
      </c>
      <c r="CD38" s="318">
        <v>0</v>
      </c>
      <c r="CE38" s="319">
        <v>1373528</v>
      </c>
      <c r="CF38" s="319">
        <v>1455797</v>
      </c>
      <c r="CG38" s="319">
        <v>1012607</v>
      </c>
      <c r="CH38" s="319">
        <v>638968</v>
      </c>
      <c r="CI38" s="319">
        <v>384823</v>
      </c>
      <c r="CJ38" s="320">
        <v>4865723</v>
      </c>
      <c r="CK38" s="322">
        <v>5523793</v>
      </c>
      <c r="CL38" s="318">
        <v>0</v>
      </c>
      <c r="CM38" s="319">
        <v>0</v>
      </c>
      <c r="CN38" s="320">
        <v>0</v>
      </c>
      <c r="CO38" s="324">
        <v>0</v>
      </c>
      <c r="CP38" s="319">
        <v>620650</v>
      </c>
      <c r="CQ38" s="319">
        <v>209203</v>
      </c>
      <c r="CR38" s="319">
        <v>463334</v>
      </c>
      <c r="CS38" s="319">
        <v>598613</v>
      </c>
      <c r="CT38" s="319">
        <v>149401</v>
      </c>
      <c r="CU38" s="320">
        <v>2041201</v>
      </c>
      <c r="CV38" s="322">
        <v>2041201</v>
      </c>
      <c r="CW38" s="318">
        <v>215424</v>
      </c>
      <c r="CX38" s="319">
        <v>442646</v>
      </c>
      <c r="CY38" s="320">
        <v>658070</v>
      </c>
      <c r="CZ38" s="318">
        <v>0</v>
      </c>
      <c r="DA38" s="319">
        <v>752878</v>
      </c>
      <c r="DB38" s="319">
        <v>1246594</v>
      </c>
      <c r="DC38" s="319">
        <v>549273</v>
      </c>
      <c r="DD38" s="319">
        <v>40355</v>
      </c>
      <c r="DE38" s="319">
        <v>235422</v>
      </c>
      <c r="DF38" s="320">
        <v>2824522</v>
      </c>
      <c r="DG38" s="322">
        <v>3482592</v>
      </c>
      <c r="DH38" s="318">
        <v>13802</v>
      </c>
      <c r="DI38" s="319">
        <v>0</v>
      </c>
      <c r="DJ38" s="323">
        <v>13802</v>
      </c>
      <c r="DK38" s="324">
        <v>0</v>
      </c>
      <c r="DL38" s="319">
        <v>616983</v>
      </c>
      <c r="DM38" s="319">
        <v>229077</v>
      </c>
      <c r="DN38" s="319">
        <v>398239</v>
      </c>
      <c r="DO38" s="319">
        <v>865384</v>
      </c>
      <c r="DP38" s="319">
        <v>80315</v>
      </c>
      <c r="DQ38" s="320">
        <v>2189998</v>
      </c>
      <c r="DR38" s="322">
        <v>2203800</v>
      </c>
      <c r="DS38" s="318">
        <v>13802</v>
      </c>
      <c r="DT38" s="319">
        <v>0</v>
      </c>
      <c r="DU38" s="320">
        <v>13802</v>
      </c>
      <c r="DV38" s="318">
        <v>0</v>
      </c>
      <c r="DW38" s="319">
        <v>209400</v>
      </c>
      <c r="DX38" s="319">
        <v>67401</v>
      </c>
      <c r="DY38" s="319">
        <v>132492</v>
      </c>
      <c r="DZ38" s="319">
        <v>865384</v>
      </c>
      <c r="EA38" s="319">
        <v>80315</v>
      </c>
      <c r="EB38" s="320">
        <v>1354992</v>
      </c>
      <c r="EC38" s="322">
        <v>1368794</v>
      </c>
      <c r="ED38" s="318">
        <v>0</v>
      </c>
      <c r="EE38" s="323">
        <v>0</v>
      </c>
      <c r="EF38" s="320">
        <v>0</v>
      </c>
      <c r="EG38" s="318">
        <v>0</v>
      </c>
      <c r="EH38" s="319">
        <v>345625</v>
      </c>
      <c r="EI38" s="319">
        <v>161676</v>
      </c>
      <c r="EJ38" s="319">
        <v>265747</v>
      </c>
      <c r="EK38" s="319">
        <v>0</v>
      </c>
      <c r="EL38" s="319">
        <v>0</v>
      </c>
      <c r="EM38" s="323">
        <v>773048</v>
      </c>
      <c r="EN38" s="322">
        <v>773048</v>
      </c>
      <c r="EO38" s="318">
        <v>0</v>
      </c>
      <c r="EP38" s="319">
        <v>0</v>
      </c>
      <c r="EQ38" s="323">
        <v>0</v>
      </c>
      <c r="ER38" s="324">
        <v>0</v>
      </c>
      <c r="ES38" s="319">
        <v>0</v>
      </c>
      <c r="ET38" s="319">
        <v>0</v>
      </c>
      <c r="EU38" s="319">
        <v>0</v>
      </c>
      <c r="EV38" s="319">
        <v>0</v>
      </c>
      <c r="EW38" s="319">
        <v>0</v>
      </c>
      <c r="EX38" s="320">
        <v>0</v>
      </c>
      <c r="EY38" s="322">
        <v>0</v>
      </c>
      <c r="EZ38" s="318">
        <v>0</v>
      </c>
      <c r="FA38" s="319">
        <v>0</v>
      </c>
      <c r="FB38" s="323">
        <v>0</v>
      </c>
      <c r="FC38" s="346"/>
      <c r="FD38" s="319">
        <v>61958</v>
      </c>
      <c r="FE38" s="319">
        <v>0</v>
      </c>
      <c r="FF38" s="319">
        <v>0</v>
      </c>
      <c r="FG38" s="319">
        <v>0</v>
      </c>
      <c r="FH38" s="319">
        <v>0</v>
      </c>
      <c r="FI38" s="320">
        <v>61958</v>
      </c>
      <c r="FJ38" s="322">
        <v>61958</v>
      </c>
      <c r="FK38" s="318">
        <v>213846</v>
      </c>
      <c r="FL38" s="319">
        <v>319225</v>
      </c>
      <c r="FM38" s="320">
        <v>533071</v>
      </c>
      <c r="FN38" s="318">
        <v>0</v>
      </c>
      <c r="FO38" s="319">
        <v>501896</v>
      </c>
      <c r="FP38" s="319">
        <v>663027</v>
      </c>
      <c r="FQ38" s="319">
        <v>323201</v>
      </c>
      <c r="FR38" s="319">
        <v>293220</v>
      </c>
      <c r="FS38" s="319">
        <v>289659</v>
      </c>
      <c r="FT38" s="320">
        <v>2071003</v>
      </c>
      <c r="FU38" s="322">
        <v>2604074</v>
      </c>
      <c r="FV38" s="326">
        <v>151566</v>
      </c>
      <c r="FW38" s="319">
        <v>249925</v>
      </c>
      <c r="FX38" s="323">
        <v>401491</v>
      </c>
      <c r="FY38" s="324">
        <v>0</v>
      </c>
      <c r="FZ38" s="319">
        <v>450812</v>
      </c>
      <c r="GA38" s="319">
        <v>641643</v>
      </c>
      <c r="GB38" s="319">
        <v>323201</v>
      </c>
      <c r="GC38" s="319">
        <v>268668</v>
      </c>
      <c r="GD38" s="319">
        <v>289659</v>
      </c>
      <c r="GE38" s="320">
        <v>1973983</v>
      </c>
      <c r="GF38" s="327">
        <v>2375474</v>
      </c>
      <c r="GG38" s="326">
        <v>20988</v>
      </c>
      <c r="GH38" s="319">
        <v>0</v>
      </c>
      <c r="GI38" s="323">
        <v>20988</v>
      </c>
      <c r="GJ38" s="324">
        <v>0</v>
      </c>
      <c r="GK38" s="319">
        <v>51084</v>
      </c>
      <c r="GL38" s="319">
        <v>21384</v>
      </c>
      <c r="GM38" s="319">
        <v>0</v>
      </c>
      <c r="GN38" s="319">
        <v>24552</v>
      </c>
      <c r="GO38" s="319">
        <v>0</v>
      </c>
      <c r="GP38" s="320">
        <v>97020</v>
      </c>
      <c r="GQ38" s="322">
        <v>118008</v>
      </c>
      <c r="GR38" s="318">
        <v>41292</v>
      </c>
      <c r="GS38" s="319">
        <v>69300</v>
      </c>
      <c r="GT38" s="320">
        <v>110592</v>
      </c>
      <c r="GU38" s="318">
        <v>0</v>
      </c>
      <c r="GV38" s="319">
        <v>0</v>
      </c>
      <c r="GW38" s="319">
        <v>0</v>
      </c>
      <c r="GX38" s="319">
        <v>0</v>
      </c>
      <c r="GY38" s="319">
        <v>0</v>
      </c>
      <c r="GZ38" s="319">
        <v>0</v>
      </c>
      <c r="HA38" s="323">
        <v>0</v>
      </c>
      <c r="HB38" s="322">
        <v>110592</v>
      </c>
      <c r="HC38" s="318">
        <v>226296</v>
      </c>
      <c r="HD38" s="319">
        <v>505330</v>
      </c>
      <c r="HE38" s="323">
        <v>731626</v>
      </c>
      <c r="HF38" s="324">
        <v>0</v>
      </c>
      <c r="HG38" s="319">
        <v>1691410</v>
      </c>
      <c r="HH38" s="319">
        <v>3084083</v>
      </c>
      <c r="HI38" s="319">
        <v>2168982</v>
      </c>
      <c r="HJ38" s="319">
        <v>1377598</v>
      </c>
      <c r="HK38" s="319">
        <v>798677</v>
      </c>
      <c r="HL38" s="320">
        <v>9120750</v>
      </c>
      <c r="HM38" s="321">
        <v>9852376</v>
      </c>
      <c r="HN38" s="326">
        <v>176423</v>
      </c>
      <c r="HO38" s="319">
        <v>278208</v>
      </c>
      <c r="HP38" s="320">
        <v>454631</v>
      </c>
      <c r="HQ38" s="318">
        <v>0</v>
      </c>
      <c r="HR38" s="319">
        <v>1353603</v>
      </c>
      <c r="HS38" s="319">
        <v>884560</v>
      </c>
      <c r="HT38" s="319">
        <v>443533</v>
      </c>
      <c r="HU38" s="319">
        <v>320570</v>
      </c>
      <c r="HV38" s="319">
        <v>230617</v>
      </c>
      <c r="HW38" s="323">
        <v>3232883</v>
      </c>
      <c r="HX38" s="322">
        <v>3687514</v>
      </c>
      <c r="HY38" s="357">
        <v>0</v>
      </c>
      <c r="HZ38" s="332">
        <v>186945</v>
      </c>
      <c r="IA38" s="357">
        <v>186945</v>
      </c>
      <c r="IB38" s="353">
        <v>0</v>
      </c>
      <c r="IC38" s="329">
        <v>3521684</v>
      </c>
      <c r="ID38" s="354">
        <v>3360769</v>
      </c>
      <c r="IE38" s="330">
        <v>4166928</v>
      </c>
      <c r="IF38" s="329">
        <v>1805890</v>
      </c>
      <c r="IG38" s="330">
        <v>760844</v>
      </c>
      <c r="IH38" s="355">
        <v>13616115</v>
      </c>
      <c r="II38" s="357">
        <v>13803060</v>
      </c>
      <c r="IJ38" s="337">
        <v>0</v>
      </c>
      <c r="IK38" s="338">
        <v>0</v>
      </c>
      <c r="IL38" s="339">
        <v>0</v>
      </c>
      <c r="IM38" s="346"/>
      <c r="IN38" s="341">
        <v>0</v>
      </c>
      <c r="IO38" s="341">
        <v>0</v>
      </c>
      <c r="IP38" s="341">
        <v>0</v>
      </c>
      <c r="IQ38" s="341">
        <v>0</v>
      </c>
      <c r="IR38" s="341">
        <v>0</v>
      </c>
      <c r="IS38" s="342">
        <v>0</v>
      </c>
      <c r="IT38" s="343">
        <v>0</v>
      </c>
      <c r="IU38" s="344">
        <v>0</v>
      </c>
      <c r="IV38" s="341">
        <v>0</v>
      </c>
      <c r="IW38" s="345">
        <v>0</v>
      </c>
      <c r="IX38" s="346"/>
      <c r="IY38" s="341">
        <v>0</v>
      </c>
      <c r="IZ38" s="341">
        <v>0</v>
      </c>
      <c r="JA38" s="341">
        <v>0</v>
      </c>
      <c r="JB38" s="341">
        <v>0</v>
      </c>
      <c r="JC38" s="341">
        <v>0</v>
      </c>
      <c r="JD38" s="345">
        <v>0</v>
      </c>
      <c r="JE38" s="347">
        <v>0</v>
      </c>
      <c r="JF38" s="344">
        <v>0</v>
      </c>
      <c r="JG38" s="341">
        <v>0</v>
      </c>
      <c r="JH38" s="342">
        <v>0</v>
      </c>
      <c r="JI38" s="348">
        <v>0</v>
      </c>
      <c r="JJ38" s="341">
        <v>1692459</v>
      </c>
      <c r="JK38" s="341">
        <v>973374</v>
      </c>
      <c r="JL38" s="341">
        <v>428779</v>
      </c>
      <c r="JM38" s="341">
        <v>622007</v>
      </c>
      <c r="JN38" s="341">
        <v>116994</v>
      </c>
      <c r="JO38" s="345">
        <v>3833613</v>
      </c>
      <c r="JP38" s="343">
        <v>3833613</v>
      </c>
      <c r="JQ38" s="344">
        <v>0</v>
      </c>
      <c r="JR38" s="341">
        <v>0</v>
      </c>
      <c r="JS38" s="342">
        <v>0</v>
      </c>
      <c r="JT38" s="348">
        <v>0</v>
      </c>
      <c r="JU38" s="341">
        <v>72972</v>
      </c>
      <c r="JV38" s="341">
        <v>0</v>
      </c>
      <c r="JW38" s="341">
        <v>0</v>
      </c>
      <c r="JX38" s="341">
        <v>0</v>
      </c>
      <c r="JY38" s="341">
        <v>0</v>
      </c>
      <c r="JZ38" s="345">
        <v>72972</v>
      </c>
      <c r="KA38" s="343">
        <v>72972</v>
      </c>
      <c r="KB38" s="349">
        <v>0</v>
      </c>
      <c r="KC38" s="350">
        <v>0</v>
      </c>
      <c r="KD38" s="345">
        <v>0</v>
      </c>
      <c r="KE38" s="348">
        <v>0</v>
      </c>
      <c r="KF38" s="341">
        <v>0</v>
      </c>
      <c r="KG38" s="341">
        <v>0</v>
      </c>
      <c r="KH38" s="341">
        <v>0</v>
      </c>
      <c r="KI38" s="341">
        <v>0</v>
      </c>
      <c r="KJ38" s="341">
        <v>0</v>
      </c>
      <c r="KK38" s="345">
        <v>0</v>
      </c>
      <c r="KL38" s="351">
        <v>0</v>
      </c>
      <c r="KM38" s="337">
        <v>0</v>
      </c>
      <c r="KN38" s="338">
        <v>186945</v>
      </c>
      <c r="KO38" s="339">
        <v>186945</v>
      </c>
      <c r="KP38" s="352"/>
      <c r="KQ38" s="341">
        <v>737643</v>
      </c>
      <c r="KR38" s="341">
        <v>770277</v>
      </c>
      <c r="KS38" s="341">
        <v>2084292</v>
      </c>
      <c r="KT38" s="341">
        <v>269171</v>
      </c>
      <c r="KU38" s="341">
        <v>293035</v>
      </c>
      <c r="KV38" s="345">
        <v>4154418</v>
      </c>
      <c r="KW38" s="343">
        <v>4341363</v>
      </c>
      <c r="KX38" s="344">
        <v>0</v>
      </c>
      <c r="KY38" s="341">
        <v>0</v>
      </c>
      <c r="KZ38" s="345">
        <v>0</v>
      </c>
      <c r="LA38" s="352"/>
      <c r="LB38" s="341">
        <v>0</v>
      </c>
      <c r="LC38" s="341">
        <v>0</v>
      </c>
      <c r="LD38" s="341">
        <v>0</v>
      </c>
      <c r="LE38" s="341">
        <v>0</v>
      </c>
      <c r="LF38" s="341">
        <v>0</v>
      </c>
      <c r="LG38" s="345">
        <v>0</v>
      </c>
      <c r="LH38" s="347">
        <v>0</v>
      </c>
      <c r="LI38" s="344">
        <v>0</v>
      </c>
      <c r="LJ38" s="341">
        <v>0</v>
      </c>
      <c r="LK38" s="345">
        <v>0</v>
      </c>
      <c r="LL38" s="352"/>
      <c r="LM38" s="341">
        <v>0</v>
      </c>
      <c r="LN38" s="341">
        <v>0</v>
      </c>
      <c r="LO38" s="341">
        <v>0</v>
      </c>
      <c r="LP38" s="341">
        <v>0</v>
      </c>
      <c r="LQ38" s="341">
        <v>0</v>
      </c>
      <c r="LR38" s="345">
        <v>0</v>
      </c>
      <c r="LS38" s="343">
        <v>0</v>
      </c>
      <c r="LT38" s="344">
        <v>0</v>
      </c>
      <c r="LU38" s="341">
        <v>0</v>
      </c>
      <c r="LV38" s="345">
        <v>0</v>
      </c>
      <c r="LW38" s="352"/>
      <c r="LX38" s="341">
        <v>1018610</v>
      </c>
      <c r="LY38" s="341">
        <v>1617118</v>
      </c>
      <c r="LZ38" s="341">
        <v>1653857</v>
      </c>
      <c r="MA38" s="341">
        <v>914712</v>
      </c>
      <c r="MB38" s="341">
        <v>350815</v>
      </c>
      <c r="MC38" s="345">
        <v>5555112</v>
      </c>
      <c r="MD38" s="347">
        <v>5555112</v>
      </c>
      <c r="ME38" s="344">
        <v>0</v>
      </c>
      <c r="MF38" s="341">
        <v>0</v>
      </c>
      <c r="MG38" s="345">
        <v>0</v>
      </c>
      <c r="MH38" s="352"/>
      <c r="MI38" s="341">
        <v>2952084</v>
      </c>
      <c r="MJ38" s="341">
        <v>5188293</v>
      </c>
      <c r="MK38" s="341">
        <v>13272802</v>
      </c>
      <c r="ML38" s="341">
        <v>12843470</v>
      </c>
      <c r="MM38" s="341">
        <v>11816725</v>
      </c>
      <c r="MN38" s="345">
        <v>46073374</v>
      </c>
      <c r="MO38" s="351">
        <v>46073374</v>
      </c>
      <c r="MP38" s="344">
        <v>0</v>
      </c>
      <c r="MQ38" s="341">
        <v>0</v>
      </c>
      <c r="MR38" s="345">
        <v>0</v>
      </c>
      <c r="MS38" s="352"/>
      <c r="MT38" s="341">
        <v>0</v>
      </c>
      <c r="MU38" s="341">
        <v>1719914</v>
      </c>
      <c r="MV38" s="341">
        <v>7007991</v>
      </c>
      <c r="MW38" s="341">
        <v>6346862</v>
      </c>
      <c r="MX38" s="341">
        <v>7750619</v>
      </c>
      <c r="MY38" s="345">
        <v>22825386</v>
      </c>
      <c r="MZ38" s="351">
        <v>22825386</v>
      </c>
      <c r="NA38" s="344">
        <v>0</v>
      </c>
      <c r="NB38" s="341">
        <v>0</v>
      </c>
      <c r="NC38" s="345">
        <v>0</v>
      </c>
      <c r="ND38" s="352"/>
      <c r="NE38" s="341">
        <v>2130158</v>
      </c>
      <c r="NF38" s="341">
        <v>2142742</v>
      </c>
      <c r="NG38" s="341">
        <v>3229512</v>
      </c>
      <c r="NH38" s="341">
        <v>4961952</v>
      </c>
      <c r="NI38" s="341">
        <v>1954390</v>
      </c>
      <c r="NJ38" s="345">
        <v>14418754</v>
      </c>
      <c r="NK38" s="343">
        <v>14418754</v>
      </c>
      <c r="NL38" s="344">
        <v>0</v>
      </c>
      <c r="NM38" s="341">
        <v>0</v>
      </c>
      <c r="NN38" s="345">
        <v>0</v>
      </c>
      <c r="NO38" s="352"/>
      <c r="NP38" s="341">
        <v>0</v>
      </c>
      <c r="NQ38" s="341">
        <v>0</v>
      </c>
      <c r="NR38" s="341">
        <v>0</v>
      </c>
      <c r="NS38" s="341">
        <v>0</v>
      </c>
      <c r="NT38" s="341">
        <v>0</v>
      </c>
      <c r="NU38" s="345">
        <v>0</v>
      </c>
      <c r="NV38" s="347">
        <v>0</v>
      </c>
      <c r="NW38" s="344">
        <v>0</v>
      </c>
      <c r="NX38" s="341">
        <v>0</v>
      </c>
      <c r="NY38" s="345">
        <v>0</v>
      </c>
      <c r="NZ38" s="352"/>
      <c r="OA38" s="341">
        <v>821926</v>
      </c>
      <c r="OB38" s="341">
        <v>1325637</v>
      </c>
      <c r="OC38" s="341">
        <v>3035299</v>
      </c>
      <c r="OD38" s="341">
        <v>1534656</v>
      </c>
      <c r="OE38" s="341">
        <v>2111716</v>
      </c>
      <c r="OF38" s="345">
        <v>8829234</v>
      </c>
      <c r="OG38" s="347">
        <v>8829234</v>
      </c>
      <c r="OH38" s="344">
        <v>1257440</v>
      </c>
      <c r="OI38" s="341">
        <v>2718672</v>
      </c>
      <c r="OJ38" s="342">
        <v>3976112</v>
      </c>
      <c r="OK38" s="348">
        <v>0</v>
      </c>
      <c r="OL38" s="341">
        <v>15008040</v>
      </c>
      <c r="OM38" s="341">
        <v>17405785</v>
      </c>
      <c r="ON38" s="341">
        <v>23317305</v>
      </c>
      <c r="OO38" s="341">
        <v>20075566</v>
      </c>
      <c r="OP38" s="341">
        <v>16535495</v>
      </c>
      <c r="OQ38" s="345">
        <v>92342191</v>
      </c>
      <c r="OR38" s="351">
        <v>96318303</v>
      </c>
    </row>
    <row r="39" spans="1:408" ht="18.75" customHeight="1" x14ac:dyDescent="0.2">
      <c r="A39" s="61" t="s">
        <v>34</v>
      </c>
      <c r="B39" s="318">
        <v>605734</v>
      </c>
      <c r="C39" s="319">
        <v>1027067</v>
      </c>
      <c r="D39" s="359">
        <v>1632801</v>
      </c>
      <c r="E39" s="360">
        <v>0</v>
      </c>
      <c r="F39" s="361">
        <v>6963350</v>
      </c>
      <c r="G39" s="361">
        <v>5864852</v>
      </c>
      <c r="H39" s="361">
        <v>4585127</v>
      </c>
      <c r="I39" s="361">
        <v>4624815</v>
      </c>
      <c r="J39" s="361">
        <v>2597048</v>
      </c>
      <c r="K39" s="362">
        <v>24635192</v>
      </c>
      <c r="L39" s="322">
        <v>26267993</v>
      </c>
      <c r="M39" s="318">
        <v>94653</v>
      </c>
      <c r="N39" s="319">
        <v>130981</v>
      </c>
      <c r="O39" s="320">
        <v>225634</v>
      </c>
      <c r="P39" s="318">
        <v>0</v>
      </c>
      <c r="Q39" s="319">
        <v>1454327</v>
      </c>
      <c r="R39" s="319">
        <v>1090795</v>
      </c>
      <c r="S39" s="319">
        <v>875840</v>
      </c>
      <c r="T39" s="319">
        <v>826779</v>
      </c>
      <c r="U39" s="319">
        <v>1789114</v>
      </c>
      <c r="V39" s="320">
        <v>6036855</v>
      </c>
      <c r="W39" s="322">
        <v>6262489</v>
      </c>
      <c r="X39" s="318">
        <v>0</v>
      </c>
      <c r="Y39" s="319">
        <v>0</v>
      </c>
      <c r="Z39" s="320">
        <v>0</v>
      </c>
      <c r="AA39" s="318">
        <v>0</v>
      </c>
      <c r="AB39" s="319">
        <v>590619</v>
      </c>
      <c r="AC39" s="319">
        <v>356400</v>
      </c>
      <c r="AD39" s="319">
        <v>378162</v>
      </c>
      <c r="AE39" s="319">
        <v>512701</v>
      </c>
      <c r="AF39" s="319">
        <v>741415</v>
      </c>
      <c r="AG39" s="320">
        <v>2579297</v>
      </c>
      <c r="AH39" s="322">
        <v>2579297</v>
      </c>
      <c r="AI39" s="318">
        <v>0</v>
      </c>
      <c r="AJ39" s="319">
        <v>0</v>
      </c>
      <c r="AK39" s="320">
        <v>0</v>
      </c>
      <c r="AL39" s="318">
        <v>0</v>
      </c>
      <c r="AM39" s="319">
        <v>0</v>
      </c>
      <c r="AN39" s="319">
        <v>0</v>
      </c>
      <c r="AO39" s="319">
        <v>0</v>
      </c>
      <c r="AP39" s="319">
        <v>50661</v>
      </c>
      <c r="AQ39" s="319">
        <v>456354</v>
      </c>
      <c r="AR39" s="320">
        <v>507015</v>
      </c>
      <c r="AS39" s="322">
        <v>507015</v>
      </c>
      <c r="AT39" s="318">
        <v>45486</v>
      </c>
      <c r="AU39" s="319">
        <v>47182</v>
      </c>
      <c r="AV39" s="320">
        <v>92668</v>
      </c>
      <c r="AW39" s="318">
        <v>0</v>
      </c>
      <c r="AX39" s="319">
        <v>243981</v>
      </c>
      <c r="AY39" s="319">
        <v>294849</v>
      </c>
      <c r="AZ39" s="319">
        <v>120412</v>
      </c>
      <c r="BA39" s="319">
        <v>0</v>
      </c>
      <c r="BB39" s="319">
        <v>141660</v>
      </c>
      <c r="BC39" s="320">
        <v>800902</v>
      </c>
      <c r="BD39" s="322">
        <v>893570</v>
      </c>
      <c r="BE39" s="318">
        <v>0</v>
      </c>
      <c r="BF39" s="319">
        <v>50490</v>
      </c>
      <c r="BG39" s="323">
        <v>50490</v>
      </c>
      <c r="BH39" s="324">
        <v>0</v>
      </c>
      <c r="BI39" s="319">
        <v>289547</v>
      </c>
      <c r="BJ39" s="319">
        <v>160775</v>
      </c>
      <c r="BK39" s="319">
        <v>16902</v>
      </c>
      <c r="BL39" s="319">
        <v>41850</v>
      </c>
      <c r="BM39" s="319">
        <v>195894</v>
      </c>
      <c r="BN39" s="320">
        <v>704968</v>
      </c>
      <c r="BO39" s="322">
        <v>755458</v>
      </c>
      <c r="BP39" s="318">
        <v>49167</v>
      </c>
      <c r="BQ39" s="319">
        <v>33309</v>
      </c>
      <c r="BR39" s="320">
        <v>82476</v>
      </c>
      <c r="BS39" s="318">
        <v>0</v>
      </c>
      <c r="BT39" s="319">
        <v>330180</v>
      </c>
      <c r="BU39" s="319">
        <v>278771</v>
      </c>
      <c r="BV39" s="319">
        <v>360364</v>
      </c>
      <c r="BW39" s="319">
        <v>221567</v>
      </c>
      <c r="BX39" s="319">
        <v>253791</v>
      </c>
      <c r="BY39" s="320">
        <v>1444673</v>
      </c>
      <c r="BZ39" s="322">
        <v>1527149</v>
      </c>
      <c r="CA39" s="318">
        <v>44766</v>
      </c>
      <c r="CB39" s="319">
        <v>344538</v>
      </c>
      <c r="CC39" s="320">
        <v>389304</v>
      </c>
      <c r="CD39" s="318">
        <v>0</v>
      </c>
      <c r="CE39" s="319">
        <v>2573308</v>
      </c>
      <c r="CF39" s="319">
        <v>2302405</v>
      </c>
      <c r="CG39" s="319">
        <v>1713506</v>
      </c>
      <c r="CH39" s="319">
        <v>1797609</v>
      </c>
      <c r="CI39" s="319">
        <v>151119</v>
      </c>
      <c r="CJ39" s="320">
        <v>8537947</v>
      </c>
      <c r="CK39" s="322">
        <v>8927251</v>
      </c>
      <c r="CL39" s="318">
        <v>0</v>
      </c>
      <c r="CM39" s="319">
        <v>0</v>
      </c>
      <c r="CN39" s="320">
        <v>0</v>
      </c>
      <c r="CO39" s="324">
        <v>0</v>
      </c>
      <c r="CP39" s="319">
        <v>2004847</v>
      </c>
      <c r="CQ39" s="319">
        <v>2090545</v>
      </c>
      <c r="CR39" s="319">
        <v>1445386</v>
      </c>
      <c r="CS39" s="319">
        <v>1510842</v>
      </c>
      <c r="CT39" s="319">
        <v>124488</v>
      </c>
      <c r="CU39" s="320">
        <v>7176108</v>
      </c>
      <c r="CV39" s="322">
        <v>7176108</v>
      </c>
      <c r="CW39" s="318">
        <v>44766</v>
      </c>
      <c r="CX39" s="319">
        <v>344538</v>
      </c>
      <c r="CY39" s="320">
        <v>389304</v>
      </c>
      <c r="CZ39" s="318">
        <v>0</v>
      </c>
      <c r="DA39" s="319">
        <v>568461</v>
      </c>
      <c r="DB39" s="319">
        <v>211860</v>
      </c>
      <c r="DC39" s="319">
        <v>268120</v>
      </c>
      <c r="DD39" s="319">
        <v>286767</v>
      </c>
      <c r="DE39" s="319">
        <v>26631</v>
      </c>
      <c r="DF39" s="320">
        <v>1361839</v>
      </c>
      <c r="DG39" s="322">
        <v>1751143</v>
      </c>
      <c r="DH39" s="318">
        <v>0</v>
      </c>
      <c r="DI39" s="319">
        <v>0</v>
      </c>
      <c r="DJ39" s="323">
        <v>0</v>
      </c>
      <c r="DK39" s="324">
        <v>0</v>
      </c>
      <c r="DL39" s="319">
        <v>119889</v>
      </c>
      <c r="DM39" s="319">
        <v>0</v>
      </c>
      <c r="DN39" s="319">
        <v>235143</v>
      </c>
      <c r="DO39" s="319">
        <v>103509</v>
      </c>
      <c r="DP39" s="319">
        <v>0</v>
      </c>
      <c r="DQ39" s="320">
        <v>458541</v>
      </c>
      <c r="DR39" s="322">
        <v>458541</v>
      </c>
      <c r="DS39" s="318">
        <v>0</v>
      </c>
      <c r="DT39" s="319">
        <v>0</v>
      </c>
      <c r="DU39" s="320">
        <v>0</v>
      </c>
      <c r="DV39" s="318">
        <v>0</v>
      </c>
      <c r="DW39" s="319">
        <v>119889</v>
      </c>
      <c r="DX39" s="319">
        <v>0</v>
      </c>
      <c r="DY39" s="319">
        <v>235143</v>
      </c>
      <c r="DZ39" s="319">
        <v>103509</v>
      </c>
      <c r="EA39" s="319">
        <v>0</v>
      </c>
      <c r="EB39" s="320">
        <v>458541</v>
      </c>
      <c r="EC39" s="322">
        <v>458541</v>
      </c>
      <c r="ED39" s="318">
        <v>0</v>
      </c>
      <c r="EE39" s="323">
        <v>0</v>
      </c>
      <c r="EF39" s="320">
        <v>0</v>
      </c>
      <c r="EG39" s="318">
        <v>0</v>
      </c>
      <c r="EH39" s="319">
        <v>0</v>
      </c>
      <c r="EI39" s="319">
        <v>0</v>
      </c>
      <c r="EJ39" s="319">
        <v>0</v>
      </c>
      <c r="EK39" s="319">
        <v>0</v>
      </c>
      <c r="EL39" s="319">
        <v>0</v>
      </c>
      <c r="EM39" s="323">
        <v>0</v>
      </c>
      <c r="EN39" s="322">
        <v>0</v>
      </c>
      <c r="EO39" s="318">
        <v>0</v>
      </c>
      <c r="EP39" s="319">
        <v>0</v>
      </c>
      <c r="EQ39" s="323">
        <v>0</v>
      </c>
      <c r="ER39" s="324">
        <v>0</v>
      </c>
      <c r="ES39" s="319">
        <v>0</v>
      </c>
      <c r="ET39" s="319">
        <v>0</v>
      </c>
      <c r="EU39" s="319">
        <v>0</v>
      </c>
      <c r="EV39" s="319">
        <v>0</v>
      </c>
      <c r="EW39" s="319">
        <v>0</v>
      </c>
      <c r="EX39" s="320">
        <v>0</v>
      </c>
      <c r="EY39" s="322">
        <v>0</v>
      </c>
      <c r="EZ39" s="318">
        <v>0</v>
      </c>
      <c r="FA39" s="319">
        <v>0</v>
      </c>
      <c r="FB39" s="323">
        <v>0</v>
      </c>
      <c r="FC39" s="346"/>
      <c r="FD39" s="319">
        <v>0</v>
      </c>
      <c r="FE39" s="319">
        <v>0</v>
      </c>
      <c r="FF39" s="319">
        <v>0</v>
      </c>
      <c r="FG39" s="319">
        <v>0</v>
      </c>
      <c r="FH39" s="319">
        <v>0</v>
      </c>
      <c r="FI39" s="320">
        <v>0</v>
      </c>
      <c r="FJ39" s="322">
        <v>0</v>
      </c>
      <c r="FK39" s="318">
        <v>240210</v>
      </c>
      <c r="FL39" s="319">
        <v>294741</v>
      </c>
      <c r="FM39" s="320">
        <v>534951</v>
      </c>
      <c r="FN39" s="318">
        <v>0</v>
      </c>
      <c r="FO39" s="319">
        <v>545657</v>
      </c>
      <c r="FP39" s="319">
        <v>544658</v>
      </c>
      <c r="FQ39" s="319">
        <v>323463</v>
      </c>
      <c r="FR39" s="319">
        <v>658837</v>
      </c>
      <c r="FS39" s="319">
        <v>226782</v>
      </c>
      <c r="FT39" s="320">
        <v>2299397</v>
      </c>
      <c r="FU39" s="322">
        <v>2834348</v>
      </c>
      <c r="FV39" s="326">
        <v>81810</v>
      </c>
      <c r="FW39" s="319">
        <v>127630</v>
      </c>
      <c r="FX39" s="323">
        <v>209440</v>
      </c>
      <c r="FY39" s="324">
        <v>0</v>
      </c>
      <c r="FZ39" s="319">
        <v>448390</v>
      </c>
      <c r="GA39" s="319">
        <v>482437</v>
      </c>
      <c r="GB39" s="319">
        <v>323463</v>
      </c>
      <c r="GC39" s="319">
        <v>485389</v>
      </c>
      <c r="GD39" s="319">
        <v>226782</v>
      </c>
      <c r="GE39" s="320">
        <v>1966461</v>
      </c>
      <c r="GF39" s="327">
        <v>2175901</v>
      </c>
      <c r="GG39" s="326">
        <v>17820</v>
      </c>
      <c r="GH39" s="319">
        <v>97019</v>
      </c>
      <c r="GI39" s="323">
        <v>114839</v>
      </c>
      <c r="GJ39" s="324">
        <v>0</v>
      </c>
      <c r="GK39" s="319">
        <v>11137</v>
      </c>
      <c r="GL39" s="319">
        <v>62221</v>
      </c>
      <c r="GM39" s="319">
        <v>0</v>
      </c>
      <c r="GN39" s="319">
        <v>15048</v>
      </c>
      <c r="GO39" s="319">
        <v>0</v>
      </c>
      <c r="GP39" s="320">
        <v>88406</v>
      </c>
      <c r="GQ39" s="322">
        <v>203245</v>
      </c>
      <c r="GR39" s="318">
        <v>140580</v>
      </c>
      <c r="GS39" s="319">
        <v>70092</v>
      </c>
      <c r="GT39" s="320">
        <v>210672</v>
      </c>
      <c r="GU39" s="318">
        <v>0</v>
      </c>
      <c r="GV39" s="319">
        <v>86130</v>
      </c>
      <c r="GW39" s="319">
        <v>0</v>
      </c>
      <c r="GX39" s="319">
        <v>0</v>
      </c>
      <c r="GY39" s="319">
        <v>158400</v>
      </c>
      <c r="GZ39" s="319">
        <v>0</v>
      </c>
      <c r="HA39" s="323">
        <v>244530</v>
      </c>
      <c r="HB39" s="322">
        <v>455202</v>
      </c>
      <c r="HC39" s="318">
        <v>145278</v>
      </c>
      <c r="HD39" s="319">
        <v>103257</v>
      </c>
      <c r="HE39" s="323">
        <v>248535</v>
      </c>
      <c r="HF39" s="324">
        <v>0</v>
      </c>
      <c r="HG39" s="319">
        <v>1159825</v>
      </c>
      <c r="HH39" s="319">
        <v>1267200</v>
      </c>
      <c r="HI39" s="319">
        <v>989564</v>
      </c>
      <c r="HJ39" s="319">
        <v>901030</v>
      </c>
      <c r="HK39" s="319">
        <v>256122</v>
      </c>
      <c r="HL39" s="320">
        <v>4573741</v>
      </c>
      <c r="HM39" s="321">
        <v>4822276</v>
      </c>
      <c r="HN39" s="326">
        <v>80827</v>
      </c>
      <c r="HO39" s="319">
        <v>153550</v>
      </c>
      <c r="HP39" s="320">
        <v>234377</v>
      </c>
      <c r="HQ39" s="318">
        <v>0</v>
      </c>
      <c r="HR39" s="319">
        <v>1110344</v>
      </c>
      <c r="HS39" s="319">
        <v>659794</v>
      </c>
      <c r="HT39" s="319">
        <v>447611</v>
      </c>
      <c r="HU39" s="319">
        <v>337051</v>
      </c>
      <c r="HV39" s="319">
        <v>173911</v>
      </c>
      <c r="HW39" s="323">
        <v>2728711</v>
      </c>
      <c r="HX39" s="322">
        <v>2963088</v>
      </c>
      <c r="HY39" s="328">
        <v>136989</v>
      </c>
      <c r="HZ39" s="329">
        <v>79686</v>
      </c>
      <c r="IA39" s="330">
        <v>216675</v>
      </c>
      <c r="IB39" s="353">
        <v>0</v>
      </c>
      <c r="IC39" s="329">
        <v>3352164</v>
      </c>
      <c r="ID39" s="354">
        <v>3690342</v>
      </c>
      <c r="IE39" s="330">
        <v>3105866</v>
      </c>
      <c r="IF39" s="329">
        <v>2147598</v>
      </c>
      <c r="IG39" s="330">
        <v>1785438</v>
      </c>
      <c r="IH39" s="355">
        <v>14081408</v>
      </c>
      <c r="II39" s="336">
        <v>14298083</v>
      </c>
      <c r="IJ39" s="337">
        <v>0</v>
      </c>
      <c r="IK39" s="338">
        <v>0</v>
      </c>
      <c r="IL39" s="339">
        <v>0</v>
      </c>
      <c r="IM39" s="346"/>
      <c r="IN39" s="341">
        <v>0</v>
      </c>
      <c r="IO39" s="341">
        <v>0</v>
      </c>
      <c r="IP39" s="341">
        <v>0</v>
      </c>
      <c r="IQ39" s="341">
        <v>0</v>
      </c>
      <c r="IR39" s="341">
        <v>0</v>
      </c>
      <c r="IS39" s="342">
        <v>0</v>
      </c>
      <c r="IT39" s="343">
        <v>0</v>
      </c>
      <c r="IU39" s="344">
        <v>0</v>
      </c>
      <c r="IV39" s="341">
        <v>0</v>
      </c>
      <c r="IW39" s="345">
        <v>0</v>
      </c>
      <c r="IX39" s="346"/>
      <c r="IY39" s="341">
        <v>0</v>
      </c>
      <c r="IZ39" s="341">
        <v>0</v>
      </c>
      <c r="JA39" s="341">
        <v>0</v>
      </c>
      <c r="JB39" s="341">
        <v>0</v>
      </c>
      <c r="JC39" s="341">
        <v>0</v>
      </c>
      <c r="JD39" s="345">
        <v>0</v>
      </c>
      <c r="JE39" s="347">
        <v>0</v>
      </c>
      <c r="JF39" s="344">
        <v>0</v>
      </c>
      <c r="JG39" s="341">
        <v>0</v>
      </c>
      <c r="JH39" s="342">
        <v>0</v>
      </c>
      <c r="JI39" s="348">
        <v>0</v>
      </c>
      <c r="JJ39" s="341">
        <v>1042650</v>
      </c>
      <c r="JK39" s="341">
        <v>289881</v>
      </c>
      <c r="JL39" s="341">
        <v>510282</v>
      </c>
      <c r="JM39" s="341">
        <v>110826</v>
      </c>
      <c r="JN39" s="341">
        <v>319761</v>
      </c>
      <c r="JO39" s="345">
        <v>2273400</v>
      </c>
      <c r="JP39" s="343">
        <v>2273400</v>
      </c>
      <c r="JQ39" s="344">
        <v>0</v>
      </c>
      <c r="JR39" s="341">
        <v>0</v>
      </c>
      <c r="JS39" s="342">
        <v>0</v>
      </c>
      <c r="JT39" s="348">
        <v>0</v>
      </c>
      <c r="JU39" s="341">
        <v>0</v>
      </c>
      <c r="JV39" s="341">
        <v>0</v>
      </c>
      <c r="JW39" s="341">
        <v>0</v>
      </c>
      <c r="JX39" s="341">
        <v>79852</v>
      </c>
      <c r="JY39" s="341">
        <v>0</v>
      </c>
      <c r="JZ39" s="345">
        <v>79852</v>
      </c>
      <c r="KA39" s="343">
        <v>79852</v>
      </c>
      <c r="KB39" s="349">
        <v>136989</v>
      </c>
      <c r="KC39" s="350">
        <v>79686</v>
      </c>
      <c r="KD39" s="345">
        <v>216675</v>
      </c>
      <c r="KE39" s="348">
        <v>0</v>
      </c>
      <c r="KF39" s="341">
        <v>830340</v>
      </c>
      <c r="KG39" s="341">
        <v>1251486</v>
      </c>
      <c r="KH39" s="341">
        <v>494937</v>
      </c>
      <c r="KI39" s="341">
        <v>172508</v>
      </c>
      <c r="KJ39" s="341">
        <v>299952</v>
      </c>
      <c r="KK39" s="345">
        <v>3049223</v>
      </c>
      <c r="KL39" s="351">
        <v>3265898</v>
      </c>
      <c r="KM39" s="337">
        <v>0</v>
      </c>
      <c r="KN39" s="338">
        <v>0</v>
      </c>
      <c r="KO39" s="339">
        <v>0</v>
      </c>
      <c r="KP39" s="352"/>
      <c r="KQ39" s="341">
        <v>732078</v>
      </c>
      <c r="KR39" s="341">
        <v>509490</v>
      </c>
      <c r="KS39" s="341">
        <v>786267</v>
      </c>
      <c r="KT39" s="341">
        <v>1067976</v>
      </c>
      <c r="KU39" s="341">
        <v>816561</v>
      </c>
      <c r="KV39" s="345">
        <v>3912372</v>
      </c>
      <c r="KW39" s="343">
        <v>3912372</v>
      </c>
      <c r="KX39" s="344">
        <v>0</v>
      </c>
      <c r="KY39" s="341">
        <v>0</v>
      </c>
      <c r="KZ39" s="345">
        <v>0</v>
      </c>
      <c r="LA39" s="352"/>
      <c r="LB39" s="341">
        <v>0</v>
      </c>
      <c r="LC39" s="341">
        <v>0</v>
      </c>
      <c r="LD39" s="341">
        <v>0</v>
      </c>
      <c r="LE39" s="341">
        <v>0</v>
      </c>
      <c r="LF39" s="341">
        <v>0</v>
      </c>
      <c r="LG39" s="345">
        <v>0</v>
      </c>
      <c r="LH39" s="347">
        <v>0</v>
      </c>
      <c r="LI39" s="344">
        <v>0</v>
      </c>
      <c r="LJ39" s="341">
        <v>0</v>
      </c>
      <c r="LK39" s="345">
        <v>0</v>
      </c>
      <c r="LL39" s="352"/>
      <c r="LM39" s="341">
        <v>0</v>
      </c>
      <c r="LN39" s="341">
        <v>0</v>
      </c>
      <c r="LO39" s="341">
        <v>0</v>
      </c>
      <c r="LP39" s="341">
        <v>0</v>
      </c>
      <c r="LQ39" s="341">
        <v>0</v>
      </c>
      <c r="LR39" s="345">
        <v>0</v>
      </c>
      <c r="LS39" s="343">
        <v>0</v>
      </c>
      <c r="LT39" s="344">
        <v>0</v>
      </c>
      <c r="LU39" s="341">
        <v>0</v>
      </c>
      <c r="LV39" s="345">
        <v>0</v>
      </c>
      <c r="LW39" s="352"/>
      <c r="LX39" s="341">
        <v>747096</v>
      </c>
      <c r="LY39" s="341">
        <v>1639485</v>
      </c>
      <c r="LZ39" s="341">
        <v>1314380</v>
      </c>
      <c r="MA39" s="341">
        <v>716436</v>
      </c>
      <c r="MB39" s="341">
        <v>349164</v>
      </c>
      <c r="MC39" s="345">
        <v>4766561</v>
      </c>
      <c r="MD39" s="347">
        <v>4766561</v>
      </c>
      <c r="ME39" s="344">
        <v>0</v>
      </c>
      <c r="MF39" s="341">
        <v>0</v>
      </c>
      <c r="MG39" s="345">
        <v>0</v>
      </c>
      <c r="MH39" s="352"/>
      <c r="MI39" s="341">
        <v>1387315</v>
      </c>
      <c r="MJ39" s="341">
        <v>2666664</v>
      </c>
      <c r="MK39" s="341">
        <v>5242579</v>
      </c>
      <c r="ML39" s="341">
        <v>8408905</v>
      </c>
      <c r="MM39" s="341">
        <v>7003113</v>
      </c>
      <c r="MN39" s="345">
        <v>24708576</v>
      </c>
      <c r="MO39" s="351">
        <v>24708576</v>
      </c>
      <c r="MP39" s="344">
        <v>0</v>
      </c>
      <c r="MQ39" s="341">
        <v>0</v>
      </c>
      <c r="MR39" s="345">
        <v>0</v>
      </c>
      <c r="MS39" s="352"/>
      <c r="MT39" s="341">
        <v>0</v>
      </c>
      <c r="MU39" s="341">
        <v>0</v>
      </c>
      <c r="MV39" s="341">
        <v>1611258</v>
      </c>
      <c r="MW39" s="341">
        <v>5356384</v>
      </c>
      <c r="MX39" s="341">
        <v>5232683</v>
      </c>
      <c r="MY39" s="345">
        <v>12200325</v>
      </c>
      <c r="MZ39" s="351">
        <v>12200325</v>
      </c>
      <c r="NA39" s="344">
        <v>0</v>
      </c>
      <c r="NB39" s="341">
        <v>0</v>
      </c>
      <c r="NC39" s="345">
        <v>0</v>
      </c>
      <c r="ND39" s="352"/>
      <c r="NE39" s="341">
        <v>1387315</v>
      </c>
      <c r="NF39" s="341">
        <v>2421981</v>
      </c>
      <c r="NG39" s="341">
        <v>3631321</v>
      </c>
      <c r="NH39" s="341">
        <v>2400102</v>
      </c>
      <c r="NI39" s="341">
        <v>1770430</v>
      </c>
      <c r="NJ39" s="345">
        <v>11611149</v>
      </c>
      <c r="NK39" s="343">
        <v>11611149</v>
      </c>
      <c r="NL39" s="344">
        <v>0</v>
      </c>
      <c r="NM39" s="341">
        <v>0</v>
      </c>
      <c r="NN39" s="345">
        <v>0</v>
      </c>
      <c r="NO39" s="352"/>
      <c r="NP39" s="341">
        <v>0</v>
      </c>
      <c r="NQ39" s="341">
        <v>0</v>
      </c>
      <c r="NR39" s="341">
        <v>0</v>
      </c>
      <c r="NS39" s="341">
        <v>0</v>
      </c>
      <c r="NT39" s="341">
        <v>0</v>
      </c>
      <c r="NU39" s="345">
        <v>0</v>
      </c>
      <c r="NV39" s="347">
        <v>0</v>
      </c>
      <c r="NW39" s="344">
        <v>0</v>
      </c>
      <c r="NX39" s="341">
        <v>0</v>
      </c>
      <c r="NY39" s="345">
        <v>0</v>
      </c>
      <c r="NZ39" s="352"/>
      <c r="OA39" s="341">
        <v>0</v>
      </c>
      <c r="OB39" s="341">
        <v>244683</v>
      </c>
      <c r="OC39" s="341">
        <v>0</v>
      </c>
      <c r="OD39" s="341">
        <v>652419</v>
      </c>
      <c r="OE39" s="341">
        <v>0</v>
      </c>
      <c r="OF39" s="345">
        <v>897102</v>
      </c>
      <c r="OG39" s="347">
        <v>897102</v>
      </c>
      <c r="OH39" s="344">
        <v>742723</v>
      </c>
      <c r="OI39" s="341">
        <v>1106753</v>
      </c>
      <c r="OJ39" s="342">
        <v>1849476</v>
      </c>
      <c r="OK39" s="348">
        <v>0</v>
      </c>
      <c r="OL39" s="341">
        <v>11702829</v>
      </c>
      <c r="OM39" s="341">
        <v>12221858</v>
      </c>
      <c r="ON39" s="341">
        <v>12933572</v>
      </c>
      <c r="OO39" s="341">
        <v>15181318</v>
      </c>
      <c r="OP39" s="341">
        <v>11385599</v>
      </c>
      <c r="OQ39" s="345">
        <v>63425176</v>
      </c>
      <c r="OR39" s="351">
        <v>65274652</v>
      </c>
    </row>
    <row r="40" spans="1:408" ht="18.75" customHeight="1" x14ac:dyDescent="0.2">
      <c r="A40" s="61" t="s">
        <v>35</v>
      </c>
      <c r="B40" s="318">
        <v>2096577</v>
      </c>
      <c r="C40" s="319">
        <v>4974240</v>
      </c>
      <c r="D40" s="320">
        <v>7070817</v>
      </c>
      <c r="E40" s="321">
        <v>0</v>
      </c>
      <c r="F40" s="319">
        <v>28687025</v>
      </c>
      <c r="G40" s="319">
        <v>27778787</v>
      </c>
      <c r="H40" s="319">
        <v>20859845</v>
      </c>
      <c r="I40" s="319">
        <v>20417370</v>
      </c>
      <c r="J40" s="319">
        <v>9899506</v>
      </c>
      <c r="K40" s="358">
        <v>107642533</v>
      </c>
      <c r="L40" s="322">
        <v>114713350</v>
      </c>
      <c r="M40" s="318">
        <v>424336</v>
      </c>
      <c r="N40" s="319">
        <v>788789</v>
      </c>
      <c r="O40" s="320">
        <v>1213125</v>
      </c>
      <c r="P40" s="318">
        <v>0</v>
      </c>
      <c r="Q40" s="319">
        <v>6244170</v>
      </c>
      <c r="R40" s="319">
        <v>7319983</v>
      </c>
      <c r="S40" s="319">
        <v>5324735</v>
      </c>
      <c r="T40" s="319">
        <v>6805346</v>
      </c>
      <c r="U40" s="319">
        <v>4412051</v>
      </c>
      <c r="V40" s="320">
        <v>30106285</v>
      </c>
      <c r="W40" s="322">
        <v>31319410</v>
      </c>
      <c r="X40" s="318">
        <v>0</v>
      </c>
      <c r="Y40" s="319">
        <v>0</v>
      </c>
      <c r="Z40" s="320">
        <v>0</v>
      </c>
      <c r="AA40" s="318">
        <v>0</v>
      </c>
      <c r="AB40" s="319">
        <v>3026231</v>
      </c>
      <c r="AC40" s="319">
        <v>3918826</v>
      </c>
      <c r="AD40" s="319">
        <v>3120815</v>
      </c>
      <c r="AE40" s="319">
        <v>4031821</v>
      </c>
      <c r="AF40" s="319">
        <v>2701800</v>
      </c>
      <c r="AG40" s="320">
        <v>16799493</v>
      </c>
      <c r="AH40" s="322">
        <v>16799493</v>
      </c>
      <c r="AI40" s="318">
        <v>0</v>
      </c>
      <c r="AJ40" s="319">
        <v>0</v>
      </c>
      <c r="AK40" s="320">
        <v>0</v>
      </c>
      <c r="AL40" s="318">
        <v>0</v>
      </c>
      <c r="AM40" s="319">
        <v>0</v>
      </c>
      <c r="AN40" s="319">
        <v>291249</v>
      </c>
      <c r="AO40" s="319">
        <v>322632</v>
      </c>
      <c r="AP40" s="319">
        <v>554733</v>
      </c>
      <c r="AQ40" s="319">
        <v>966645</v>
      </c>
      <c r="AR40" s="320">
        <v>2135259</v>
      </c>
      <c r="AS40" s="322">
        <v>2135259</v>
      </c>
      <c r="AT40" s="318">
        <v>61344</v>
      </c>
      <c r="AU40" s="319">
        <v>269271</v>
      </c>
      <c r="AV40" s="320">
        <v>330615</v>
      </c>
      <c r="AW40" s="318">
        <v>0</v>
      </c>
      <c r="AX40" s="319">
        <v>1371599</v>
      </c>
      <c r="AY40" s="319">
        <v>1205398</v>
      </c>
      <c r="AZ40" s="319">
        <v>576577</v>
      </c>
      <c r="BA40" s="319">
        <v>798561</v>
      </c>
      <c r="BB40" s="319">
        <v>257654</v>
      </c>
      <c r="BC40" s="320">
        <v>4209789</v>
      </c>
      <c r="BD40" s="322">
        <v>4540404</v>
      </c>
      <c r="BE40" s="318">
        <v>61326</v>
      </c>
      <c r="BF40" s="319">
        <v>87084</v>
      </c>
      <c r="BG40" s="323">
        <v>148410</v>
      </c>
      <c r="BH40" s="324">
        <v>0</v>
      </c>
      <c r="BI40" s="319">
        <v>579332</v>
      </c>
      <c r="BJ40" s="319">
        <v>478626</v>
      </c>
      <c r="BK40" s="319">
        <v>203138</v>
      </c>
      <c r="BL40" s="319">
        <v>270063</v>
      </c>
      <c r="BM40" s="319">
        <v>110592</v>
      </c>
      <c r="BN40" s="320">
        <v>1641751</v>
      </c>
      <c r="BO40" s="322">
        <v>1790161</v>
      </c>
      <c r="BP40" s="318">
        <v>301666</v>
      </c>
      <c r="BQ40" s="319">
        <v>432434</v>
      </c>
      <c r="BR40" s="320">
        <v>734100</v>
      </c>
      <c r="BS40" s="318">
        <v>0</v>
      </c>
      <c r="BT40" s="319">
        <v>1267008</v>
      </c>
      <c r="BU40" s="319">
        <v>1425884</v>
      </c>
      <c r="BV40" s="319">
        <v>1101573</v>
      </c>
      <c r="BW40" s="319">
        <v>1150168</v>
      </c>
      <c r="BX40" s="319">
        <v>375360</v>
      </c>
      <c r="BY40" s="320">
        <v>5319993</v>
      </c>
      <c r="BZ40" s="322">
        <v>6054093</v>
      </c>
      <c r="CA40" s="318">
        <v>264477</v>
      </c>
      <c r="CB40" s="319">
        <v>1224592</v>
      </c>
      <c r="CC40" s="320">
        <v>1489069</v>
      </c>
      <c r="CD40" s="318">
        <v>0</v>
      </c>
      <c r="CE40" s="319">
        <v>10556748</v>
      </c>
      <c r="CF40" s="319">
        <v>9111675</v>
      </c>
      <c r="CG40" s="319">
        <v>6536286</v>
      </c>
      <c r="CH40" s="319">
        <v>4354033</v>
      </c>
      <c r="CI40" s="319">
        <v>1981768</v>
      </c>
      <c r="CJ40" s="320">
        <v>32540510</v>
      </c>
      <c r="CK40" s="322">
        <v>34029579</v>
      </c>
      <c r="CL40" s="318">
        <v>0</v>
      </c>
      <c r="CM40" s="319">
        <v>0</v>
      </c>
      <c r="CN40" s="320">
        <v>0</v>
      </c>
      <c r="CO40" s="324">
        <v>0</v>
      </c>
      <c r="CP40" s="319">
        <v>7736991</v>
      </c>
      <c r="CQ40" s="319">
        <v>7360737</v>
      </c>
      <c r="CR40" s="319">
        <v>5188737</v>
      </c>
      <c r="CS40" s="319">
        <v>2833367</v>
      </c>
      <c r="CT40" s="319">
        <v>1934994</v>
      </c>
      <c r="CU40" s="320">
        <v>25054826</v>
      </c>
      <c r="CV40" s="322">
        <v>25054826</v>
      </c>
      <c r="CW40" s="318">
        <v>264477</v>
      </c>
      <c r="CX40" s="319">
        <v>1224592</v>
      </c>
      <c r="CY40" s="320">
        <v>1489069</v>
      </c>
      <c r="CZ40" s="318">
        <v>0</v>
      </c>
      <c r="DA40" s="319">
        <v>2819757</v>
      </c>
      <c r="DB40" s="319">
        <v>1750938</v>
      </c>
      <c r="DC40" s="319">
        <v>1347549</v>
      </c>
      <c r="DD40" s="319">
        <v>1520666</v>
      </c>
      <c r="DE40" s="319">
        <v>46774</v>
      </c>
      <c r="DF40" s="320">
        <v>7485684</v>
      </c>
      <c r="DG40" s="322">
        <v>8974753</v>
      </c>
      <c r="DH40" s="318">
        <v>0</v>
      </c>
      <c r="DI40" s="319">
        <v>0</v>
      </c>
      <c r="DJ40" s="323">
        <v>0</v>
      </c>
      <c r="DK40" s="324">
        <v>0</v>
      </c>
      <c r="DL40" s="319">
        <v>627206</v>
      </c>
      <c r="DM40" s="319">
        <v>1390721</v>
      </c>
      <c r="DN40" s="319">
        <v>1205370</v>
      </c>
      <c r="DO40" s="319">
        <v>922147</v>
      </c>
      <c r="DP40" s="319">
        <v>310329</v>
      </c>
      <c r="DQ40" s="320">
        <v>4455773</v>
      </c>
      <c r="DR40" s="322">
        <v>4455773</v>
      </c>
      <c r="DS40" s="318">
        <v>0</v>
      </c>
      <c r="DT40" s="319">
        <v>0</v>
      </c>
      <c r="DU40" s="320">
        <v>0</v>
      </c>
      <c r="DV40" s="318">
        <v>0</v>
      </c>
      <c r="DW40" s="319">
        <v>478085</v>
      </c>
      <c r="DX40" s="319">
        <v>1351805</v>
      </c>
      <c r="DY40" s="319">
        <v>1104930</v>
      </c>
      <c r="DZ40" s="319">
        <v>667665</v>
      </c>
      <c r="EA40" s="319">
        <v>310329</v>
      </c>
      <c r="EB40" s="320">
        <v>3912814</v>
      </c>
      <c r="EC40" s="322">
        <v>3912814</v>
      </c>
      <c r="ED40" s="318">
        <v>0</v>
      </c>
      <c r="EE40" s="323">
        <v>0</v>
      </c>
      <c r="EF40" s="320">
        <v>0</v>
      </c>
      <c r="EG40" s="318">
        <v>0</v>
      </c>
      <c r="EH40" s="319">
        <v>149121</v>
      </c>
      <c r="EI40" s="319">
        <v>38916</v>
      </c>
      <c r="EJ40" s="319">
        <v>100440</v>
      </c>
      <c r="EK40" s="319">
        <v>254482</v>
      </c>
      <c r="EL40" s="319">
        <v>0</v>
      </c>
      <c r="EM40" s="323">
        <v>542959</v>
      </c>
      <c r="EN40" s="322">
        <v>542959</v>
      </c>
      <c r="EO40" s="318">
        <v>0</v>
      </c>
      <c r="EP40" s="319">
        <v>0</v>
      </c>
      <c r="EQ40" s="323">
        <v>0</v>
      </c>
      <c r="ER40" s="324">
        <v>0</v>
      </c>
      <c r="ES40" s="319">
        <v>0</v>
      </c>
      <c r="ET40" s="319">
        <v>0</v>
      </c>
      <c r="EU40" s="319">
        <v>0</v>
      </c>
      <c r="EV40" s="319">
        <v>0</v>
      </c>
      <c r="EW40" s="319">
        <v>0</v>
      </c>
      <c r="EX40" s="320">
        <v>0</v>
      </c>
      <c r="EY40" s="322">
        <v>0</v>
      </c>
      <c r="EZ40" s="318">
        <v>0</v>
      </c>
      <c r="FA40" s="319">
        <v>0</v>
      </c>
      <c r="FB40" s="323">
        <v>0</v>
      </c>
      <c r="FC40" s="346"/>
      <c r="FD40" s="319">
        <v>0</v>
      </c>
      <c r="FE40" s="319">
        <v>0</v>
      </c>
      <c r="FF40" s="319">
        <v>0</v>
      </c>
      <c r="FG40" s="319">
        <v>0</v>
      </c>
      <c r="FH40" s="319">
        <v>0</v>
      </c>
      <c r="FI40" s="320">
        <v>0</v>
      </c>
      <c r="FJ40" s="322">
        <v>0</v>
      </c>
      <c r="FK40" s="318">
        <v>157910</v>
      </c>
      <c r="FL40" s="319">
        <v>795583</v>
      </c>
      <c r="FM40" s="320">
        <v>953493</v>
      </c>
      <c r="FN40" s="318">
        <v>0</v>
      </c>
      <c r="FO40" s="319">
        <v>1246180</v>
      </c>
      <c r="FP40" s="319">
        <v>2349112</v>
      </c>
      <c r="FQ40" s="319">
        <v>1413864</v>
      </c>
      <c r="FR40" s="319">
        <v>1162352</v>
      </c>
      <c r="FS40" s="319">
        <v>475963</v>
      </c>
      <c r="FT40" s="320">
        <v>6647471</v>
      </c>
      <c r="FU40" s="322">
        <v>7600964</v>
      </c>
      <c r="FV40" s="326">
        <v>136526</v>
      </c>
      <c r="FW40" s="319">
        <v>474706</v>
      </c>
      <c r="FX40" s="323">
        <v>611232</v>
      </c>
      <c r="FY40" s="324">
        <v>0</v>
      </c>
      <c r="FZ40" s="319">
        <v>901585</v>
      </c>
      <c r="GA40" s="319">
        <v>1893500</v>
      </c>
      <c r="GB40" s="319">
        <v>1286451</v>
      </c>
      <c r="GC40" s="319">
        <v>1135325</v>
      </c>
      <c r="GD40" s="319">
        <v>475963</v>
      </c>
      <c r="GE40" s="320">
        <v>5692824</v>
      </c>
      <c r="GF40" s="327">
        <v>6304056</v>
      </c>
      <c r="GG40" s="326">
        <v>21384</v>
      </c>
      <c r="GH40" s="319">
        <v>0</v>
      </c>
      <c r="GI40" s="323">
        <v>21384</v>
      </c>
      <c r="GJ40" s="324">
        <v>0</v>
      </c>
      <c r="GK40" s="319">
        <v>40545</v>
      </c>
      <c r="GL40" s="319">
        <v>64894</v>
      </c>
      <c r="GM40" s="319">
        <v>19800</v>
      </c>
      <c r="GN40" s="319">
        <v>0</v>
      </c>
      <c r="GO40" s="319">
        <v>0</v>
      </c>
      <c r="GP40" s="320">
        <v>125239</v>
      </c>
      <c r="GQ40" s="322">
        <v>146623</v>
      </c>
      <c r="GR40" s="318">
        <v>0</v>
      </c>
      <c r="GS40" s="319">
        <v>320877</v>
      </c>
      <c r="GT40" s="320">
        <v>320877</v>
      </c>
      <c r="GU40" s="318">
        <v>0</v>
      </c>
      <c r="GV40" s="319">
        <v>304050</v>
      </c>
      <c r="GW40" s="319">
        <v>390718</v>
      </c>
      <c r="GX40" s="319">
        <v>107613</v>
      </c>
      <c r="GY40" s="319">
        <v>27027</v>
      </c>
      <c r="GZ40" s="319">
        <v>0</v>
      </c>
      <c r="HA40" s="323">
        <v>829408</v>
      </c>
      <c r="HB40" s="322">
        <v>1150285</v>
      </c>
      <c r="HC40" s="318">
        <v>1050894</v>
      </c>
      <c r="HD40" s="319">
        <v>1705126</v>
      </c>
      <c r="HE40" s="323">
        <v>2756020</v>
      </c>
      <c r="HF40" s="324">
        <v>0</v>
      </c>
      <c r="HG40" s="319">
        <v>5987885</v>
      </c>
      <c r="HH40" s="319">
        <v>4993286</v>
      </c>
      <c r="HI40" s="319">
        <v>4800758</v>
      </c>
      <c r="HJ40" s="319">
        <v>5961384</v>
      </c>
      <c r="HK40" s="319">
        <v>2241460</v>
      </c>
      <c r="HL40" s="320">
        <v>23984773</v>
      </c>
      <c r="HM40" s="321">
        <v>26740793</v>
      </c>
      <c r="HN40" s="326">
        <v>198960</v>
      </c>
      <c r="HO40" s="319">
        <v>460150</v>
      </c>
      <c r="HP40" s="320">
        <v>659110</v>
      </c>
      <c r="HQ40" s="318">
        <v>0</v>
      </c>
      <c r="HR40" s="319">
        <v>4024836</v>
      </c>
      <c r="HS40" s="319">
        <v>2614010</v>
      </c>
      <c r="HT40" s="319">
        <v>1578832</v>
      </c>
      <c r="HU40" s="319">
        <v>1212108</v>
      </c>
      <c r="HV40" s="319">
        <v>477935</v>
      </c>
      <c r="HW40" s="323">
        <v>9907721</v>
      </c>
      <c r="HX40" s="322">
        <v>10566831</v>
      </c>
      <c r="HY40" s="357">
        <v>0</v>
      </c>
      <c r="HZ40" s="332">
        <v>391347</v>
      </c>
      <c r="IA40" s="357">
        <v>391347</v>
      </c>
      <c r="IB40" s="353">
        <v>0</v>
      </c>
      <c r="IC40" s="329">
        <v>5924935</v>
      </c>
      <c r="ID40" s="354">
        <v>7360102</v>
      </c>
      <c r="IE40" s="330">
        <v>7797348</v>
      </c>
      <c r="IF40" s="329">
        <v>5780782</v>
      </c>
      <c r="IG40" s="330">
        <v>1935586</v>
      </c>
      <c r="IH40" s="355">
        <v>28798753</v>
      </c>
      <c r="II40" s="357">
        <v>29190100</v>
      </c>
      <c r="IJ40" s="337">
        <v>0</v>
      </c>
      <c r="IK40" s="338">
        <v>0</v>
      </c>
      <c r="IL40" s="339">
        <v>0</v>
      </c>
      <c r="IM40" s="346"/>
      <c r="IN40" s="341">
        <v>0</v>
      </c>
      <c r="IO40" s="341">
        <v>65760</v>
      </c>
      <c r="IP40" s="341">
        <v>182169</v>
      </c>
      <c r="IQ40" s="341">
        <v>225720</v>
      </c>
      <c r="IR40" s="341">
        <v>0</v>
      </c>
      <c r="IS40" s="342">
        <v>473649</v>
      </c>
      <c r="IT40" s="343">
        <v>473649</v>
      </c>
      <c r="IU40" s="344">
        <v>0</v>
      </c>
      <c r="IV40" s="341">
        <v>0</v>
      </c>
      <c r="IW40" s="345">
        <v>0</v>
      </c>
      <c r="IX40" s="346"/>
      <c r="IY40" s="341">
        <v>0</v>
      </c>
      <c r="IZ40" s="341">
        <v>0</v>
      </c>
      <c r="JA40" s="341">
        <v>0</v>
      </c>
      <c r="JB40" s="341">
        <v>0</v>
      </c>
      <c r="JC40" s="341">
        <v>0</v>
      </c>
      <c r="JD40" s="345">
        <v>0</v>
      </c>
      <c r="JE40" s="347">
        <v>0</v>
      </c>
      <c r="JF40" s="344">
        <v>0</v>
      </c>
      <c r="JG40" s="341">
        <v>0</v>
      </c>
      <c r="JH40" s="342">
        <v>0</v>
      </c>
      <c r="JI40" s="348">
        <v>0</v>
      </c>
      <c r="JJ40" s="341">
        <v>1918078</v>
      </c>
      <c r="JK40" s="341">
        <v>1800255</v>
      </c>
      <c r="JL40" s="341">
        <v>1567584</v>
      </c>
      <c r="JM40" s="341">
        <v>2172861</v>
      </c>
      <c r="JN40" s="341">
        <v>437788</v>
      </c>
      <c r="JO40" s="345">
        <v>7896566</v>
      </c>
      <c r="JP40" s="343">
        <v>7896566</v>
      </c>
      <c r="JQ40" s="344">
        <v>0</v>
      </c>
      <c r="JR40" s="341">
        <v>0</v>
      </c>
      <c r="JS40" s="342">
        <v>0</v>
      </c>
      <c r="JT40" s="348">
        <v>0</v>
      </c>
      <c r="JU40" s="341">
        <v>0</v>
      </c>
      <c r="JV40" s="341">
        <v>0</v>
      </c>
      <c r="JW40" s="341">
        <v>0</v>
      </c>
      <c r="JX40" s="341">
        <v>0</v>
      </c>
      <c r="JY40" s="341">
        <v>0</v>
      </c>
      <c r="JZ40" s="345">
        <v>0</v>
      </c>
      <c r="KA40" s="343">
        <v>0</v>
      </c>
      <c r="KB40" s="349">
        <v>0</v>
      </c>
      <c r="KC40" s="350">
        <v>160182</v>
      </c>
      <c r="KD40" s="345">
        <v>160182</v>
      </c>
      <c r="KE40" s="348">
        <v>0</v>
      </c>
      <c r="KF40" s="341">
        <v>1299684</v>
      </c>
      <c r="KG40" s="341">
        <v>1388745</v>
      </c>
      <c r="KH40" s="341">
        <v>1374939</v>
      </c>
      <c r="KI40" s="341">
        <v>97524</v>
      </c>
      <c r="KJ40" s="341">
        <v>300348</v>
      </c>
      <c r="KK40" s="345">
        <v>4461240</v>
      </c>
      <c r="KL40" s="351">
        <v>4621422</v>
      </c>
      <c r="KM40" s="337">
        <v>0</v>
      </c>
      <c r="KN40" s="338">
        <v>231165</v>
      </c>
      <c r="KO40" s="339">
        <v>231165</v>
      </c>
      <c r="KP40" s="352"/>
      <c r="KQ40" s="341">
        <v>2707173</v>
      </c>
      <c r="KR40" s="341">
        <v>4105342</v>
      </c>
      <c r="KS40" s="341">
        <v>4672656</v>
      </c>
      <c r="KT40" s="341">
        <v>3284677</v>
      </c>
      <c r="KU40" s="341">
        <v>1197450</v>
      </c>
      <c r="KV40" s="345">
        <v>15967298</v>
      </c>
      <c r="KW40" s="343">
        <v>16198463</v>
      </c>
      <c r="KX40" s="344">
        <v>0</v>
      </c>
      <c r="KY40" s="341">
        <v>0</v>
      </c>
      <c r="KZ40" s="345">
        <v>0</v>
      </c>
      <c r="LA40" s="352"/>
      <c r="LB40" s="341">
        <v>0</v>
      </c>
      <c r="LC40" s="341">
        <v>0</v>
      </c>
      <c r="LD40" s="341">
        <v>0</v>
      </c>
      <c r="LE40" s="341">
        <v>0</v>
      </c>
      <c r="LF40" s="341">
        <v>0</v>
      </c>
      <c r="LG40" s="345">
        <v>0</v>
      </c>
      <c r="LH40" s="347">
        <v>0</v>
      </c>
      <c r="LI40" s="344">
        <v>0</v>
      </c>
      <c r="LJ40" s="341">
        <v>0</v>
      </c>
      <c r="LK40" s="345">
        <v>0</v>
      </c>
      <c r="LL40" s="352"/>
      <c r="LM40" s="341">
        <v>0</v>
      </c>
      <c r="LN40" s="341">
        <v>0</v>
      </c>
      <c r="LO40" s="341">
        <v>0</v>
      </c>
      <c r="LP40" s="341">
        <v>0</v>
      </c>
      <c r="LQ40" s="341">
        <v>0</v>
      </c>
      <c r="LR40" s="345">
        <v>0</v>
      </c>
      <c r="LS40" s="343">
        <v>0</v>
      </c>
      <c r="LT40" s="344">
        <v>0</v>
      </c>
      <c r="LU40" s="341">
        <v>0</v>
      </c>
      <c r="LV40" s="345">
        <v>0</v>
      </c>
      <c r="LW40" s="352"/>
      <c r="LX40" s="341">
        <v>0</v>
      </c>
      <c r="LY40" s="341">
        <v>0</v>
      </c>
      <c r="LZ40" s="341">
        <v>0</v>
      </c>
      <c r="MA40" s="341">
        <v>0</v>
      </c>
      <c r="MB40" s="341">
        <v>0</v>
      </c>
      <c r="MC40" s="345">
        <v>0</v>
      </c>
      <c r="MD40" s="347">
        <v>0</v>
      </c>
      <c r="ME40" s="344">
        <v>0</v>
      </c>
      <c r="MF40" s="341">
        <v>0</v>
      </c>
      <c r="MG40" s="345">
        <v>0</v>
      </c>
      <c r="MH40" s="352"/>
      <c r="MI40" s="341">
        <v>6001401</v>
      </c>
      <c r="MJ40" s="341">
        <v>7847169</v>
      </c>
      <c r="MK40" s="341">
        <v>15006012</v>
      </c>
      <c r="ML40" s="341">
        <v>20154841</v>
      </c>
      <c r="MM40" s="341">
        <v>16366918</v>
      </c>
      <c r="MN40" s="345">
        <v>65376341</v>
      </c>
      <c r="MO40" s="351">
        <v>65376341</v>
      </c>
      <c r="MP40" s="344">
        <v>0</v>
      </c>
      <c r="MQ40" s="341">
        <v>0</v>
      </c>
      <c r="MR40" s="345">
        <v>0</v>
      </c>
      <c r="MS40" s="352"/>
      <c r="MT40" s="341">
        <v>192708</v>
      </c>
      <c r="MU40" s="341">
        <v>426168</v>
      </c>
      <c r="MV40" s="341">
        <v>7054276</v>
      </c>
      <c r="MW40" s="341">
        <v>12079233</v>
      </c>
      <c r="MX40" s="341">
        <v>10291439</v>
      </c>
      <c r="MY40" s="345">
        <v>30043824</v>
      </c>
      <c r="MZ40" s="351">
        <v>30043824</v>
      </c>
      <c r="NA40" s="344">
        <v>0</v>
      </c>
      <c r="NB40" s="341">
        <v>0</v>
      </c>
      <c r="NC40" s="345">
        <v>0</v>
      </c>
      <c r="ND40" s="352"/>
      <c r="NE40" s="341">
        <v>5138688</v>
      </c>
      <c r="NF40" s="341">
        <v>6930681</v>
      </c>
      <c r="NG40" s="341">
        <v>6745934</v>
      </c>
      <c r="NH40" s="341">
        <v>5093296</v>
      </c>
      <c r="NI40" s="341">
        <v>2903987</v>
      </c>
      <c r="NJ40" s="345">
        <v>26812586</v>
      </c>
      <c r="NK40" s="343">
        <v>26812586</v>
      </c>
      <c r="NL40" s="344">
        <v>0</v>
      </c>
      <c r="NM40" s="341">
        <v>0</v>
      </c>
      <c r="NN40" s="345">
        <v>0</v>
      </c>
      <c r="NO40" s="352"/>
      <c r="NP40" s="341">
        <v>0</v>
      </c>
      <c r="NQ40" s="341">
        <v>0</v>
      </c>
      <c r="NR40" s="341">
        <v>0</v>
      </c>
      <c r="NS40" s="341">
        <v>0</v>
      </c>
      <c r="NT40" s="341">
        <v>0</v>
      </c>
      <c r="NU40" s="345">
        <v>0</v>
      </c>
      <c r="NV40" s="347">
        <v>0</v>
      </c>
      <c r="NW40" s="344">
        <v>0</v>
      </c>
      <c r="NX40" s="341">
        <v>0</v>
      </c>
      <c r="NY40" s="345">
        <v>0</v>
      </c>
      <c r="NZ40" s="352"/>
      <c r="OA40" s="341">
        <v>670005</v>
      </c>
      <c r="OB40" s="341">
        <v>490320</v>
      </c>
      <c r="OC40" s="341">
        <v>1205802</v>
      </c>
      <c r="OD40" s="341">
        <v>2982312</v>
      </c>
      <c r="OE40" s="341">
        <v>3171492</v>
      </c>
      <c r="OF40" s="345">
        <v>8519931</v>
      </c>
      <c r="OG40" s="347">
        <v>8519931</v>
      </c>
      <c r="OH40" s="344">
        <v>2096577</v>
      </c>
      <c r="OI40" s="341">
        <v>5365587</v>
      </c>
      <c r="OJ40" s="342">
        <v>7462164</v>
      </c>
      <c r="OK40" s="348">
        <v>0</v>
      </c>
      <c r="OL40" s="341">
        <v>40613361</v>
      </c>
      <c r="OM40" s="341">
        <v>42986058</v>
      </c>
      <c r="ON40" s="341">
        <v>43663205</v>
      </c>
      <c r="OO40" s="341">
        <v>46352993</v>
      </c>
      <c r="OP40" s="341">
        <v>28202010</v>
      </c>
      <c r="OQ40" s="345">
        <v>201817627</v>
      </c>
      <c r="OR40" s="351">
        <v>209279791</v>
      </c>
    </row>
    <row r="41" spans="1:408" ht="18.75" customHeight="1" x14ac:dyDescent="0.2">
      <c r="A41" s="61" t="s">
        <v>36</v>
      </c>
      <c r="B41" s="318">
        <v>1393660</v>
      </c>
      <c r="C41" s="319">
        <v>2366487</v>
      </c>
      <c r="D41" s="320">
        <v>3760147</v>
      </c>
      <c r="E41" s="321">
        <v>0</v>
      </c>
      <c r="F41" s="319">
        <v>19689901</v>
      </c>
      <c r="G41" s="319">
        <v>27068555</v>
      </c>
      <c r="H41" s="319">
        <v>24387694</v>
      </c>
      <c r="I41" s="319">
        <v>19804828</v>
      </c>
      <c r="J41" s="319">
        <v>12717517</v>
      </c>
      <c r="K41" s="358">
        <v>103668495</v>
      </c>
      <c r="L41" s="322">
        <v>107428642</v>
      </c>
      <c r="M41" s="318">
        <v>579465</v>
      </c>
      <c r="N41" s="319">
        <v>622350</v>
      </c>
      <c r="O41" s="320">
        <v>1201815</v>
      </c>
      <c r="P41" s="318">
        <v>0</v>
      </c>
      <c r="Q41" s="319">
        <v>5105630</v>
      </c>
      <c r="R41" s="319">
        <v>7827779</v>
      </c>
      <c r="S41" s="319">
        <v>7435392</v>
      </c>
      <c r="T41" s="319">
        <v>9490217</v>
      </c>
      <c r="U41" s="319">
        <v>6555971</v>
      </c>
      <c r="V41" s="320">
        <v>36414989</v>
      </c>
      <c r="W41" s="322">
        <v>37616804</v>
      </c>
      <c r="X41" s="318">
        <v>0</v>
      </c>
      <c r="Y41" s="319">
        <v>0</v>
      </c>
      <c r="Z41" s="320">
        <v>0</v>
      </c>
      <c r="AA41" s="318">
        <v>0</v>
      </c>
      <c r="AB41" s="319">
        <v>2589125</v>
      </c>
      <c r="AC41" s="319">
        <v>4144405</v>
      </c>
      <c r="AD41" s="319">
        <v>4367246</v>
      </c>
      <c r="AE41" s="319">
        <v>5906575</v>
      </c>
      <c r="AF41" s="319">
        <v>3424909</v>
      </c>
      <c r="AG41" s="320">
        <v>20432260</v>
      </c>
      <c r="AH41" s="322">
        <v>20432260</v>
      </c>
      <c r="AI41" s="318">
        <v>0</v>
      </c>
      <c r="AJ41" s="319">
        <v>0</v>
      </c>
      <c r="AK41" s="320">
        <v>0</v>
      </c>
      <c r="AL41" s="318">
        <v>0</v>
      </c>
      <c r="AM41" s="319">
        <v>227116</v>
      </c>
      <c r="AN41" s="319">
        <v>413565</v>
      </c>
      <c r="AO41" s="319">
        <v>288325</v>
      </c>
      <c r="AP41" s="319">
        <v>742402</v>
      </c>
      <c r="AQ41" s="319">
        <v>779937</v>
      </c>
      <c r="AR41" s="320">
        <v>2451345</v>
      </c>
      <c r="AS41" s="322">
        <v>2451345</v>
      </c>
      <c r="AT41" s="318">
        <v>443791</v>
      </c>
      <c r="AU41" s="319">
        <v>586179</v>
      </c>
      <c r="AV41" s="320">
        <v>1029970</v>
      </c>
      <c r="AW41" s="318">
        <v>0</v>
      </c>
      <c r="AX41" s="319">
        <v>1902800</v>
      </c>
      <c r="AY41" s="319">
        <v>2519759</v>
      </c>
      <c r="AZ41" s="319">
        <v>1636644</v>
      </c>
      <c r="BA41" s="319">
        <v>1950380</v>
      </c>
      <c r="BB41" s="319">
        <v>1721628</v>
      </c>
      <c r="BC41" s="320">
        <v>9731211</v>
      </c>
      <c r="BD41" s="322">
        <v>10761181</v>
      </c>
      <c r="BE41" s="318">
        <v>66311</v>
      </c>
      <c r="BF41" s="319">
        <v>0</v>
      </c>
      <c r="BG41" s="323">
        <v>66311</v>
      </c>
      <c r="BH41" s="324">
        <v>0</v>
      </c>
      <c r="BI41" s="319">
        <v>0</v>
      </c>
      <c r="BJ41" s="319">
        <v>36715</v>
      </c>
      <c r="BK41" s="319">
        <v>18017</v>
      </c>
      <c r="BL41" s="319">
        <v>126437</v>
      </c>
      <c r="BM41" s="319">
        <v>66169</v>
      </c>
      <c r="BN41" s="320">
        <v>247338</v>
      </c>
      <c r="BO41" s="322">
        <v>313649</v>
      </c>
      <c r="BP41" s="318">
        <v>69363</v>
      </c>
      <c r="BQ41" s="319">
        <v>36171</v>
      </c>
      <c r="BR41" s="320">
        <v>105534</v>
      </c>
      <c r="BS41" s="318">
        <v>0</v>
      </c>
      <c r="BT41" s="319">
        <v>386589</v>
      </c>
      <c r="BU41" s="319">
        <v>713335</v>
      </c>
      <c r="BV41" s="319">
        <v>1125160</v>
      </c>
      <c r="BW41" s="319">
        <v>764423</v>
      </c>
      <c r="BX41" s="319">
        <v>563328</v>
      </c>
      <c r="BY41" s="320">
        <v>3552835</v>
      </c>
      <c r="BZ41" s="322">
        <v>3658369</v>
      </c>
      <c r="CA41" s="318">
        <v>112386</v>
      </c>
      <c r="CB41" s="319">
        <v>511979</v>
      </c>
      <c r="CC41" s="320">
        <v>624365</v>
      </c>
      <c r="CD41" s="318">
        <v>0</v>
      </c>
      <c r="CE41" s="319">
        <v>7335388</v>
      </c>
      <c r="CF41" s="319">
        <v>10297915</v>
      </c>
      <c r="CG41" s="319">
        <v>7563126</v>
      </c>
      <c r="CH41" s="319">
        <v>4106802</v>
      </c>
      <c r="CI41" s="319">
        <v>2044351</v>
      </c>
      <c r="CJ41" s="320">
        <v>31347582</v>
      </c>
      <c r="CK41" s="322">
        <v>31971947</v>
      </c>
      <c r="CL41" s="318">
        <v>0</v>
      </c>
      <c r="CM41" s="319">
        <v>0</v>
      </c>
      <c r="CN41" s="320">
        <v>0</v>
      </c>
      <c r="CO41" s="324">
        <v>0</v>
      </c>
      <c r="CP41" s="319">
        <v>5811449</v>
      </c>
      <c r="CQ41" s="319">
        <v>8438280</v>
      </c>
      <c r="CR41" s="319">
        <v>6061223</v>
      </c>
      <c r="CS41" s="319">
        <v>3494871</v>
      </c>
      <c r="CT41" s="319">
        <v>2003656</v>
      </c>
      <c r="CU41" s="320">
        <v>25809479</v>
      </c>
      <c r="CV41" s="322">
        <v>25809479</v>
      </c>
      <c r="CW41" s="318">
        <v>112386</v>
      </c>
      <c r="CX41" s="319">
        <v>511979</v>
      </c>
      <c r="CY41" s="320">
        <v>624365</v>
      </c>
      <c r="CZ41" s="318">
        <v>0</v>
      </c>
      <c r="DA41" s="319">
        <v>1523939</v>
      </c>
      <c r="DB41" s="319">
        <v>1859635</v>
      </c>
      <c r="DC41" s="319">
        <v>1501903</v>
      </c>
      <c r="DD41" s="319">
        <v>611931</v>
      </c>
      <c r="DE41" s="319">
        <v>40695</v>
      </c>
      <c r="DF41" s="320">
        <v>5538103</v>
      </c>
      <c r="DG41" s="322">
        <v>6162468</v>
      </c>
      <c r="DH41" s="318">
        <v>0</v>
      </c>
      <c r="DI41" s="319">
        <v>0</v>
      </c>
      <c r="DJ41" s="323">
        <v>0</v>
      </c>
      <c r="DK41" s="324">
        <v>0</v>
      </c>
      <c r="DL41" s="319">
        <v>791057</v>
      </c>
      <c r="DM41" s="319">
        <v>629217</v>
      </c>
      <c r="DN41" s="319">
        <v>2672034</v>
      </c>
      <c r="DO41" s="319">
        <v>1493237</v>
      </c>
      <c r="DP41" s="319">
        <v>849281</v>
      </c>
      <c r="DQ41" s="320">
        <v>6434826</v>
      </c>
      <c r="DR41" s="322">
        <v>6434826</v>
      </c>
      <c r="DS41" s="318">
        <v>0</v>
      </c>
      <c r="DT41" s="319">
        <v>0</v>
      </c>
      <c r="DU41" s="320">
        <v>0</v>
      </c>
      <c r="DV41" s="318">
        <v>0</v>
      </c>
      <c r="DW41" s="319">
        <v>791057</v>
      </c>
      <c r="DX41" s="319">
        <v>548058</v>
      </c>
      <c r="DY41" s="319">
        <v>2632772</v>
      </c>
      <c r="DZ41" s="319">
        <v>1493237</v>
      </c>
      <c r="EA41" s="319">
        <v>849281</v>
      </c>
      <c r="EB41" s="320">
        <v>6314405</v>
      </c>
      <c r="EC41" s="322">
        <v>6314405</v>
      </c>
      <c r="ED41" s="318">
        <v>0</v>
      </c>
      <c r="EE41" s="323">
        <v>0</v>
      </c>
      <c r="EF41" s="320">
        <v>0</v>
      </c>
      <c r="EG41" s="318">
        <v>0</v>
      </c>
      <c r="EH41" s="319">
        <v>0</v>
      </c>
      <c r="EI41" s="319">
        <v>81159</v>
      </c>
      <c r="EJ41" s="319">
        <v>39262</v>
      </c>
      <c r="EK41" s="319">
        <v>0</v>
      </c>
      <c r="EL41" s="319">
        <v>0</v>
      </c>
      <c r="EM41" s="323">
        <v>120421</v>
      </c>
      <c r="EN41" s="322">
        <v>120421</v>
      </c>
      <c r="EO41" s="318">
        <v>0</v>
      </c>
      <c r="EP41" s="319">
        <v>0</v>
      </c>
      <c r="EQ41" s="323">
        <v>0</v>
      </c>
      <c r="ER41" s="324">
        <v>0</v>
      </c>
      <c r="ES41" s="319">
        <v>0</v>
      </c>
      <c r="ET41" s="319">
        <v>0</v>
      </c>
      <c r="EU41" s="319">
        <v>0</v>
      </c>
      <c r="EV41" s="319">
        <v>0</v>
      </c>
      <c r="EW41" s="319">
        <v>0</v>
      </c>
      <c r="EX41" s="320">
        <v>0</v>
      </c>
      <c r="EY41" s="322">
        <v>0</v>
      </c>
      <c r="EZ41" s="318">
        <v>0</v>
      </c>
      <c r="FA41" s="319">
        <v>0</v>
      </c>
      <c r="FB41" s="323">
        <v>0</v>
      </c>
      <c r="FC41" s="346"/>
      <c r="FD41" s="319">
        <v>0</v>
      </c>
      <c r="FE41" s="319">
        <v>0</v>
      </c>
      <c r="FF41" s="319">
        <v>0</v>
      </c>
      <c r="FG41" s="319">
        <v>0</v>
      </c>
      <c r="FH41" s="319">
        <v>0</v>
      </c>
      <c r="FI41" s="320">
        <v>0</v>
      </c>
      <c r="FJ41" s="322">
        <v>0</v>
      </c>
      <c r="FK41" s="318">
        <v>370776</v>
      </c>
      <c r="FL41" s="319">
        <v>618695</v>
      </c>
      <c r="FM41" s="320">
        <v>989471</v>
      </c>
      <c r="FN41" s="318">
        <v>0</v>
      </c>
      <c r="FO41" s="319">
        <v>1624023</v>
      </c>
      <c r="FP41" s="319">
        <v>2435665</v>
      </c>
      <c r="FQ41" s="319">
        <v>1534489</v>
      </c>
      <c r="FR41" s="319">
        <v>1750000</v>
      </c>
      <c r="FS41" s="319">
        <v>1002383</v>
      </c>
      <c r="FT41" s="320">
        <v>8346560</v>
      </c>
      <c r="FU41" s="322">
        <v>9336031</v>
      </c>
      <c r="FV41" s="326">
        <v>175656</v>
      </c>
      <c r="FW41" s="319">
        <v>587177</v>
      </c>
      <c r="FX41" s="323">
        <v>762833</v>
      </c>
      <c r="FY41" s="324">
        <v>0</v>
      </c>
      <c r="FZ41" s="319">
        <v>1315678</v>
      </c>
      <c r="GA41" s="319">
        <v>2036515</v>
      </c>
      <c r="GB41" s="319">
        <v>1534489</v>
      </c>
      <c r="GC41" s="319">
        <v>1622400</v>
      </c>
      <c r="GD41" s="319">
        <v>970883</v>
      </c>
      <c r="GE41" s="320">
        <v>7479965</v>
      </c>
      <c r="GF41" s="327">
        <v>8242798</v>
      </c>
      <c r="GG41" s="326">
        <v>15120</v>
      </c>
      <c r="GH41" s="319">
        <v>31518</v>
      </c>
      <c r="GI41" s="323">
        <v>46638</v>
      </c>
      <c r="GJ41" s="324">
        <v>0</v>
      </c>
      <c r="GK41" s="319">
        <v>24030</v>
      </c>
      <c r="GL41" s="319">
        <v>26730</v>
      </c>
      <c r="GM41" s="319">
        <v>0</v>
      </c>
      <c r="GN41" s="319">
        <v>0</v>
      </c>
      <c r="GO41" s="319">
        <v>0</v>
      </c>
      <c r="GP41" s="320">
        <v>50760</v>
      </c>
      <c r="GQ41" s="322">
        <v>97398</v>
      </c>
      <c r="GR41" s="318">
        <v>180000</v>
      </c>
      <c r="GS41" s="319">
        <v>0</v>
      </c>
      <c r="GT41" s="320">
        <v>180000</v>
      </c>
      <c r="GU41" s="318">
        <v>0</v>
      </c>
      <c r="GV41" s="319">
        <v>284315</v>
      </c>
      <c r="GW41" s="319">
        <v>372420</v>
      </c>
      <c r="GX41" s="319">
        <v>0</v>
      </c>
      <c r="GY41" s="319">
        <v>127600</v>
      </c>
      <c r="GZ41" s="319">
        <v>31500</v>
      </c>
      <c r="HA41" s="323">
        <v>815835</v>
      </c>
      <c r="HB41" s="322">
        <v>995835</v>
      </c>
      <c r="HC41" s="318">
        <v>63404</v>
      </c>
      <c r="HD41" s="319">
        <v>97745</v>
      </c>
      <c r="HE41" s="323">
        <v>161149</v>
      </c>
      <c r="HF41" s="324">
        <v>0</v>
      </c>
      <c r="HG41" s="319">
        <v>1396554</v>
      </c>
      <c r="HH41" s="319">
        <v>2416273</v>
      </c>
      <c r="HI41" s="319">
        <v>2797767</v>
      </c>
      <c r="HJ41" s="319">
        <v>1441135</v>
      </c>
      <c r="HK41" s="319">
        <v>1261250</v>
      </c>
      <c r="HL41" s="320">
        <v>9312979</v>
      </c>
      <c r="HM41" s="321">
        <v>9474128</v>
      </c>
      <c r="HN41" s="326">
        <v>267629</v>
      </c>
      <c r="HO41" s="319">
        <v>515718</v>
      </c>
      <c r="HP41" s="320">
        <v>783347</v>
      </c>
      <c r="HQ41" s="318">
        <v>0</v>
      </c>
      <c r="HR41" s="319">
        <v>3437249</v>
      </c>
      <c r="HS41" s="319">
        <v>3461706</v>
      </c>
      <c r="HT41" s="319">
        <v>2384886</v>
      </c>
      <c r="HU41" s="319">
        <v>1523437</v>
      </c>
      <c r="HV41" s="319">
        <v>1004281</v>
      </c>
      <c r="HW41" s="323">
        <v>11811559</v>
      </c>
      <c r="HX41" s="322">
        <v>12594906</v>
      </c>
      <c r="HY41" s="328">
        <v>46943</v>
      </c>
      <c r="HZ41" s="329">
        <v>84068</v>
      </c>
      <c r="IA41" s="330">
        <v>131011</v>
      </c>
      <c r="IB41" s="353">
        <v>0</v>
      </c>
      <c r="IC41" s="329">
        <v>4015183</v>
      </c>
      <c r="ID41" s="354">
        <v>6017777</v>
      </c>
      <c r="IE41" s="330">
        <v>7845110</v>
      </c>
      <c r="IF41" s="329">
        <v>5095694</v>
      </c>
      <c r="IG41" s="330">
        <v>3843979</v>
      </c>
      <c r="IH41" s="355">
        <v>26817743</v>
      </c>
      <c r="II41" s="336">
        <v>26948754</v>
      </c>
      <c r="IJ41" s="337">
        <v>0</v>
      </c>
      <c r="IK41" s="338">
        <v>0</v>
      </c>
      <c r="IL41" s="339">
        <v>0</v>
      </c>
      <c r="IM41" s="346"/>
      <c r="IN41" s="341">
        <v>0</v>
      </c>
      <c r="IO41" s="341">
        <v>0</v>
      </c>
      <c r="IP41" s="341">
        <v>0</v>
      </c>
      <c r="IQ41" s="341">
        <v>0</v>
      </c>
      <c r="IR41" s="341">
        <v>0</v>
      </c>
      <c r="IS41" s="342">
        <v>0</v>
      </c>
      <c r="IT41" s="343">
        <v>0</v>
      </c>
      <c r="IU41" s="344">
        <v>0</v>
      </c>
      <c r="IV41" s="341">
        <v>0</v>
      </c>
      <c r="IW41" s="345">
        <v>0</v>
      </c>
      <c r="IX41" s="346"/>
      <c r="IY41" s="341">
        <v>0</v>
      </c>
      <c r="IZ41" s="341">
        <v>0</v>
      </c>
      <c r="JA41" s="341">
        <v>0</v>
      </c>
      <c r="JB41" s="341">
        <v>0</v>
      </c>
      <c r="JC41" s="341">
        <v>0</v>
      </c>
      <c r="JD41" s="345">
        <v>0</v>
      </c>
      <c r="JE41" s="347">
        <v>0</v>
      </c>
      <c r="JF41" s="344">
        <v>0</v>
      </c>
      <c r="JG41" s="341">
        <v>0</v>
      </c>
      <c r="JH41" s="342">
        <v>0</v>
      </c>
      <c r="JI41" s="348">
        <v>0</v>
      </c>
      <c r="JJ41" s="341">
        <v>2001161</v>
      </c>
      <c r="JK41" s="341">
        <v>3987107</v>
      </c>
      <c r="JL41" s="341">
        <v>3434667</v>
      </c>
      <c r="JM41" s="341">
        <v>2147716</v>
      </c>
      <c r="JN41" s="341">
        <v>2431399</v>
      </c>
      <c r="JO41" s="345">
        <v>14002050</v>
      </c>
      <c r="JP41" s="343">
        <v>14002050</v>
      </c>
      <c r="JQ41" s="344">
        <v>0</v>
      </c>
      <c r="JR41" s="341">
        <v>0</v>
      </c>
      <c r="JS41" s="342">
        <v>0</v>
      </c>
      <c r="JT41" s="348">
        <v>0</v>
      </c>
      <c r="JU41" s="341">
        <v>0</v>
      </c>
      <c r="JV41" s="341">
        <v>0</v>
      </c>
      <c r="JW41" s="341">
        <v>0</v>
      </c>
      <c r="JX41" s="341">
        <v>0</v>
      </c>
      <c r="JY41" s="341">
        <v>0</v>
      </c>
      <c r="JZ41" s="345">
        <v>0</v>
      </c>
      <c r="KA41" s="343">
        <v>0</v>
      </c>
      <c r="KB41" s="349">
        <v>46943</v>
      </c>
      <c r="KC41" s="350">
        <v>84068</v>
      </c>
      <c r="KD41" s="345">
        <v>131011</v>
      </c>
      <c r="KE41" s="348">
        <v>0</v>
      </c>
      <c r="KF41" s="341">
        <v>824509</v>
      </c>
      <c r="KG41" s="341">
        <v>709225</v>
      </c>
      <c r="KH41" s="341">
        <v>996112</v>
      </c>
      <c r="KI41" s="341">
        <v>519795</v>
      </c>
      <c r="KJ41" s="341">
        <v>0</v>
      </c>
      <c r="KK41" s="345">
        <v>3049641</v>
      </c>
      <c r="KL41" s="351">
        <v>3180652</v>
      </c>
      <c r="KM41" s="337">
        <v>0</v>
      </c>
      <c r="KN41" s="338">
        <v>0</v>
      </c>
      <c r="KO41" s="339">
        <v>0</v>
      </c>
      <c r="KP41" s="352"/>
      <c r="KQ41" s="341">
        <v>1189513</v>
      </c>
      <c r="KR41" s="341">
        <v>1321445</v>
      </c>
      <c r="KS41" s="341">
        <v>3414331</v>
      </c>
      <c r="KT41" s="341">
        <v>2428183</v>
      </c>
      <c r="KU41" s="341">
        <v>1412580</v>
      </c>
      <c r="KV41" s="345">
        <v>9766052</v>
      </c>
      <c r="KW41" s="343">
        <v>9766052</v>
      </c>
      <c r="KX41" s="344">
        <v>0</v>
      </c>
      <c r="KY41" s="341">
        <v>0</v>
      </c>
      <c r="KZ41" s="345">
        <v>0</v>
      </c>
      <c r="LA41" s="352"/>
      <c r="LB41" s="341">
        <v>0</v>
      </c>
      <c r="LC41" s="341">
        <v>0</v>
      </c>
      <c r="LD41" s="341">
        <v>0</v>
      </c>
      <c r="LE41" s="341">
        <v>0</v>
      </c>
      <c r="LF41" s="341">
        <v>0</v>
      </c>
      <c r="LG41" s="345">
        <v>0</v>
      </c>
      <c r="LH41" s="347">
        <v>0</v>
      </c>
      <c r="LI41" s="344">
        <v>0</v>
      </c>
      <c r="LJ41" s="341">
        <v>0</v>
      </c>
      <c r="LK41" s="345">
        <v>0</v>
      </c>
      <c r="LL41" s="352"/>
      <c r="LM41" s="341">
        <v>0</v>
      </c>
      <c r="LN41" s="341">
        <v>0</v>
      </c>
      <c r="LO41" s="341">
        <v>0</v>
      </c>
      <c r="LP41" s="341">
        <v>0</v>
      </c>
      <c r="LQ41" s="341">
        <v>0</v>
      </c>
      <c r="LR41" s="345">
        <v>0</v>
      </c>
      <c r="LS41" s="343">
        <v>0</v>
      </c>
      <c r="LT41" s="344">
        <v>0</v>
      </c>
      <c r="LU41" s="341">
        <v>0</v>
      </c>
      <c r="LV41" s="345">
        <v>0</v>
      </c>
      <c r="LW41" s="352"/>
      <c r="LX41" s="341">
        <v>0</v>
      </c>
      <c r="LY41" s="341">
        <v>0</v>
      </c>
      <c r="LZ41" s="341">
        <v>0</v>
      </c>
      <c r="MA41" s="341">
        <v>0</v>
      </c>
      <c r="MB41" s="341">
        <v>0</v>
      </c>
      <c r="MC41" s="345">
        <v>0</v>
      </c>
      <c r="MD41" s="347">
        <v>0</v>
      </c>
      <c r="ME41" s="344">
        <v>0</v>
      </c>
      <c r="MF41" s="341">
        <v>0</v>
      </c>
      <c r="MG41" s="345">
        <v>0</v>
      </c>
      <c r="MH41" s="352"/>
      <c r="MI41" s="341">
        <v>5042464</v>
      </c>
      <c r="MJ41" s="341">
        <v>7448443</v>
      </c>
      <c r="MK41" s="341">
        <v>17034662</v>
      </c>
      <c r="ML41" s="341">
        <v>26507801</v>
      </c>
      <c r="MM41" s="341">
        <v>24604955</v>
      </c>
      <c r="MN41" s="345">
        <v>80638325</v>
      </c>
      <c r="MO41" s="351">
        <v>80638325</v>
      </c>
      <c r="MP41" s="344">
        <v>0</v>
      </c>
      <c r="MQ41" s="341">
        <v>0</v>
      </c>
      <c r="MR41" s="345">
        <v>0</v>
      </c>
      <c r="MS41" s="352"/>
      <c r="MT41" s="341">
        <v>0</v>
      </c>
      <c r="MU41" s="341">
        <v>429917</v>
      </c>
      <c r="MV41" s="341">
        <v>7615210</v>
      </c>
      <c r="MW41" s="341">
        <v>15300057</v>
      </c>
      <c r="MX41" s="341">
        <v>18658649</v>
      </c>
      <c r="MY41" s="345">
        <v>42003833</v>
      </c>
      <c r="MZ41" s="351">
        <v>42003833</v>
      </c>
      <c r="NA41" s="344">
        <v>0</v>
      </c>
      <c r="NB41" s="341">
        <v>0</v>
      </c>
      <c r="NC41" s="345">
        <v>0</v>
      </c>
      <c r="ND41" s="352"/>
      <c r="NE41" s="341">
        <v>5042464</v>
      </c>
      <c r="NF41" s="341">
        <v>7018526</v>
      </c>
      <c r="NG41" s="341">
        <v>9419452</v>
      </c>
      <c r="NH41" s="341">
        <v>9391510</v>
      </c>
      <c r="NI41" s="341">
        <v>5564006</v>
      </c>
      <c r="NJ41" s="345">
        <v>36435958</v>
      </c>
      <c r="NK41" s="343">
        <v>36435958</v>
      </c>
      <c r="NL41" s="344">
        <v>0</v>
      </c>
      <c r="NM41" s="341">
        <v>0</v>
      </c>
      <c r="NN41" s="345">
        <v>0</v>
      </c>
      <c r="NO41" s="352"/>
      <c r="NP41" s="341">
        <v>0</v>
      </c>
      <c r="NQ41" s="341">
        <v>0</v>
      </c>
      <c r="NR41" s="341">
        <v>0</v>
      </c>
      <c r="NS41" s="341">
        <v>315708</v>
      </c>
      <c r="NT41" s="341">
        <v>0</v>
      </c>
      <c r="NU41" s="345">
        <v>315708</v>
      </c>
      <c r="NV41" s="347">
        <v>315708</v>
      </c>
      <c r="NW41" s="344">
        <v>0</v>
      </c>
      <c r="NX41" s="341">
        <v>0</v>
      </c>
      <c r="NY41" s="345">
        <v>0</v>
      </c>
      <c r="NZ41" s="352"/>
      <c r="OA41" s="341">
        <v>0</v>
      </c>
      <c r="OB41" s="341">
        <v>0</v>
      </c>
      <c r="OC41" s="341">
        <v>0</v>
      </c>
      <c r="OD41" s="341">
        <v>1500526</v>
      </c>
      <c r="OE41" s="341">
        <v>382300</v>
      </c>
      <c r="OF41" s="345">
        <v>1882826</v>
      </c>
      <c r="OG41" s="347">
        <v>1882826</v>
      </c>
      <c r="OH41" s="344">
        <v>1440603</v>
      </c>
      <c r="OI41" s="341">
        <v>2450555</v>
      </c>
      <c r="OJ41" s="342">
        <v>3891158</v>
      </c>
      <c r="OK41" s="348">
        <v>0</v>
      </c>
      <c r="OL41" s="341">
        <v>28747548</v>
      </c>
      <c r="OM41" s="341">
        <v>40534775</v>
      </c>
      <c r="ON41" s="341">
        <v>49267466</v>
      </c>
      <c r="OO41" s="341">
        <v>51408323</v>
      </c>
      <c r="OP41" s="341">
        <v>41166451</v>
      </c>
      <c r="OQ41" s="345">
        <v>211124563</v>
      </c>
      <c r="OR41" s="351">
        <v>215015721</v>
      </c>
    </row>
    <row r="42" spans="1:408" ht="18.75" customHeight="1" thickBot="1" x14ac:dyDescent="0.25">
      <c r="A42" s="62" t="s">
        <v>37</v>
      </c>
      <c r="B42" s="363">
        <v>62937</v>
      </c>
      <c r="C42" s="364">
        <v>198968</v>
      </c>
      <c r="D42" s="365">
        <v>261905</v>
      </c>
      <c r="E42" s="366">
        <v>0</v>
      </c>
      <c r="F42" s="364">
        <v>1787480</v>
      </c>
      <c r="G42" s="364">
        <v>2033885</v>
      </c>
      <c r="H42" s="364">
        <v>1845225</v>
      </c>
      <c r="I42" s="364">
        <v>1496403</v>
      </c>
      <c r="J42" s="364">
        <v>1086573</v>
      </c>
      <c r="K42" s="366">
        <v>8249566</v>
      </c>
      <c r="L42" s="367">
        <v>8511471</v>
      </c>
      <c r="M42" s="363">
        <v>0</v>
      </c>
      <c r="N42" s="364">
        <v>60797</v>
      </c>
      <c r="O42" s="365">
        <v>60797</v>
      </c>
      <c r="P42" s="363">
        <v>0</v>
      </c>
      <c r="Q42" s="364">
        <v>338003</v>
      </c>
      <c r="R42" s="364">
        <v>500742</v>
      </c>
      <c r="S42" s="364">
        <v>409466</v>
      </c>
      <c r="T42" s="364">
        <v>290229</v>
      </c>
      <c r="U42" s="364">
        <v>561105</v>
      </c>
      <c r="V42" s="365">
        <v>2099545</v>
      </c>
      <c r="W42" s="367">
        <v>2160342</v>
      </c>
      <c r="X42" s="363">
        <v>0</v>
      </c>
      <c r="Y42" s="364">
        <v>0</v>
      </c>
      <c r="Z42" s="365">
        <v>0</v>
      </c>
      <c r="AA42" s="363">
        <v>0</v>
      </c>
      <c r="AB42" s="364">
        <v>78318</v>
      </c>
      <c r="AC42" s="364">
        <v>210780</v>
      </c>
      <c r="AD42" s="364">
        <v>131731</v>
      </c>
      <c r="AE42" s="364">
        <v>53765</v>
      </c>
      <c r="AF42" s="364">
        <v>386699</v>
      </c>
      <c r="AG42" s="365">
        <v>861293</v>
      </c>
      <c r="AH42" s="367">
        <v>861293</v>
      </c>
      <c r="AI42" s="363">
        <v>0</v>
      </c>
      <c r="AJ42" s="364">
        <v>0</v>
      </c>
      <c r="AK42" s="365">
        <v>0</v>
      </c>
      <c r="AL42" s="363">
        <v>0</v>
      </c>
      <c r="AM42" s="364">
        <v>0</v>
      </c>
      <c r="AN42" s="364">
        <v>0</v>
      </c>
      <c r="AO42" s="364">
        <v>0</v>
      </c>
      <c r="AP42" s="364">
        <v>52759</v>
      </c>
      <c r="AQ42" s="364">
        <v>0</v>
      </c>
      <c r="AR42" s="365">
        <v>52759</v>
      </c>
      <c r="AS42" s="367">
        <v>52759</v>
      </c>
      <c r="AT42" s="363">
        <v>0</v>
      </c>
      <c r="AU42" s="364">
        <v>60797</v>
      </c>
      <c r="AV42" s="365">
        <v>60797</v>
      </c>
      <c r="AW42" s="363">
        <v>0</v>
      </c>
      <c r="AX42" s="364">
        <v>144033</v>
      </c>
      <c r="AY42" s="364">
        <v>242739</v>
      </c>
      <c r="AZ42" s="364">
        <v>126062</v>
      </c>
      <c r="BA42" s="364">
        <v>108580</v>
      </c>
      <c r="BB42" s="364">
        <v>128916</v>
      </c>
      <c r="BC42" s="365">
        <v>750330</v>
      </c>
      <c r="BD42" s="367">
        <v>811127</v>
      </c>
      <c r="BE42" s="363">
        <v>0</v>
      </c>
      <c r="BF42" s="364">
        <v>0</v>
      </c>
      <c r="BG42" s="368">
        <v>0</v>
      </c>
      <c r="BH42" s="369">
        <v>0</v>
      </c>
      <c r="BI42" s="364">
        <v>59951</v>
      </c>
      <c r="BJ42" s="364">
        <v>22536</v>
      </c>
      <c r="BK42" s="364">
        <v>90086</v>
      </c>
      <c r="BL42" s="364">
        <v>41426</v>
      </c>
      <c r="BM42" s="364">
        <v>0</v>
      </c>
      <c r="BN42" s="365">
        <v>213999</v>
      </c>
      <c r="BO42" s="367">
        <v>213999</v>
      </c>
      <c r="BP42" s="363">
        <v>0</v>
      </c>
      <c r="BQ42" s="364">
        <v>0</v>
      </c>
      <c r="BR42" s="365">
        <v>0</v>
      </c>
      <c r="BS42" s="363">
        <v>0</v>
      </c>
      <c r="BT42" s="364">
        <v>55701</v>
      </c>
      <c r="BU42" s="364">
        <v>24687</v>
      </c>
      <c r="BV42" s="364">
        <v>61587</v>
      </c>
      <c r="BW42" s="364">
        <v>33699</v>
      </c>
      <c r="BX42" s="364">
        <v>45490</v>
      </c>
      <c r="BY42" s="365">
        <v>221164</v>
      </c>
      <c r="BZ42" s="367">
        <v>221164</v>
      </c>
      <c r="CA42" s="363">
        <v>0</v>
      </c>
      <c r="CB42" s="364">
        <v>40908</v>
      </c>
      <c r="CC42" s="365">
        <v>40908</v>
      </c>
      <c r="CD42" s="363">
        <v>0</v>
      </c>
      <c r="CE42" s="364">
        <v>729377</v>
      </c>
      <c r="CF42" s="364">
        <v>660613</v>
      </c>
      <c r="CG42" s="364">
        <v>730332</v>
      </c>
      <c r="CH42" s="364">
        <v>561887</v>
      </c>
      <c r="CI42" s="364">
        <v>116001</v>
      </c>
      <c r="CJ42" s="365">
        <v>2798210</v>
      </c>
      <c r="CK42" s="367">
        <v>2839118</v>
      </c>
      <c r="CL42" s="363">
        <v>0</v>
      </c>
      <c r="CM42" s="364">
        <v>0</v>
      </c>
      <c r="CN42" s="365">
        <v>0</v>
      </c>
      <c r="CO42" s="369">
        <v>0</v>
      </c>
      <c r="CP42" s="364">
        <v>389753</v>
      </c>
      <c r="CQ42" s="364">
        <v>257919</v>
      </c>
      <c r="CR42" s="364">
        <v>454516</v>
      </c>
      <c r="CS42" s="364">
        <v>130543</v>
      </c>
      <c r="CT42" s="364">
        <v>116001</v>
      </c>
      <c r="CU42" s="365">
        <v>1348732</v>
      </c>
      <c r="CV42" s="367">
        <v>1348732</v>
      </c>
      <c r="CW42" s="363">
        <v>0</v>
      </c>
      <c r="CX42" s="364">
        <v>40908</v>
      </c>
      <c r="CY42" s="365">
        <v>40908</v>
      </c>
      <c r="CZ42" s="363">
        <v>0</v>
      </c>
      <c r="DA42" s="364">
        <v>339624</v>
      </c>
      <c r="DB42" s="364">
        <v>402694</v>
      </c>
      <c r="DC42" s="364">
        <v>275816</v>
      </c>
      <c r="DD42" s="364">
        <v>431344</v>
      </c>
      <c r="DE42" s="364">
        <v>0</v>
      </c>
      <c r="DF42" s="365">
        <v>1449478</v>
      </c>
      <c r="DG42" s="367">
        <v>1490386</v>
      </c>
      <c r="DH42" s="363">
        <v>0</v>
      </c>
      <c r="DI42" s="364">
        <v>0</v>
      </c>
      <c r="DJ42" s="368">
        <v>0</v>
      </c>
      <c r="DK42" s="369">
        <v>0</v>
      </c>
      <c r="DL42" s="364">
        <v>39920</v>
      </c>
      <c r="DM42" s="364">
        <v>27236</v>
      </c>
      <c r="DN42" s="364">
        <v>254960</v>
      </c>
      <c r="DO42" s="364">
        <v>141800</v>
      </c>
      <c r="DP42" s="364">
        <v>90748</v>
      </c>
      <c r="DQ42" s="365">
        <v>554664</v>
      </c>
      <c r="DR42" s="367">
        <v>554664</v>
      </c>
      <c r="DS42" s="363">
        <v>0</v>
      </c>
      <c r="DT42" s="364">
        <v>0</v>
      </c>
      <c r="DU42" s="365">
        <v>0</v>
      </c>
      <c r="DV42" s="363">
        <v>0</v>
      </c>
      <c r="DW42" s="364">
        <v>39920</v>
      </c>
      <c r="DX42" s="364">
        <v>27236</v>
      </c>
      <c r="DY42" s="364">
        <v>195407</v>
      </c>
      <c r="DZ42" s="364">
        <v>0</v>
      </c>
      <c r="EA42" s="364">
        <v>90748</v>
      </c>
      <c r="EB42" s="365">
        <v>353311</v>
      </c>
      <c r="EC42" s="367">
        <v>353311</v>
      </c>
      <c r="ED42" s="363">
        <v>0</v>
      </c>
      <c r="EE42" s="368">
        <v>0</v>
      </c>
      <c r="EF42" s="365">
        <v>0</v>
      </c>
      <c r="EG42" s="363">
        <v>0</v>
      </c>
      <c r="EH42" s="364">
        <v>0</v>
      </c>
      <c r="EI42" s="364">
        <v>0</v>
      </c>
      <c r="EJ42" s="364">
        <v>59553</v>
      </c>
      <c r="EK42" s="364">
        <v>141800</v>
      </c>
      <c r="EL42" s="364">
        <v>0</v>
      </c>
      <c r="EM42" s="368">
        <v>201353</v>
      </c>
      <c r="EN42" s="367">
        <v>201353</v>
      </c>
      <c r="EO42" s="363">
        <v>0</v>
      </c>
      <c r="EP42" s="364">
        <v>0</v>
      </c>
      <c r="EQ42" s="368">
        <v>0</v>
      </c>
      <c r="ER42" s="369">
        <v>0</v>
      </c>
      <c r="ES42" s="364">
        <v>0</v>
      </c>
      <c r="ET42" s="364">
        <v>0</v>
      </c>
      <c r="EU42" s="364">
        <v>0</v>
      </c>
      <c r="EV42" s="364">
        <v>0</v>
      </c>
      <c r="EW42" s="364">
        <v>0</v>
      </c>
      <c r="EX42" s="365">
        <v>0</v>
      </c>
      <c r="EY42" s="367">
        <v>0</v>
      </c>
      <c r="EZ42" s="363">
        <v>0</v>
      </c>
      <c r="FA42" s="364">
        <v>0</v>
      </c>
      <c r="FB42" s="368">
        <v>0</v>
      </c>
      <c r="FC42" s="391"/>
      <c r="FD42" s="364">
        <v>0</v>
      </c>
      <c r="FE42" s="364">
        <v>0</v>
      </c>
      <c r="FF42" s="364">
        <v>0</v>
      </c>
      <c r="FG42" s="364">
        <v>0</v>
      </c>
      <c r="FH42" s="364">
        <v>0</v>
      </c>
      <c r="FI42" s="365">
        <v>0</v>
      </c>
      <c r="FJ42" s="367">
        <v>0</v>
      </c>
      <c r="FK42" s="363">
        <v>40122</v>
      </c>
      <c r="FL42" s="364">
        <v>56196</v>
      </c>
      <c r="FM42" s="365">
        <v>96318</v>
      </c>
      <c r="FN42" s="363">
        <v>0</v>
      </c>
      <c r="FO42" s="364">
        <v>218996</v>
      </c>
      <c r="FP42" s="364">
        <v>430863</v>
      </c>
      <c r="FQ42" s="364">
        <v>209628</v>
      </c>
      <c r="FR42" s="364">
        <v>173306</v>
      </c>
      <c r="FS42" s="364">
        <v>78899</v>
      </c>
      <c r="FT42" s="365">
        <v>1111692</v>
      </c>
      <c r="FU42" s="367">
        <v>1208010</v>
      </c>
      <c r="FV42" s="371">
        <v>40122</v>
      </c>
      <c r="FW42" s="364">
        <v>56196</v>
      </c>
      <c r="FX42" s="368">
        <v>96318</v>
      </c>
      <c r="FY42" s="369">
        <v>0</v>
      </c>
      <c r="FZ42" s="364">
        <v>199196</v>
      </c>
      <c r="GA42" s="364">
        <v>430863</v>
      </c>
      <c r="GB42" s="364">
        <v>177948</v>
      </c>
      <c r="GC42" s="364">
        <v>173306</v>
      </c>
      <c r="GD42" s="364">
        <v>78899</v>
      </c>
      <c r="GE42" s="365">
        <v>1060212</v>
      </c>
      <c r="GF42" s="372">
        <v>1156530</v>
      </c>
      <c r="GG42" s="371">
        <v>0</v>
      </c>
      <c r="GH42" s="364">
        <v>0</v>
      </c>
      <c r="GI42" s="368">
        <v>0</v>
      </c>
      <c r="GJ42" s="369">
        <v>0</v>
      </c>
      <c r="GK42" s="364">
        <v>19800</v>
      </c>
      <c r="GL42" s="364">
        <v>0</v>
      </c>
      <c r="GM42" s="364">
        <v>0</v>
      </c>
      <c r="GN42" s="364">
        <v>0</v>
      </c>
      <c r="GO42" s="364">
        <v>0</v>
      </c>
      <c r="GP42" s="365">
        <v>19800</v>
      </c>
      <c r="GQ42" s="367">
        <v>19800</v>
      </c>
      <c r="GR42" s="363">
        <v>0</v>
      </c>
      <c r="GS42" s="364">
        <v>0</v>
      </c>
      <c r="GT42" s="365">
        <v>0</v>
      </c>
      <c r="GU42" s="363">
        <v>0</v>
      </c>
      <c r="GV42" s="364">
        <v>0</v>
      </c>
      <c r="GW42" s="364">
        <v>0</v>
      </c>
      <c r="GX42" s="364">
        <v>31680</v>
      </c>
      <c r="GY42" s="364">
        <v>0</v>
      </c>
      <c r="GZ42" s="364">
        <v>0</v>
      </c>
      <c r="HA42" s="368">
        <v>31680</v>
      </c>
      <c r="HB42" s="367">
        <v>31680</v>
      </c>
      <c r="HC42" s="363">
        <v>0</v>
      </c>
      <c r="HD42" s="364">
        <v>0</v>
      </c>
      <c r="HE42" s="368">
        <v>0</v>
      </c>
      <c r="HF42" s="369">
        <v>0</v>
      </c>
      <c r="HG42" s="364">
        <v>0</v>
      </c>
      <c r="HH42" s="364">
        <v>0</v>
      </c>
      <c r="HI42" s="364">
        <v>0</v>
      </c>
      <c r="HJ42" s="364">
        <v>179235</v>
      </c>
      <c r="HK42" s="364">
        <v>177156</v>
      </c>
      <c r="HL42" s="365">
        <v>356391</v>
      </c>
      <c r="HM42" s="366">
        <v>356391</v>
      </c>
      <c r="HN42" s="371">
        <v>22815</v>
      </c>
      <c r="HO42" s="364">
        <v>41067</v>
      </c>
      <c r="HP42" s="365">
        <v>63882</v>
      </c>
      <c r="HQ42" s="363">
        <v>0</v>
      </c>
      <c r="HR42" s="364">
        <v>461184</v>
      </c>
      <c r="HS42" s="364">
        <v>414431</v>
      </c>
      <c r="HT42" s="364">
        <v>240839</v>
      </c>
      <c r="HU42" s="364">
        <v>149946</v>
      </c>
      <c r="HV42" s="364">
        <v>62664</v>
      </c>
      <c r="HW42" s="368">
        <v>1329064</v>
      </c>
      <c r="HX42" s="367">
        <v>1392946</v>
      </c>
      <c r="HY42" s="373">
        <v>0</v>
      </c>
      <c r="HZ42" s="374">
        <v>0</v>
      </c>
      <c r="IA42" s="375">
        <v>0</v>
      </c>
      <c r="IB42" s="376">
        <v>0</v>
      </c>
      <c r="IC42" s="377">
        <v>1140017</v>
      </c>
      <c r="ID42" s="378">
        <v>1320019</v>
      </c>
      <c r="IE42" s="379">
        <v>1333195</v>
      </c>
      <c r="IF42" s="377">
        <v>397629</v>
      </c>
      <c r="IG42" s="379">
        <v>419156</v>
      </c>
      <c r="IH42" s="380">
        <v>4610016</v>
      </c>
      <c r="II42" s="381">
        <v>4610016</v>
      </c>
      <c r="IJ42" s="382">
        <v>0</v>
      </c>
      <c r="IK42" s="383">
        <v>0</v>
      </c>
      <c r="IL42" s="384">
        <v>0</v>
      </c>
      <c r="IM42" s="391"/>
      <c r="IN42" s="386">
        <v>0</v>
      </c>
      <c r="IO42" s="386">
        <v>0</v>
      </c>
      <c r="IP42" s="386">
        <v>0</v>
      </c>
      <c r="IQ42" s="386">
        <v>0</v>
      </c>
      <c r="IR42" s="386">
        <v>267732</v>
      </c>
      <c r="IS42" s="387">
        <v>267732</v>
      </c>
      <c r="IT42" s="388">
        <v>267732</v>
      </c>
      <c r="IU42" s="389">
        <v>0</v>
      </c>
      <c r="IV42" s="386">
        <v>0</v>
      </c>
      <c r="IW42" s="390">
        <v>0</v>
      </c>
      <c r="IX42" s="391"/>
      <c r="IY42" s="386">
        <v>0</v>
      </c>
      <c r="IZ42" s="386">
        <v>0</v>
      </c>
      <c r="JA42" s="386">
        <v>0</v>
      </c>
      <c r="JB42" s="386">
        <v>0</v>
      </c>
      <c r="JC42" s="386">
        <v>0</v>
      </c>
      <c r="JD42" s="390">
        <v>0</v>
      </c>
      <c r="JE42" s="392">
        <v>0</v>
      </c>
      <c r="JF42" s="389">
        <v>0</v>
      </c>
      <c r="JG42" s="386">
        <v>0</v>
      </c>
      <c r="JH42" s="387">
        <v>0</v>
      </c>
      <c r="JI42" s="393">
        <v>0</v>
      </c>
      <c r="JJ42" s="386">
        <v>853733</v>
      </c>
      <c r="JK42" s="386">
        <v>1247508</v>
      </c>
      <c r="JL42" s="386">
        <v>221996</v>
      </c>
      <c r="JM42" s="386">
        <v>171336</v>
      </c>
      <c r="JN42" s="386">
        <v>151424</v>
      </c>
      <c r="JO42" s="390">
        <v>2645997</v>
      </c>
      <c r="JP42" s="388">
        <v>2645997</v>
      </c>
      <c r="JQ42" s="389">
        <v>0</v>
      </c>
      <c r="JR42" s="386">
        <v>0</v>
      </c>
      <c r="JS42" s="387">
        <v>0</v>
      </c>
      <c r="JT42" s="393">
        <v>0</v>
      </c>
      <c r="JU42" s="386">
        <v>36825</v>
      </c>
      <c r="JV42" s="386">
        <v>0</v>
      </c>
      <c r="JW42" s="386">
        <v>307172</v>
      </c>
      <c r="JX42" s="386">
        <v>226293</v>
      </c>
      <c r="JY42" s="386">
        <v>0</v>
      </c>
      <c r="JZ42" s="390">
        <v>570290</v>
      </c>
      <c r="KA42" s="388">
        <v>570290</v>
      </c>
      <c r="KB42" s="394">
        <v>0</v>
      </c>
      <c r="KC42" s="395">
        <v>0</v>
      </c>
      <c r="KD42" s="390">
        <v>0</v>
      </c>
      <c r="KE42" s="393">
        <v>0</v>
      </c>
      <c r="KF42" s="386">
        <v>0</v>
      </c>
      <c r="KG42" s="386">
        <v>0</v>
      </c>
      <c r="KH42" s="386">
        <v>0</v>
      </c>
      <c r="KI42" s="386">
        <v>0</v>
      </c>
      <c r="KJ42" s="386">
        <v>0</v>
      </c>
      <c r="KK42" s="390">
        <v>0</v>
      </c>
      <c r="KL42" s="396">
        <v>0</v>
      </c>
      <c r="KM42" s="382">
        <v>0</v>
      </c>
      <c r="KN42" s="383">
        <v>0</v>
      </c>
      <c r="KO42" s="384">
        <v>0</v>
      </c>
      <c r="KP42" s="397"/>
      <c r="KQ42" s="386">
        <v>249459</v>
      </c>
      <c r="KR42" s="386">
        <v>72511</v>
      </c>
      <c r="KS42" s="386">
        <v>804027</v>
      </c>
      <c r="KT42" s="386">
        <v>0</v>
      </c>
      <c r="KU42" s="386">
        <v>0</v>
      </c>
      <c r="KV42" s="390">
        <v>1125997</v>
      </c>
      <c r="KW42" s="388">
        <v>1125997</v>
      </c>
      <c r="KX42" s="389">
        <v>0</v>
      </c>
      <c r="KY42" s="386">
        <v>0</v>
      </c>
      <c r="KZ42" s="390">
        <v>0</v>
      </c>
      <c r="LA42" s="397"/>
      <c r="LB42" s="386">
        <v>0</v>
      </c>
      <c r="LC42" s="386">
        <v>0</v>
      </c>
      <c r="LD42" s="386">
        <v>0</v>
      </c>
      <c r="LE42" s="386">
        <v>0</v>
      </c>
      <c r="LF42" s="386">
        <v>0</v>
      </c>
      <c r="LG42" s="390">
        <v>0</v>
      </c>
      <c r="LH42" s="392">
        <v>0</v>
      </c>
      <c r="LI42" s="389">
        <v>0</v>
      </c>
      <c r="LJ42" s="386">
        <v>0</v>
      </c>
      <c r="LK42" s="390">
        <v>0</v>
      </c>
      <c r="LL42" s="397"/>
      <c r="LM42" s="386">
        <v>0</v>
      </c>
      <c r="LN42" s="386">
        <v>0</v>
      </c>
      <c r="LO42" s="386">
        <v>0</v>
      </c>
      <c r="LP42" s="386">
        <v>0</v>
      </c>
      <c r="LQ42" s="386">
        <v>0</v>
      </c>
      <c r="LR42" s="390">
        <v>0</v>
      </c>
      <c r="LS42" s="388">
        <v>0</v>
      </c>
      <c r="LT42" s="389">
        <v>0</v>
      </c>
      <c r="LU42" s="386">
        <v>0</v>
      </c>
      <c r="LV42" s="390">
        <v>0</v>
      </c>
      <c r="LW42" s="397"/>
      <c r="LX42" s="386">
        <v>0</v>
      </c>
      <c r="LY42" s="386">
        <v>0</v>
      </c>
      <c r="LZ42" s="386">
        <v>0</v>
      </c>
      <c r="MA42" s="386">
        <v>0</v>
      </c>
      <c r="MB42" s="386">
        <v>0</v>
      </c>
      <c r="MC42" s="390">
        <v>0</v>
      </c>
      <c r="MD42" s="392">
        <v>0</v>
      </c>
      <c r="ME42" s="389">
        <v>0</v>
      </c>
      <c r="MF42" s="386">
        <v>0</v>
      </c>
      <c r="MG42" s="390">
        <v>0</v>
      </c>
      <c r="MH42" s="397"/>
      <c r="MI42" s="386">
        <v>497271</v>
      </c>
      <c r="MJ42" s="386">
        <v>287228</v>
      </c>
      <c r="MK42" s="386">
        <v>3408671</v>
      </c>
      <c r="ML42" s="386">
        <v>3434220</v>
      </c>
      <c r="MM42" s="386">
        <v>1824355</v>
      </c>
      <c r="MN42" s="390">
        <v>9451745</v>
      </c>
      <c r="MO42" s="396">
        <v>9451745</v>
      </c>
      <c r="MP42" s="389">
        <v>0</v>
      </c>
      <c r="MQ42" s="386">
        <v>0</v>
      </c>
      <c r="MR42" s="390">
        <v>0</v>
      </c>
      <c r="MS42" s="397"/>
      <c r="MT42" s="386">
        <v>0</v>
      </c>
      <c r="MU42" s="386">
        <v>0</v>
      </c>
      <c r="MV42" s="386">
        <v>1935882</v>
      </c>
      <c r="MW42" s="386">
        <v>2585306</v>
      </c>
      <c r="MX42" s="386">
        <v>1490030</v>
      </c>
      <c r="MY42" s="390">
        <v>6011218</v>
      </c>
      <c r="MZ42" s="396">
        <v>6011218</v>
      </c>
      <c r="NA42" s="389">
        <v>0</v>
      </c>
      <c r="NB42" s="386">
        <v>0</v>
      </c>
      <c r="NC42" s="390">
        <v>0</v>
      </c>
      <c r="ND42" s="397"/>
      <c r="NE42" s="386">
        <v>497271</v>
      </c>
      <c r="NF42" s="386">
        <v>287228</v>
      </c>
      <c r="NG42" s="386">
        <v>1472789</v>
      </c>
      <c r="NH42" s="386">
        <v>484743</v>
      </c>
      <c r="NI42" s="386">
        <v>0</v>
      </c>
      <c r="NJ42" s="390">
        <v>2742031</v>
      </c>
      <c r="NK42" s="388">
        <v>2742031</v>
      </c>
      <c r="NL42" s="389">
        <v>0</v>
      </c>
      <c r="NM42" s="386">
        <v>0</v>
      </c>
      <c r="NN42" s="390">
        <v>0</v>
      </c>
      <c r="NO42" s="397"/>
      <c r="NP42" s="386">
        <v>0</v>
      </c>
      <c r="NQ42" s="386">
        <v>0</v>
      </c>
      <c r="NR42" s="386">
        <v>0</v>
      </c>
      <c r="NS42" s="386">
        <v>364171</v>
      </c>
      <c r="NT42" s="386">
        <v>0</v>
      </c>
      <c r="NU42" s="390">
        <v>364171</v>
      </c>
      <c r="NV42" s="392">
        <v>364171</v>
      </c>
      <c r="NW42" s="389">
        <v>0</v>
      </c>
      <c r="NX42" s="386">
        <v>0</v>
      </c>
      <c r="NY42" s="390">
        <v>0</v>
      </c>
      <c r="NZ42" s="397"/>
      <c r="OA42" s="386">
        <v>0</v>
      </c>
      <c r="OB42" s="386">
        <v>0</v>
      </c>
      <c r="OC42" s="386">
        <v>0</v>
      </c>
      <c r="OD42" s="386">
        <v>0</v>
      </c>
      <c r="OE42" s="386">
        <v>334325</v>
      </c>
      <c r="OF42" s="390">
        <v>334325</v>
      </c>
      <c r="OG42" s="392">
        <v>334325</v>
      </c>
      <c r="OH42" s="389">
        <v>62937</v>
      </c>
      <c r="OI42" s="386">
        <v>198968</v>
      </c>
      <c r="OJ42" s="387">
        <v>261905</v>
      </c>
      <c r="OK42" s="393">
        <v>0</v>
      </c>
      <c r="OL42" s="386">
        <v>3424768</v>
      </c>
      <c r="OM42" s="386">
        <v>3641132</v>
      </c>
      <c r="ON42" s="386">
        <v>6587091</v>
      </c>
      <c r="OO42" s="386">
        <v>5328252</v>
      </c>
      <c r="OP42" s="386">
        <v>3330084</v>
      </c>
      <c r="OQ42" s="390">
        <v>22311327</v>
      </c>
      <c r="OR42" s="396">
        <v>22573232</v>
      </c>
    </row>
    <row r="43" spans="1:408" x14ac:dyDescent="0.2">
      <c r="A43" s="1" t="s">
        <v>84</v>
      </c>
    </row>
  </sheetData>
  <mergeCells count="159">
    <mergeCell ref="FJ7:FJ8"/>
    <mergeCell ref="DH5:FJ5"/>
    <mergeCell ref="H1:I1"/>
    <mergeCell ref="GR6:HB6"/>
    <mergeCell ref="GG6:GQ6"/>
    <mergeCell ref="M6:W6"/>
    <mergeCell ref="CA6:CK6"/>
    <mergeCell ref="DH6:DR6"/>
    <mergeCell ref="DS6:EC6"/>
    <mergeCell ref="ED6:EN6"/>
    <mergeCell ref="EO6:EY6"/>
    <mergeCell ref="FK6:FU6"/>
    <mergeCell ref="FV6:GF6"/>
    <mergeCell ref="EZ6:FJ6"/>
    <mergeCell ref="CW6:DG6"/>
    <mergeCell ref="BP6:BZ6"/>
    <mergeCell ref="CL6:CV6"/>
    <mergeCell ref="AI6:AS6"/>
    <mergeCell ref="AT6:BD6"/>
    <mergeCell ref="BE6:BO6"/>
    <mergeCell ref="A4:A8"/>
    <mergeCell ref="B4:L6"/>
    <mergeCell ref="M4:HX4"/>
    <mergeCell ref="M5:BZ5"/>
    <mergeCell ref="CA5:DG5"/>
    <mergeCell ref="FK5:HB5"/>
    <mergeCell ref="HC5:HM6"/>
    <mergeCell ref="HN5:HX6"/>
    <mergeCell ref="X6:AH6"/>
    <mergeCell ref="P7:V7"/>
    <mergeCell ref="W7:W8"/>
    <mergeCell ref="X7:Z7"/>
    <mergeCell ref="AA7:AG7"/>
    <mergeCell ref="B7:D7"/>
    <mergeCell ref="E7:K7"/>
    <mergeCell ref="L7:L8"/>
    <mergeCell ref="M7:O7"/>
    <mergeCell ref="AT7:AV7"/>
    <mergeCell ref="AW7:BC7"/>
    <mergeCell ref="BD7:BD8"/>
    <mergeCell ref="AH7:AH8"/>
    <mergeCell ref="AI7:AK7"/>
    <mergeCell ref="AL7:AR7"/>
    <mergeCell ref="AS7:AS8"/>
    <mergeCell ref="HX7:HX8"/>
    <mergeCell ref="HF7:HL7"/>
    <mergeCell ref="HM7:HM8"/>
    <mergeCell ref="HN7:HP7"/>
    <mergeCell ref="HQ7:HW7"/>
    <mergeCell ref="FK7:FM7"/>
    <mergeCell ref="FN7:FT7"/>
    <mergeCell ref="ED7:EF7"/>
    <mergeCell ref="EG7:EM7"/>
    <mergeCell ref="EN7:EN8"/>
    <mergeCell ref="EO7:EQ7"/>
    <mergeCell ref="GR7:GT7"/>
    <mergeCell ref="GU7:HA7"/>
    <mergeCell ref="HB7:HB8"/>
    <mergeCell ref="HC7:HE7"/>
    <mergeCell ref="FU7:FU8"/>
    <mergeCell ref="FV7:FX7"/>
    <mergeCell ref="FY7:GE7"/>
    <mergeCell ref="GF7:GF8"/>
    <mergeCell ref="GQ7:GQ8"/>
    <mergeCell ref="GJ7:GP7"/>
    <mergeCell ref="GG7:GI7"/>
    <mergeCell ref="EZ7:FB7"/>
    <mergeCell ref="FC7:FI7"/>
    <mergeCell ref="F2:G2"/>
    <mergeCell ref="ER7:EX7"/>
    <mergeCell ref="EY7:EY8"/>
    <mergeCell ref="DR7:DR8"/>
    <mergeCell ref="DS7:DU7"/>
    <mergeCell ref="DV7:EB7"/>
    <mergeCell ref="EC7:EC8"/>
    <mergeCell ref="DK7:DQ7"/>
    <mergeCell ref="CL7:CN7"/>
    <mergeCell ref="CO7:CU7"/>
    <mergeCell ref="CV7:CV8"/>
    <mergeCell ref="CW7:CY7"/>
    <mergeCell ref="CZ7:DF7"/>
    <mergeCell ref="DG7:DG8"/>
    <mergeCell ref="DH7:DJ7"/>
    <mergeCell ref="CK7:CK8"/>
    <mergeCell ref="BH7:BN7"/>
    <mergeCell ref="BO7:BO8"/>
    <mergeCell ref="BP7:BR7"/>
    <mergeCell ref="BS7:BY7"/>
    <mergeCell ref="BE7:BG7"/>
    <mergeCell ref="BZ7:BZ8"/>
    <mergeCell ref="CA7:CC7"/>
    <mergeCell ref="CD7:CJ7"/>
    <mergeCell ref="IC1:ID1"/>
    <mergeCell ref="HY4:MD4"/>
    <mergeCell ref="JI7:JO7"/>
    <mergeCell ref="JP7:JP8"/>
    <mergeCell ref="JQ7:JS7"/>
    <mergeCell ref="JT7:JZ7"/>
    <mergeCell ref="KA7:KA8"/>
    <mergeCell ref="NW5:OG6"/>
    <mergeCell ref="LL7:LR7"/>
    <mergeCell ref="LS7:LS8"/>
    <mergeCell ref="LT7:LV7"/>
    <mergeCell ref="IT7:IT8"/>
    <mergeCell ref="IU7:IW7"/>
    <mergeCell ref="IX7:JD7"/>
    <mergeCell ref="JE7:JE8"/>
    <mergeCell ref="JF7:JH7"/>
    <mergeCell ref="HY7:IA7"/>
    <mergeCell ref="IB7:IH7"/>
    <mergeCell ref="II7:II8"/>
    <mergeCell ref="IJ7:IL7"/>
    <mergeCell ref="IM7:IS7"/>
    <mergeCell ref="KW7:KW8"/>
    <mergeCell ref="KX7:KZ7"/>
    <mergeCell ref="LA7:LG7"/>
    <mergeCell ref="OH4:OR6"/>
    <mergeCell ref="HY5:II6"/>
    <mergeCell ref="IJ5:IT6"/>
    <mergeCell ref="IU5:JE6"/>
    <mergeCell ref="JF5:JP6"/>
    <mergeCell ref="JQ5:KA6"/>
    <mergeCell ref="KB5:KL6"/>
    <mergeCell ref="KM5:KW6"/>
    <mergeCell ref="KX5:LH6"/>
    <mergeCell ref="LI5:LS6"/>
    <mergeCell ref="LT5:MD6"/>
    <mergeCell ref="ME5:MO6"/>
    <mergeCell ref="MP5:MZ6"/>
    <mergeCell ref="NA5:NK6"/>
    <mergeCell ref="NL5:NV6"/>
    <mergeCell ref="ME4:OG4"/>
    <mergeCell ref="LH7:LH8"/>
    <mergeCell ref="LI7:LK7"/>
    <mergeCell ref="KB7:KD7"/>
    <mergeCell ref="KE7:KK7"/>
    <mergeCell ref="KL7:KL8"/>
    <mergeCell ref="KM7:KO7"/>
    <mergeCell ref="KP7:KV7"/>
    <mergeCell ref="MP7:MR7"/>
    <mergeCell ref="MS7:MY7"/>
    <mergeCell ref="MZ7:MZ8"/>
    <mergeCell ref="NA7:NC7"/>
    <mergeCell ref="ND7:NJ7"/>
    <mergeCell ref="LW7:MC7"/>
    <mergeCell ref="MD7:MD8"/>
    <mergeCell ref="ME7:MG7"/>
    <mergeCell ref="MH7:MN7"/>
    <mergeCell ref="MO7:MO8"/>
    <mergeCell ref="NZ7:OF7"/>
    <mergeCell ref="OG7:OG8"/>
    <mergeCell ref="OH7:OJ7"/>
    <mergeCell ref="OK7:OQ7"/>
    <mergeCell ref="OR7:OR8"/>
    <mergeCell ref="NK7:NK8"/>
    <mergeCell ref="NL7:NN7"/>
    <mergeCell ref="NO7:NU7"/>
    <mergeCell ref="NV7:NV8"/>
    <mergeCell ref="NW7:NY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2" customWidth="1"/>
    <col min="2" max="2" width="8.21875" style="260" customWidth="1"/>
    <col min="3" max="4" width="10" style="260" customWidth="1"/>
    <col min="5" max="5" width="7.21875" style="260" customWidth="1"/>
    <col min="6" max="7" width="10" style="260" customWidth="1"/>
    <col min="8" max="8" width="9.88671875" style="260" customWidth="1"/>
    <col min="9" max="9" width="9.77734375" style="260" customWidth="1"/>
    <col min="10" max="10" width="9.88671875" style="260" customWidth="1"/>
    <col min="11" max="11" width="10.88671875" style="260" customWidth="1"/>
    <col min="12" max="12" width="11.109375" style="260" customWidth="1"/>
    <col min="13" max="15" width="8.21875" style="260" customWidth="1"/>
    <col min="16" max="16" width="7.21875" style="260" customWidth="1"/>
    <col min="17" max="17" width="10" style="260" customWidth="1"/>
    <col min="18" max="18" width="10.109375" style="260" customWidth="1"/>
    <col min="19" max="19" width="9.109375" style="260" customWidth="1"/>
    <col min="20" max="20" width="9.77734375" style="260" customWidth="1"/>
    <col min="21" max="21" width="10.33203125" style="260" customWidth="1"/>
    <col min="22" max="22" width="10.44140625" style="260" customWidth="1"/>
    <col min="23" max="23" width="11" style="260" customWidth="1"/>
    <col min="24" max="26" width="8.21875" style="260" customWidth="1"/>
    <col min="27" max="27" width="7" style="260" customWidth="1"/>
    <col min="28" max="32" width="8.21875" style="260" customWidth="1"/>
    <col min="33" max="33" width="10.6640625" style="260" customWidth="1"/>
    <col min="34" max="34" width="10" style="260" customWidth="1"/>
    <col min="35" max="37" width="8.21875" style="260" customWidth="1"/>
    <col min="38" max="38" width="7" style="260" customWidth="1"/>
    <col min="39" max="48" width="8.21875" style="260" customWidth="1"/>
    <col min="49" max="49" width="7.21875" style="260" customWidth="1"/>
    <col min="50" max="54" width="8.21875" style="260" customWidth="1"/>
    <col min="55" max="56" width="9.33203125" style="260" customWidth="1"/>
    <col min="57" max="59" width="8.21875" style="260" customWidth="1"/>
    <col min="60" max="60" width="6.88671875" style="260" customWidth="1"/>
    <col min="61" max="70" width="8.21875" style="260" customWidth="1"/>
    <col min="71" max="71" width="7.21875" style="260" customWidth="1"/>
    <col min="72" max="78" width="8.21875" style="260" customWidth="1"/>
    <col min="79" max="81" width="8.21875" style="262" customWidth="1"/>
    <col min="82" max="82" width="7.6640625" style="262" customWidth="1"/>
    <col min="83" max="83" width="9.88671875" style="262" customWidth="1"/>
    <col min="84" max="84" width="10" style="262" customWidth="1"/>
    <col min="85" max="85" width="9.77734375" style="262" customWidth="1"/>
    <col min="86" max="86" width="9.21875" style="262" customWidth="1"/>
    <col min="87" max="87" width="8.77734375" style="262" customWidth="1"/>
    <col min="88" max="88" width="9.88671875" style="262" customWidth="1"/>
    <col min="89" max="89" width="9.77734375" style="262" customWidth="1"/>
    <col min="90" max="92" width="8.21875" style="260" customWidth="1"/>
    <col min="93" max="93" width="7.33203125" style="260" customWidth="1"/>
    <col min="94" max="94" width="9.88671875" style="260" bestFit="1" customWidth="1"/>
    <col min="95" max="95" width="10" style="260" customWidth="1"/>
    <col min="96" max="96" width="9.6640625" style="260" customWidth="1"/>
    <col min="97" max="98" width="8.21875" style="260" customWidth="1"/>
    <col min="99" max="100" width="9.88671875" style="260" customWidth="1"/>
    <col min="101" max="103" width="8.21875" style="260" customWidth="1"/>
    <col min="104" max="104" width="7.44140625" style="260" customWidth="1"/>
    <col min="105" max="109" width="8.21875" style="260" customWidth="1"/>
    <col min="110" max="110" width="10" style="260" customWidth="1"/>
    <col min="111" max="111" width="9.88671875" style="260" customWidth="1"/>
    <col min="112" max="114" width="8.21875" style="262" customWidth="1"/>
    <col min="115" max="115" width="7.21875" style="262" customWidth="1"/>
    <col min="116" max="120" width="8.21875" style="262" customWidth="1"/>
    <col min="121" max="121" width="10.109375" style="262" customWidth="1"/>
    <col min="122" max="122" width="9.77734375" style="262" customWidth="1"/>
    <col min="123" max="125" width="8.21875" style="260" customWidth="1"/>
    <col min="126" max="126" width="7.33203125" style="260" customWidth="1"/>
    <col min="127" max="131" width="8.21875" style="260" customWidth="1"/>
    <col min="132" max="132" width="10.33203125" style="260" customWidth="1"/>
    <col min="133" max="133" width="10.109375" style="260" customWidth="1"/>
    <col min="134" max="136" width="8.21875" style="260" customWidth="1"/>
    <col min="137" max="137" width="7.109375" style="260" customWidth="1"/>
    <col min="138" max="147" width="8.21875" style="260" customWidth="1"/>
    <col min="148" max="148" width="7.21875" style="260" customWidth="1"/>
    <col min="149" max="158" width="8.21875" style="260" customWidth="1"/>
    <col min="159" max="159" width="7.21875" style="260" customWidth="1"/>
    <col min="160" max="166" width="8.21875" style="260" customWidth="1"/>
    <col min="167" max="169" width="8.21875" style="262" customWidth="1"/>
    <col min="170" max="170" width="6.6640625" style="262" customWidth="1"/>
    <col min="171" max="175" width="8.21875" style="262" customWidth="1"/>
    <col min="176" max="176" width="10.109375" style="262" customWidth="1"/>
    <col min="177" max="177" width="9.88671875" style="262" customWidth="1"/>
    <col min="178" max="180" width="8.21875" style="260" customWidth="1"/>
    <col min="181" max="181" width="7.33203125" style="260" customWidth="1"/>
    <col min="182" max="186" width="8.21875" style="260" customWidth="1"/>
    <col min="187" max="187" width="10" style="260" customWidth="1"/>
    <col min="188" max="188" width="10.6640625" style="260" customWidth="1"/>
    <col min="189" max="191" width="8.21875" style="260" customWidth="1"/>
    <col min="192" max="192" width="7.21875" style="260" customWidth="1"/>
    <col min="193" max="202" width="8.21875" style="260" customWidth="1"/>
    <col min="203" max="203" width="7.109375" style="260" customWidth="1"/>
    <col min="204" max="213" width="8.21875" style="260" customWidth="1"/>
    <col min="214" max="214" width="7.109375" style="260" customWidth="1"/>
    <col min="215" max="219" width="8.21875" style="260" customWidth="1"/>
    <col min="220" max="221" width="9.77734375" style="260" customWidth="1"/>
    <col min="222" max="224" width="8.21875" style="260" customWidth="1"/>
    <col min="225" max="225" width="7.21875" style="260" customWidth="1"/>
    <col min="226" max="230" width="8.21875" style="260" customWidth="1"/>
    <col min="231" max="232" width="10" style="260" customWidth="1"/>
    <col min="233" max="234" width="7.44140625" style="258" customWidth="1"/>
    <col min="235" max="235" width="9.33203125" style="258" customWidth="1"/>
    <col min="236" max="236" width="7.44140625" style="258" customWidth="1"/>
    <col min="237" max="243" width="10.109375" style="258" customWidth="1"/>
    <col min="244" max="246" width="10.109375" style="255" customWidth="1"/>
    <col min="247" max="247" width="7.109375" style="255" customWidth="1"/>
    <col min="248" max="257" width="10.109375" style="255" customWidth="1"/>
    <col min="258" max="258" width="7.33203125" style="255" customWidth="1"/>
    <col min="259" max="268" width="10.109375" style="255" customWidth="1"/>
    <col min="269" max="269" width="7.21875" style="255" customWidth="1"/>
    <col min="270" max="279" width="10.109375" style="255" customWidth="1"/>
    <col min="280" max="280" width="7.6640625" style="255" customWidth="1"/>
    <col min="281" max="290" width="10.109375" style="255" customWidth="1"/>
    <col min="291" max="291" width="6.33203125" style="255" customWidth="1"/>
    <col min="292" max="301" width="10.109375" style="255" customWidth="1"/>
    <col min="302" max="302" width="7.44140625" style="255" customWidth="1"/>
    <col min="303" max="309" width="10.109375" style="255" customWidth="1"/>
    <col min="310" max="312" width="10.109375" style="258" customWidth="1"/>
    <col min="313" max="313" width="7.109375" style="258" customWidth="1"/>
    <col min="314" max="323" width="10.109375" style="258" customWidth="1"/>
    <col min="324" max="324" width="7.44140625" style="258" customWidth="1"/>
    <col min="325" max="334" width="10.109375" style="258" customWidth="1"/>
    <col min="335" max="335" width="6.88671875" style="258" customWidth="1"/>
    <col min="336" max="342" width="10.109375" style="258" customWidth="1"/>
    <col min="343" max="345" width="10.109375" style="255" customWidth="1"/>
    <col min="346" max="346" width="7.21875" style="255" customWidth="1"/>
    <col min="347" max="356" width="10.109375" style="255" customWidth="1"/>
    <col min="357" max="357" width="7.21875" style="255" customWidth="1"/>
    <col min="358" max="367" width="10.109375" style="255" customWidth="1"/>
    <col min="368" max="368" width="7" style="255" customWidth="1"/>
    <col min="369" max="378" width="10.109375" style="255" customWidth="1"/>
    <col min="379" max="379" width="6.88671875" style="255" customWidth="1"/>
    <col min="380" max="384" width="10.109375" style="255" customWidth="1"/>
    <col min="385" max="386" width="10.33203125" style="255" customWidth="1"/>
    <col min="387" max="389" width="10.109375" style="255" customWidth="1"/>
    <col min="390" max="390" width="6.88671875" style="255" customWidth="1"/>
    <col min="391" max="395" width="10.109375" style="255" customWidth="1"/>
    <col min="396" max="397" width="10.33203125" style="255" customWidth="1"/>
    <col min="398" max="400" width="9.21875" style="255" customWidth="1"/>
    <col min="401" max="401" width="7" style="255" customWidth="1"/>
    <col min="402" max="403" width="9.21875" style="255" customWidth="1"/>
    <col min="404" max="404" width="10.44140625" style="255" customWidth="1"/>
    <col min="405" max="405" width="12.109375" style="255" customWidth="1"/>
    <col min="406" max="406" width="10.109375" style="255" customWidth="1"/>
    <col min="407" max="408" width="10.33203125" style="255" customWidth="1"/>
    <col min="409" max="16384" width="8.21875" style="42"/>
  </cols>
  <sheetData>
    <row r="1" spans="1:408" ht="21.75" customHeight="1" x14ac:dyDescent="0.2">
      <c r="A1" s="19" t="s">
        <v>136</v>
      </c>
      <c r="D1" s="256">
        <f>第１表!F2</f>
        <v>4</v>
      </c>
      <c r="E1" s="257">
        <f>第１表!G2</f>
        <v>1</v>
      </c>
      <c r="F1" s="622">
        <f>IF(E1&lt;3,E1-2+12,E1-2)</f>
        <v>11</v>
      </c>
      <c r="G1" s="622"/>
      <c r="IA1" s="256"/>
      <c r="IB1" s="259"/>
      <c r="IC1" s="612"/>
      <c r="ID1" s="612"/>
    </row>
    <row r="2" spans="1:408" ht="21.75" customHeight="1" x14ac:dyDescent="0.2">
      <c r="A2" s="19" t="s">
        <v>147</v>
      </c>
      <c r="D2" s="261"/>
      <c r="E2" s="257"/>
      <c r="F2" s="398"/>
      <c r="G2" s="398"/>
      <c r="IA2" s="263"/>
      <c r="IB2" s="259"/>
      <c r="IC2" s="264"/>
      <c r="ID2" s="264"/>
    </row>
    <row r="3" spans="1:408" ht="24" customHeight="1" thickBot="1" x14ac:dyDescent="0.25">
      <c r="A3" s="19" t="s">
        <v>137</v>
      </c>
    </row>
    <row r="4" spans="1:408" ht="19.5" customHeight="1" thickBot="1" x14ac:dyDescent="0.25">
      <c r="A4" s="661" t="s">
        <v>42</v>
      </c>
      <c r="B4" s="664" t="s">
        <v>63</v>
      </c>
      <c r="C4" s="664"/>
      <c r="D4" s="664"/>
      <c r="E4" s="664"/>
      <c r="F4" s="664"/>
      <c r="G4" s="664"/>
      <c r="H4" s="664"/>
      <c r="I4" s="664"/>
      <c r="J4" s="664"/>
      <c r="K4" s="664"/>
      <c r="L4" s="664"/>
      <c r="M4" s="667"/>
      <c r="N4" s="667"/>
      <c r="O4" s="667"/>
      <c r="P4" s="667"/>
      <c r="Q4" s="667"/>
      <c r="R4" s="667"/>
      <c r="S4" s="667"/>
      <c r="T4" s="667"/>
      <c r="U4" s="667"/>
      <c r="V4" s="667"/>
      <c r="W4" s="667"/>
      <c r="X4" s="667"/>
      <c r="Y4" s="667"/>
      <c r="Z4" s="667"/>
      <c r="AA4" s="667"/>
      <c r="AB4" s="667"/>
      <c r="AC4" s="667"/>
      <c r="AD4" s="667"/>
      <c r="AE4" s="667"/>
      <c r="AF4" s="667"/>
      <c r="AG4" s="667"/>
      <c r="AH4" s="667"/>
      <c r="AI4" s="667"/>
      <c r="AJ4" s="667"/>
      <c r="AK4" s="667"/>
      <c r="AL4" s="667"/>
      <c r="AM4" s="667"/>
      <c r="AN4" s="667"/>
      <c r="AO4" s="667"/>
      <c r="AP4" s="667"/>
      <c r="AQ4" s="667"/>
      <c r="AR4" s="667"/>
      <c r="AS4" s="667"/>
      <c r="AT4" s="667"/>
      <c r="AU4" s="667"/>
      <c r="AV4" s="667"/>
      <c r="AW4" s="667"/>
      <c r="AX4" s="667"/>
      <c r="AY4" s="667"/>
      <c r="AZ4" s="667"/>
      <c r="BA4" s="667"/>
      <c r="BB4" s="667"/>
      <c r="BC4" s="667"/>
      <c r="BD4" s="667"/>
      <c r="BE4" s="667"/>
      <c r="BF4" s="667"/>
      <c r="BG4" s="667"/>
      <c r="BH4" s="667"/>
      <c r="BI4" s="667"/>
      <c r="BJ4" s="667"/>
      <c r="BK4" s="667"/>
      <c r="BL4" s="667"/>
      <c r="BM4" s="667"/>
      <c r="BN4" s="667"/>
      <c r="BO4" s="667"/>
      <c r="BP4" s="667"/>
      <c r="BQ4" s="667"/>
      <c r="BR4" s="667"/>
      <c r="BS4" s="667"/>
      <c r="BT4" s="667"/>
      <c r="BU4" s="667"/>
      <c r="BV4" s="667"/>
      <c r="BW4" s="667"/>
      <c r="BX4" s="667"/>
      <c r="BY4" s="667"/>
      <c r="BZ4" s="667"/>
      <c r="CA4" s="667"/>
      <c r="CB4" s="667"/>
      <c r="CC4" s="667"/>
      <c r="CD4" s="667"/>
      <c r="CE4" s="667"/>
      <c r="CF4" s="667"/>
      <c r="CG4" s="667"/>
      <c r="CH4" s="667"/>
      <c r="CI4" s="667"/>
      <c r="CJ4" s="667"/>
      <c r="CK4" s="667"/>
      <c r="CL4" s="667"/>
      <c r="CM4" s="667"/>
      <c r="CN4" s="667"/>
      <c r="CO4" s="667"/>
      <c r="CP4" s="667"/>
      <c r="CQ4" s="667"/>
      <c r="CR4" s="667"/>
      <c r="CS4" s="667"/>
      <c r="CT4" s="667"/>
      <c r="CU4" s="667"/>
      <c r="CV4" s="667"/>
      <c r="CW4" s="667"/>
      <c r="CX4" s="667"/>
      <c r="CY4" s="667"/>
      <c r="CZ4" s="667"/>
      <c r="DA4" s="667"/>
      <c r="DB4" s="667"/>
      <c r="DC4" s="667"/>
      <c r="DD4" s="667"/>
      <c r="DE4" s="667"/>
      <c r="DF4" s="667"/>
      <c r="DG4" s="667"/>
      <c r="DH4" s="667"/>
      <c r="DI4" s="667"/>
      <c r="DJ4" s="667"/>
      <c r="DK4" s="667"/>
      <c r="DL4" s="667"/>
      <c r="DM4" s="667"/>
      <c r="DN4" s="667"/>
      <c r="DO4" s="667"/>
      <c r="DP4" s="667"/>
      <c r="DQ4" s="667"/>
      <c r="DR4" s="667"/>
      <c r="DS4" s="667"/>
      <c r="DT4" s="667"/>
      <c r="DU4" s="667"/>
      <c r="DV4" s="667"/>
      <c r="DW4" s="667"/>
      <c r="DX4" s="667"/>
      <c r="DY4" s="667"/>
      <c r="DZ4" s="667"/>
      <c r="EA4" s="667"/>
      <c r="EB4" s="667"/>
      <c r="EC4" s="667"/>
      <c r="ED4" s="667"/>
      <c r="EE4" s="667"/>
      <c r="EF4" s="667"/>
      <c r="EG4" s="667"/>
      <c r="EH4" s="667"/>
      <c r="EI4" s="667"/>
      <c r="EJ4" s="667"/>
      <c r="EK4" s="667"/>
      <c r="EL4" s="667"/>
      <c r="EM4" s="667"/>
      <c r="EN4" s="667"/>
      <c r="EO4" s="667"/>
      <c r="EP4" s="667"/>
      <c r="EQ4" s="667"/>
      <c r="ER4" s="667"/>
      <c r="ES4" s="667"/>
      <c r="ET4" s="667"/>
      <c r="EU4" s="667"/>
      <c r="EV4" s="667"/>
      <c r="EW4" s="667"/>
      <c r="EX4" s="667"/>
      <c r="EY4" s="667"/>
      <c r="EZ4" s="667"/>
      <c r="FA4" s="667"/>
      <c r="FB4" s="667"/>
      <c r="FC4" s="667"/>
      <c r="FD4" s="667"/>
      <c r="FE4" s="667"/>
      <c r="FF4" s="667"/>
      <c r="FG4" s="667"/>
      <c r="FH4" s="667"/>
      <c r="FI4" s="667"/>
      <c r="FJ4" s="667"/>
      <c r="FK4" s="667"/>
      <c r="FL4" s="667"/>
      <c r="FM4" s="667"/>
      <c r="FN4" s="667"/>
      <c r="FO4" s="667"/>
      <c r="FP4" s="667"/>
      <c r="FQ4" s="667"/>
      <c r="FR4" s="667"/>
      <c r="FS4" s="667"/>
      <c r="FT4" s="667"/>
      <c r="FU4" s="667"/>
      <c r="FV4" s="667"/>
      <c r="FW4" s="667"/>
      <c r="FX4" s="667"/>
      <c r="FY4" s="667"/>
      <c r="FZ4" s="667"/>
      <c r="GA4" s="667"/>
      <c r="GB4" s="667"/>
      <c r="GC4" s="667"/>
      <c r="GD4" s="667"/>
      <c r="GE4" s="667"/>
      <c r="GF4" s="667"/>
      <c r="GG4" s="667"/>
      <c r="GH4" s="667"/>
      <c r="GI4" s="667"/>
      <c r="GJ4" s="667"/>
      <c r="GK4" s="667"/>
      <c r="GL4" s="667"/>
      <c r="GM4" s="667"/>
      <c r="GN4" s="667"/>
      <c r="GO4" s="667"/>
      <c r="GP4" s="667"/>
      <c r="GQ4" s="667"/>
      <c r="GR4" s="667"/>
      <c r="GS4" s="667"/>
      <c r="GT4" s="667"/>
      <c r="GU4" s="667"/>
      <c r="GV4" s="667"/>
      <c r="GW4" s="667"/>
      <c r="GX4" s="667"/>
      <c r="GY4" s="667"/>
      <c r="GZ4" s="667"/>
      <c r="HA4" s="667"/>
      <c r="HB4" s="667"/>
      <c r="HC4" s="667"/>
      <c r="HD4" s="667"/>
      <c r="HE4" s="667"/>
      <c r="HF4" s="667"/>
      <c r="HG4" s="667"/>
      <c r="HH4" s="667"/>
      <c r="HI4" s="667"/>
      <c r="HJ4" s="667"/>
      <c r="HK4" s="667"/>
      <c r="HL4" s="667"/>
      <c r="HM4" s="667"/>
      <c r="HN4" s="667"/>
      <c r="HO4" s="667"/>
      <c r="HP4" s="667"/>
      <c r="HQ4" s="667"/>
      <c r="HR4" s="667"/>
      <c r="HS4" s="667"/>
      <c r="HT4" s="667"/>
      <c r="HU4" s="667"/>
      <c r="HV4" s="667"/>
      <c r="HW4" s="667"/>
      <c r="HX4" s="668"/>
      <c r="HY4" s="609" t="s">
        <v>85</v>
      </c>
      <c r="HZ4" s="610"/>
      <c r="IA4" s="610"/>
      <c r="IB4" s="610"/>
      <c r="IC4" s="610"/>
      <c r="ID4" s="610"/>
      <c r="IE4" s="610"/>
      <c r="IF4" s="610"/>
      <c r="IG4" s="610"/>
      <c r="IH4" s="610"/>
      <c r="II4" s="610"/>
      <c r="IJ4" s="610"/>
      <c r="IK4" s="610"/>
      <c r="IL4" s="610"/>
      <c r="IM4" s="610"/>
      <c r="IN4" s="610"/>
      <c r="IO4" s="610"/>
      <c r="IP4" s="610"/>
      <c r="IQ4" s="610"/>
      <c r="IR4" s="610"/>
      <c r="IS4" s="610"/>
      <c r="IT4" s="610"/>
      <c r="IU4" s="610"/>
      <c r="IV4" s="610"/>
      <c r="IW4" s="610"/>
      <c r="IX4" s="610"/>
      <c r="IY4" s="610"/>
      <c r="IZ4" s="610"/>
      <c r="JA4" s="610"/>
      <c r="JB4" s="610"/>
      <c r="JC4" s="610"/>
      <c r="JD4" s="610"/>
      <c r="JE4" s="610"/>
      <c r="JF4" s="610"/>
      <c r="JG4" s="610"/>
      <c r="JH4" s="610"/>
      <c r="JI4" s="610"/>
      <c r="JJ4" s="610"/>
      <c r="JK4" s="610"/>
      <c r="JL4" s="610"/>
      <c r="JM4" s="610"/>
      <c r="JN4" s="610"/>
      <c r="JO4" s="610"/>
      <c r="JP4" s="610"/>
      <c r="JQ4" s="610"/>
      <c r="JR4" s="610"/>
      <c r="JS4" s="610"/>
      <c r="JT4" s="610"/>
      <c r="JU4" s="610"/>
      <c r="JV4" s="610"/>
      <c r="JW4" s="610"/>
      <c r="JX4" s="610"/>
      <c r="JY4" s="610"/>
      <c r="JZ4" s="610"/>
      <c r="KA4" s="610"/>
      <c r="KB4" s="610"/>
      <c r="KC4" s="610"/>
      <c r="KD4" s="610"/>
      <c r="KE4" s="610"/>
      <c r="KF4" s="610"/>
      <c r="KG4" s="610"/>
      <c r="KH4" s="610"/>
      <c r="KI4" s="610"/>
      <c r="KJ4" s="610"/>
      <c r="KK4" s="610"/>
      <c r="KL4" s="610"/>
      <c r="KM4" s="610"/>
      <c r="KN4" s="610"/>
      <c r="KO4" s="610"/>
      <c r="KP4" s="610"/>
      <c r="KQ4" s="610"/>
      <c r="KR4" s="610"/>
      <c r="KS4" s="610"/>
      <c r="KT4" s="610"/>
      <c r="KU4" s="610"/>
      <c r="KV4" s="610"/>
      <c r="KW4" s="610"/>
      <c r="KX4" s="610"/>
      <c r="KY4" s="610"/>
      <c r="KZ4" s="610"/>
      <c r="LA4" s="610"/>
      <c r="LB4" s="610"/>
      <c r="LC4" s="610"/>
      <c r="LD4" s="610"/>
      <c r="LE4" s="610"/>
      <c r="LF4" s="610"/>
      <c r="LG4" s="610"/>
      <c r="LH4" s="610"/>
      <c r="LI4" s="610"/>
      <c r="LJ4" s="610"/>
      <c r="LK4" s="610"/>
      <c r="LL4" s="610"/>
      <c r="LM4" s="610"/>
      <c r="LN4" s="610"/>
      <c r="LO4" s="610"/>
      <c r="LP4" s="610"/>
      <c r="LQ4" s="610"/>
      <c r="LR4" s="610"/>
      <c r="LS4" s="610"/>
      <c r="LT4" s="610"/>
      <c r="LU4" s="610"/>
      <c r="LV4" s="610"/>
      <c r="LW4" s="610"/>
      <c r="LX4" s="610"/>
      <c r="LY4" s="610"/>
      <c r="LZ4" s="610"/>
      <c r="MA4" s="610"/>
      <c r="MB4" s="610"/>
      <c r="MC4" s="610"/>
      <c r="MD4" s="611"/>
      <c r="ME4" s="609" t="s">
        <v>86</v>
      </c>
      <c r="MF4" s="610"/>
      <c r="MG4" s="610"/>
      <c r="MH4" s="610"/>
      <c r="MI4" s="610"/>
      <c r="MJ4" s="610"/>
      <c r="MK4" s="610"/>
      <c r="ML4" s="610"/>
      <c r="MM4" s="610"/>
      <c r="MN4" s="610"/>
      <c r="MO4" s="610"/>
      <c r="MP4" s="610"/>
      <c r="MQ4" s="610"/>
      <c r="MR4" s="610"/>
      <c r="MS4" s="610"/>
      <c r="MT4" s="610"/>
      <c r="MU4" s="610"/>
      <c r="MV4" s="610"/>
      <c r="MW4" s="610"/>
      <c r="MX4" s="610"/>
      <c r="MY4" s="610"/>
      <c r="MZ4" s="610"/>
      <c r="NA4" s="610"/>
      <c r="NB4" s="610"/>
      <c r="NC4" s="610"/>
      <c r="ND4" s="610"/>
      <c r="NE4" s="610"/>
      <c r="NF4" s="610"/>
      <c r="NG4" s="610"/>
      <c r="NH4" s="610"/>
      <c r="NI4" s="610"/>
      <c r="NJ4" s="610"/>
      <c r="NK4" s="610"/>
      <c r="NL4" s="610"/>
      <c r="NM4" s="610"/>
      <c r="NN4" s="610"/>
      <c r="NO4" s="610"/>
      <c r="NP4" s="610"/>
      <c r="NQ4" s="610"/>
      <c r="NR4" s="610"/>
      <c r="NS4" s="610"/>
      <c r="NT4" s="610"/>
      <c r="NU4" s="610"/>
      <c r="NV4" s="610"/>
      <c r="NW4" s="610"/>
      <c r="NX4" s="610"/>
      <c r="NY4" s="610"/>
      <c r="NZ4" s="610"/>
      <c r="OA4" s="610"/>
      <c r="OB4" s="610"/>
      <c r="OC4" s="610"/>
      <c r="OD4" s="610"/>
      <c r="OE4" s="610"/>
      <c r="OF4" s="610"/>
      <c r="OG4" s="611"/>
      <c r="OH4" s="579" t="s">
        <v>60</v>
      </c>
      <c r="OI4" s="580"/>
      <c r="OJ4" s="580"/>
      <c r="OK4" s="580"/>
      <c r="OL4" s="580"/>
      <c r="OM4" s="580"/>
      <c r="ON4" s="580"/>
      <c r="OO4" s="580"/>
      <c r="OP4" s="580"/>
      <c r="OQ4" s="580"/>
      <c r="OR4" s="581"/>
    </row>
    <row r="5" spans="1:408" ht="19.5" customHeight="1" thickBot="1" x14ac:dyDescent="0.25">
      <c r="A5" s="662"/>
      <c r="B5" s="665"/>
      <c r="C5" s="665"/>
      <c r="D5" s="665"/>
      <c r="E5" s="665"/>
      <c r="F5" s="665"/>
      <c r="G5" s="665"/>
      <c r="H5" s="665"/>
      <c r="I5" s="665"/>
      <c r="J5" s="665"/>
      <c r="K5" s="665"/>
      <c r="L5" s="665"/>
      <c r="M5" s="669" t="s">
        <v>64</v>
      </c>
      <c r="N5" s="670"/>
      <c r="O5" s="670"/>
      <c r="P5" s="670"/>
      <c r="Q5" s="670"/>
      <c r="R5" s="670"/>
      <c r="S5" s="670"/>
      <c r="T5" s="670"/>
      <c r="U5" s="670"/>
      <c r="V5" s="670"/>
      <c r="W5" s="670"/>
      <c r="X5" s="670"/>
      <c r="Y5" s="670"/>
      <c r="Z5" s="670"/>
      <c r="AA5" s="670"/>
      <c r="AB5" s="670"/>
      <c r="AC5" s="670"/>
      <c r="AD5" s="670"/>
      <c r="AE5" s="670"/>
      <c r="AF5" s="670"/>
      <c r="AG5" s="670"/>
      <c r="AH5" s="670"/>
      <c r="AI5" s="670"/>
      <c r="AJ5" s="670"/>
      <c r="AK5" s="670"/>
      <c r="AL5" s="670"/>
      <c r="AM5" s="670"/>
      <c r="AN5" s="670"/>
      <c r="AO5" s="670"/>
      <c r="AP5" s="670"/>
      <c r="AQ5" s="670"/>
      <c r="AR5" s="670"/>
      <c r="AS5" s="670"/>
      <c r="AT5" s="670"/>
      <c r="AU5" s="670"/>
      <c r="AV5" s="670"/>
      <c r="AW5" s="670"/>
      <c r="AX5" s="670"/>
      <c r="AY5" s="670"/>
      <c r="AZ5" s="670"/>
      <c r="BA5" s="670"/>
      <c r="BB5" s="670"/>
      <c r="BC5" s="670"/>
      <c r="BD5" s="670"/>
      <c r="BE5" s="670"/>
      <c r="BF5" s="670"/>
      <c r="BG5" s="670"/>
      <c r="BH5" s="670"/>
      <c r="BI5" s="670"/>
      <c r="BJ5" s="670"/>
      <c r="BK5" s="670"/>
      <c r="BL5" s="670"/>
      <c r="BM5" s="670"/>
      <c r="BN5" s="670"/>
      <c r="BO5" s="670"/>
      <c r="BP5" s="670"/>
      <c r="BQ5" s="670"/>
      <c r="BR5" s="670"/>
      <c r="BS5" s="670"/>
      <c r="BT5" s="670"/>
      <c r="BU5" s="670"/>
      <c r="BV5" s="670"/>
      <c r="BW5" s="670"/>
      <c r="BX5" s="670"/>
      <c r="BY5" s="670"/>
      <c r="BZ5" s="671"/>
      <c r="CA5" s="669" t="s">
        <v>65</v>
      </c>
      <c r="CB5" s="670"/>
      <c r="CC5" s="670"/>
      <c r="CD5" s="670"/>
      <c r="CE5" s="670"/>
      <c r="CF5" s="670"/>
      <c r="CG5" s="670"/>
      <c r="CH5" s="670"/>
      <c r="CI5" s="670"/>
      <c r="CJ5" s="670"/>
      <c r="CK5" s="670"/>
      <c r="CL5" s="670"/>
      <c r="CM5" s="670"/>
      <c r="CN5" s="670"/>
      <c r="CO5" s="670"/>
      <c r="CP5" s="670"/>
      <c r="CQ5" s="670"/>
      <c r="CR5" s="670"/>
      <c r="CS5" s="670"/>
      <c r="CT5" s="670"/>
      <c r="CU5" s="670"/>
      <c r="CV5" s="670"/>
      <c r="CW5" s="670"/>
      <c r="CX5" s="670"/>
      <c r="CY5" s="670"/>
      <c r="CZ5" s="670"/>
      <c r="DA5" s="670"/>
      <c r="DB5" s="670"/>
      <c r="DC5" s="670"/>
      <c r="DD5" s="670"/>
      <c r="DE5" s="670"/>
      <c r="DF5" s="670"/>
      <c r="DG5" s="671"/>
      <c r="DH5" s="658" t="s">
        <v>66</v>
      </c>
      <c r="DI5" s="659"/>
      <c r="DJ5" s="659"/>
      <c r="DK5" s="659"/>
      <c r="DL5" s="659"/>
      <c r="DM5" s="659"/>
      <c r="DN5" s="659"/>
      <c r="DO5" s="659"/>
      <c r="DP5" s="659"/>
      <c r="DQ5" s="659"/>
      <c r="DR5" s="659"/>
      <c r="DS5" s="659"/>
      <c r="DT5" s="659"/>
      <c r="DU5" s="659"/>
      <c r="DV5" s="659"/>
      <c r="DW5" s="659"/>
      <c r="DX5" s="659"/>
      <c r="DY5" s="659"/>
      <c r="DZ5" s="659"/>
      <c r="EA5" s="659"/>
      <c r="EB5" s="659"/>
      <c r="EC5" s="659"/>
      <c r="ED5" s="659"/>
      <c r="EE5" s="659"/>
      <c r="EF5" s="659"/>
      <c r="EG5" s="659"/>
      <c r="EH5" s="659"/>
      <c r="EI5" s="659"/>
      <c r="EJ5" s="659"/>
      <c r="EK5" s="659"/>
      <c r="EL5" s="659"/>
      <c r="EM5" s="659"/>
      <c r="EN5" s="659"/>
      <c r="EO5" s="659"/>
      <c r="EP5" s="659"/>
      <c r="EQ5" s="659"/>
      <c r="ER5" s="659"/>
      <c r="ES5" s="659"/>
      <c r="ET5" s="659"/>
      <c r="EU5" s="659"/>
      <c r="EV5" s="659"/>
      <c r="EW5" s="659"/>
      <c r="EX5" s="659"/>
      <c r="EY5" s="659"/>
      <c r="EZ5" s="659"/>
      <c r="FA5" s="659"/>
      <c r="FB5" s="659"/>
      <c r="FC5" s="659"/>
      <c r="FD5" s="659"/>
      <c r="FE5" s="659"/>
      <c r="FF5" s="659"/>
      <c r="FG5" s="659"/>
      <c r="FH5" s="659"/>
      <c r="FI5" s="659"/>
      <c r="FJ5" s="660"/>
      <c r="FK5" s="669" t="s">
        <v>67</v>
      </c>
      <c r="FL5" s="670"/>
      <c r="FM5" s="670"/>
      <c r="FN5" s="670"/>
      <c r="FO5" s="670"/>
      <c r="FP5" s="670"/>
      <c r="FQ5" s="670"/>
      <c r="FR5" s="670"/>
      <c r="FS5" s="670"/>
      <c r="FT5" s="670"/>
      <c r="FU5" s="670"/>
      <c r="FV5" s="670"/>
      <c r="FW5" s="670"/>
      <c r="FX5" s="670"/>
      <c r="FY5" s="670"/>
      <c r="FZ5" s="670"/>
      <c r="GA5" s="670"/>
      <c r="GB5" s="670"/>
      <c r="GC5" s="670"/>
      <c r="GD5" s="670"/>
      <c r="GE5" s="670"/>
      <c r="GF5" s="670"/>
      <c r="GG5" s="670"/>
      <c r="GH5" s="670"/>
      <c r="GI5" s="670"/>
      <c r="GJ5" s="670"/>
      <c r="GK5" s="670"/>
      <c r="GL5" s="670"/>
      <c r="GM5" s="670"/>
      <c r="GN5" s="670"/>
      <c r="GO5" s="670"/>
      <c r="GP5" s="670"/>
      <c r="GQ5" s="670"/>
      <c r="GR5" s="670"/>
      <c r="GS5" s="670"/>
      <c r="GT5" s="670"/>
      <c r="GU5" s="670"/>
      <c r="GV5" s="670"/>
      <c r="GW5" s="670"/>
      <c r="GX5" s="670"/>
      <c r="GY5" s="670"/>
      <c r="GZ5" s="670"/>
      <c r="HA5" s="670"/>
      <c r="HB5" s="671"/>
      <c r="HC5" s="672" t="s">
        <v>68</v>
      </c>
      <c r="HD5" s="673"/>
      <c r="HE5" s="673"/>
      <c r="HF5" s="673"/>
      <c r="HG5" s="673"/>
      <c r="HH5" s="673"/>
      <c r="HI5" s="673"/>
      <c r="HJ5" s="673"/>
      <c r="HK5" s="673"/>
      <c r="HL5" s="673"/>
      <c r="HM5" s="674"/>
      <c r="HN5" s="672" t="s">
        <v>69</v>
      </c>
      <c r="HO5" s="673"/>
      <c r="HP5" s="673"/>
      <c r="HQ5" s="673"/>
      <c r="HR5" s="673"/>
      <c r="HS5" s="673"/>
      <c r="HT5" s="673"/>
      <c r="HU5" s="673"/>
      <c r="HV5" s="673"/>
      <c r="HW5" s="673"/>
      <c r="HX5" s="674"/>
      <c r="HY5" s="588"/>
      <c r="HZ5" s="589"/>
      <c r="IA5" s="589"/>
      <c r="IB5" s="589"/>
      <c r="IC5" s="589"/>
      <c r="ID5" s="589"/>
      <c r="IE5" s="589"/>
      <c r="IF5" s="589"/>
      <c r="IG5" s="589"/>
      <c r="IH5" s="589"/>
      <c r="II5" s="590"/>
      <c r="IJ5" s="579" t="s">
        <v>94</v>
      </c>
      <c r="IK5" s="580"/>
      <c r="IL5" s="580"/>
      <c r="IM5" s="580"/>
      <c r="IN5" s="580"/>
      <c r="IO5" s="580"/>
      <c r="IP5" s="580"/>
      <c r="IQ5" s="580"/>
      <c r="IR5" s="580"/>
      <c r="IS5" s="580"/>
      <c r="IT5" s="581"/>
      <c r="IU5" s="579" t="s">
        <v>88</v>
      </c>
      <c r="IV5" s="580"/>
      <c r="IW5" s="580"/>
      <c r="IX5" s="580"/>
      <c r="IY5" s="580"/>
      <c r="IZ5" s="580"/>
      <c r="JA5" s="580"/>
      <c r="JB5" s="580"/>
      <c r="JC5" s="580"/>
      <c r="JD5" s="580"/>
      <c r="JE5" s="581"/>
      <c r="JF5" s="594" t="s">
        <v>144</v>
      </c>
      <c r="JG5" s="595"/>
      <c r="JH5" s="595"/>
      <c r="JI5" s="595"/>
      <c r="JJ5" s="595"/>
      <c r="JK5" s="595"/>
      <c r="JL5" s="595"/>
      <c r="JM5" s="595"/>
      <c r="JN5" s="595"/>
      <c r="JO5" s="595"/>
      <c r="JP5" s="596"/>
      <c r="JQ5" s="579" t="s">
        <v>90</v>
      </c>
      <c r="JR5" s="580"/>
      <c r="JS5" s="580"/>
      <c r="JT5" s="580"/>
      <c r="JU5" s="580"/>
      <c r="JV5" s="580"/>
      <c r="JW5" s="580"/>
      <c r="JX5" s="580"/>
      <c r="JY5" s="580"/>
      <c r="JZ5" s="580"/>
      <c r="KA5" s="581"/>
      <c r="KB5" s="579" t="s">
        <v>89</v>
      </c>
      <c r="KC5" s="580"/>
      <c r="KD5" s="580"/>
      <c r="KE5" s="580"/>
      <c r="KF5" s="580"/>
      <c r="KG5" s="580"/>
      <c r="KH5" s="580"/>
      <c r="KI5" s="580"/>
      <c r="KJ5" s="580"/>
      <c r="KK5" s="580"/>
      <c r="KL5" s="581"/>
      <c r="KM5" s="579" t="s">
        <v>91</v>
      </c>
      <c r="KN5" s="580"/>
      <c r="KO5" s="580"/>
      <c r="KP5" s="580"/>
      <c r="KQ5" s="580"/>
      <c r="KR5" s="580"/>
      <c r="KS5" s="580"/>
      <c r="KT5" s="580"/>
      <c r="KU5" s="580"/>
      <c r="KV5" s="580"/>
      <c r="KW5" s="581"/>
      <c r="KX5" s="579" t="s">
        <v>92</v>
      </c>
      <c r="KY5" s="580"/>
      <c r="KZ5" s="580"/>
      <c r="LA5" s="580"/>
      <c r="LB5" s="580"/>
      <c r="LC5" s="580"/>
      <c r="LD5" s="580"/>
      <c r="LE5" s="580"/>
      <c r="LF5" s="580"/>
      <c r="LG5" s="580"/>
      <c r="LH5" s="581"/>
      <c r="LI5" s="600" t="s">
        <v>93</v>
      </c>
      <c r="LJ5" s="601"/>
      <c r="LK5" s="601"/>
      <c r="LL5" s="601"/>
      <c r="LM5" s="601"/>
      <c r="LN5" s="601"/>
      <c r="LO5" s="601"/>
      <c r="LP5" s="601"/>
      <c r="LQ5" s="601"/>
      <c r="LR5" s="601"/>
      <c r="LS5" s="602"/>
      <c r="LT5" s="603" t="s">
        <v>145</v>
      </c>
      <c r="LU5" s="604"/>
      <c r="LV5" s="604"/>
      <c r="LW5" s="604"/>
      <c r="LX5" s="604"/>
      <c r="LY5" s="604"/>
      <c r="LZ5" s="604"/>
      <c r="MA5" s="604"/>
      <c r="MB5" s="604"/>
      <c r="MC5" s="604"/>
      <c r="MD5" s="605"/>
      <c r="ME5" s="588"/>
      <c r="MF5" s="589"/>
      <c r="MG5" s="589"/>
      <c r="MH5" s="589"/>
      <c r="MI5" s="589"/>
      <c r="MJ5" s="589"/>
      <c r="MK5" s="589"/>
      <c r="ML5" s="589"/>
      <c r="MM5" s="589"/>
      <c r="MN5" s="589"/>
      <c r="MO5" s="590"/>
      <c r="MP5" s="579" t="s">
        <v>57</v>
      </c>
      <c r="MQ5" s="580"/>
      <c r="MR5" s="580"/>
      <c r="MS5" s="580"/>
      <c r="MT5" s="580"/>
      <c r="MU5" s="580"/>
      <c r="MV5" s="580"/>
      <c r="MW5" s="580"/>
      <c r="MX5" s="580"/>
      <c r="MY5" s="580"/>
      <c r="MZ5" s="581"/>
      <c r="NA5" s="579" t="s">
        <v>58</v>
      </c>
      <c r="NB5" s="580"/>
      <c r="NC5" s="580"/>
      <c r="ND5" s="580"/>
      <c r="NE5" s="580"/>
      <c r="NF5" s="580"/>
      <c r="NG5" s="580"/>
      <c r="NH5" s="580"/>
      <c r="NI5" s="580"/>
      <c r="NJ5" s="580"/>
      <c r="NK5" s="581"/>
      <c r="NL5" s="579" t="s">
        <v>59</v>
      </c>
      <c r="NM5" s="580"/>
      <c r="NN5" s="580"/>
      <c r="NO5" s="580"/>
      <c r="NP5" s="580"/>
      <c r="NQ5" s="580"/>
      <c r="NR5" s="580"/>
      <c r="NS5" s="580"/>
      <c r="NT5" s="580"/>
      <c r="NU5" s="580"/>
      <c r="NV5" s="581"/>
      <c r="NW5" s="613" t="s">
        <v>151</v>
      </c>
      <c r="NX5" s="614"/>
      <c r="NY5" s="614"/>
      <c r="NZ5" s="614"/>
      <c r="OA5" s="614"/>
      <c r="OB5" s="614"/>
      <c r="OC5" s="614"/>
      <c r="OD5" s="614"/>
      <c r="OE5" s="614"/>
      <c r="OF5" s="614"/>
      <c r="OG5" s="615"/>
      <c r="OH5" s="582"/>
      <c r="OI5" s="583"/>
      <c r="OJ5" s="583"/>
      <c r="OK5" s="583"/>
      <c r="OL5" s="583"/>
      <c r="OM5" s="583"/>
      <c r="ON5" s="583"/>
      <c r="OO5" s="583"/>
      <c r="OP5" s="583"/>
      <c r="OQ5" s="583"/>
      <c r="OR5" s="584"/>
    </row>
    <row r="6" spans="1:408" ht="19.5" customHeight="1" thickBot="1" x14ac:dyDescent="0.25">
      <c r="A6" s="662"/>
      <c r="B6" s="666"/>
      <c r="C6" s="666"/>
      <c r="D6" s="666"/>
      <c r="E6" s="666"/>
      <c r="F6" s="666"/>
      <c r="G6" s="666"/>
      <c r="H6" s="666"/>
      <c r="I6" s="666"/>
      <c r="J6" s="666"/>
      <c r="K6" s="666"/>
      <c r="L6" s="666"/>
      <c r="M6" s="681"/>
      <c r="N6" s="682"/>
      <c r="O6" s="682"/>
      <c r="P6" s="682"/>
      <c r="Q6" s="682"/>
      <c r="R6" s="682"/>
      <c r="S6" s="682"/>
      <c r="T6" s="682"/>
      <c r="U6" s="682"/>
      <c r="V6" s="682"/>
      <c r="W6" s="683"/>
      <c r="X6" s="684" t="s">
        <v>70</v>
      </c>
      <c r="Y6" s="685"/>
      <c r="Z6" s="685"/>
      <c r="AA6" s="685"/>
      <c r="AB6" s="685"/>
      <c r="AC6" s="685"/>
      <c r="AD6" s="685"/>
      <c r="AE6" s="685"/>
      <c r="AF6" s="685"/>
      <c r="AG6" s="685"/>
      <c r="AH6" s="686"/>
      <c r="AI6" s="678" t="s">
        <v>71</v>
      </c>
      <c r="AJ6" s="679"/>
      <c r="AK6" s="679"/>
      <c r="AL6" s="679"/>
      <c r="AM6" s="679"/>
      <c r="AN6" s="679"/>
      <c r="AO6" s="679"/>
      <c r="AP6" s="679"/>
      <c r="AQ6" s="679"/>
      <c r="AR6" s="679"/>
      <c r="AS6" s="680"/>
      <c r="AT6" s="678" t="s">
        <v>72</v>
      </c>
      <c r="AU6" s="679"/>
      <c r="AV6" s="679"/>
      <c r="AW6" s="679"/>
      <c r="AX6" s="679"/>
      <c r="AY6" s="679"/>
      <c r="AZ6" s="679"/>
      <c r="BA6" s="679"/>
      <c r="BB6" s="679"/>
      <c r="BC6" s="679"/>
      <c r="BD6" s="680"/>
      <c r="BE6" s="678" t="s">
        <v>73</v>
      </c>
      <c r="BF6" s="679"/>
      <c r="BG6" s="679"/>
      <c r="BH6" s="679"/>
      <c r="BI6" s="679"/>
      <c r="BJ6" s="679"/>
      <c r="BK6" s="679"/>
      <c r="BL6" s="679"/>
      <c r="BM6" s="679"/>
      <c r="BN6" s="679"/>
      <c r="BO6" s="680"/>
      <c r="BP6" s="678" t="s">
        <v>74</v>
      </c>
      <c r="BQ6" s="679"/>
      <c r="BR6" s="679"/>
      <c r="BS6" s="679"/>
      <c r="BT6" s="679"/>
      <c r="BU6" s="679"/>
      <c r="BV6" s="679"/>
      <c r="BW6" s="679"/>
      <c r="BX6" s="679"/>
      <c r="BY6" s="679"/>
      <c r="BZ6" s="680"/>
      <c r="CA6" s="687"/>
      <c r="CB6" s="688"/>
      <c r="CC6" s="688"/>
      <c r="CD6" s="688"/>
      <c r="CE6" s="688"/>
      <c r="CF6" s="688"/>
      <c r="CG6" s="688"/>
      <c r="CH6" s="688"/>
      <c r="CI6" s="688"/>
      <c r="CJ6" s="688"/>
      <c r="CK6" s="689"/>
      <c r="CL6" s="678" t="s">
        <v>75</v>
      </c>
      <c r="CM6" s="679"/>
      <c r="CN6" s="679"/>
      <c r="CO6" s="679"/>
      <c r="CP6" s="679"/>
      <c r="CQ6" s="679"/>
      <c r="CR6" s="679"/>
      <c r="CS6" s="679"/>
      <c r="CT6" s="679"/>
      <c r="CU6" s="679"/>
      <c r="CV6" s="680"/>
      <c r="CW6" s="678" t="s">
        <v>76</v>
      </c>
      <c r="CX6" s="679"/>
      <c r="CY6" s="679"/>
      <c r="CZ6" s="679"/>
      <c r="DA6" s="679"/>
      <c r="DB6" s="679"/>
      <c r="DC6" s="679"/>
      <c r="DD6" s="679"/>
      <c r="DE6" s="679"/>
      <c r="DF6" s="679"/>
      <c r="DG6" s="680"/>
      <c r="DH6" s="687"/>
      <c r="DI6" s="688"/>
      <c r="DJ6" s="688"/>
      <c r="DK6" s="688"/>
      <c r="DL6" s="688"/>
      <c r="DM6" s="688"/>
      <c r="DN6" s="688"/>
      <c r="DO6" s="688"/>
      <c r="DP6" s="688"/>
      <c r="DQ6" s="688"/>
      <c r="DR6" s="688"/>
      <c r="DS6" s="678" t="s">
        <v>77</v>
      </c>
      <c r="DT6" s="679"/>
      <c r="DU6" s="679"/>
      <c r="DV6" s="679"/>
      <c r="DW6" s="679"/>
      <c r="DX6" s="679"/>
      <c r="DY6" s="679"/>
      <c r="DZ6" s="679"/>
      <c r="EA6" s="679"/>
      <c r="EB6" s="679"/>
      <c r="EC6" s="680"/>
      <c r="ED6" s="678" t="s">
        <v>78</v>
      </c>
      <c r="EE6" s="679"/>
      <c r="EF6" s="679"/>
      <c r="EG6" s="679"/>
      <c r="EH6" s="679"/>
      <c r="EI6" s="679"/>
      <c r="EJ6" s="679"/>
      <c r="EK6" s="679"/>
      <c r="EL6" s="679"/>
      <c r="EM6" s="679"/>
      <c r="EN6" s="680"/>
      <c r="EO6" s="678" t="s">
        <v>79</v>
      </c>
      <c r="EP6" s="679"/>
      <c r="EQ6" s="679"/>
      <c r="ER6" s="679"/>
      <c r="ES6" s="679"/>
      <c r="ET6" s="679"/>
      <c r="EU6" s="679"/>
      <c r="EV6" s="679"/>
      <c r="EW6" s="679"/>
      <c r="EX6" s="679"/>
      <c r="EY6" s="680"/>
      <c r="EZ6" s="657" t="s">
        <v>152</v>
      </c>
      <c r="FA6" s="679"/>
      <c r="FB6" s="679"/>
      <c r="FC6" s="679"/>
      <c r="FD6" s="679"/>
      <c r="FE6" s="679"/>
      <c r="FF6" s="679"/>
      <c r="FG6" s="679"/>
      <c r="FH6" s="679"/>
      <c r="FI6" s="679"/>
      <c r="FJ6" s="680"/>
      <c r="FK6" s="687"/>
      <c r="FL6" s="688"/>
      <c r="FM6" s="688"/>
      <c r="FN6" s="688"/>
      <c r="FO6" s="688"/>
      <c r="FP6" s="688"/>
      <c r="FQ6" s="688"/>
      <c r="FR6" s="688"/>
      <c r="FS6" s="688"/>
      <c r="FT6" s="688"/>
      <c r="FU6" s="688"/>
      <c r="FV6" s="678" t="s">
        <v>80</v>
      </c>
      <c r="FW6" s="679"/>
      <c r="FX6" s="679"/>
      <c r="FY6" s="679"/>
      <c r="FZ6" s="679"/>
      <c r="GA6" s="679"/>
      <c r="GB6" s="679"/>
      <c r="GC6" s="679"/>
      <c r="GD6" s="679"/>
      <c r="GE6" s="679"/>
      <c r="GF6" s="680"/>
      <c r="GG6" s="684" t="s">
        <v>81</v>
      </c>
      <c r="GH6" s="685"/>
      <c r="GI6" s="685"/>
      <c r="GJ6" s="685"/>
      <c r="GK6" s="685"/>
      <c r="GL6" s="685"/>
      <c r="GM6" s="685"/>
      <c r="GN6" s="685"/>
      <c r="GO6" s="685"/>
      <c r="GP6" s="685"/>
      <c r="GQ6" s="686"/>
      <c r="GR6" s="684" t="s">
        <v>82</v>
      </c>
      <c r="GS6" s="685"/>
      <c r="GT6" s="685"/>
      <c r="GU6" s="685"/>
      <c r="GV6" s="685"/>
      <c r="GW6" s="685"/>
      <c r="GX6" s="685"/>
      <c r="GY6" s="685"/>
      <c r="GZ6" s="685"/>
      <c r="HA6" s="685"/>
      <c r="HB6" s="686"/>
      <c r="HC6" s="675"/>
      <c r="HD6" s="676"/>
      <c r="HE6" s="676"/>
      <c r="HF6" s="676"/>
      <c r="HG6" s="676"/>
      <c r="HH6" s="676"/>
      <c r="HI6" s="676"/>
      <c r="HJ6" s="676"/>
      <c r="HK6" s="676"/>
      <c r="HL6" s="676"/>
      <c r="HM6" s="677"/>
      <c r="HN6" s="675"/>
      <c r="HO6" s="676"/>
      <c r="HP6" s="676"/>
      <c r="HQ6" s="676"/>
      <c r="HR6" s="676"/>
      <c r="HS6" s="676"/>
      <c r="HT6" s="676"/>
      <c r="HU6" s="676"/>
      <c r="HV6" s="676"/>
      <c r="HW6" s="676"/>
      <c r="HX6" s="677"/>
      <c r="HY6" s="591"/>
      <c r="HZ6" s="592"/>
      <c r="IA6" s="592"/>
      <c r="IB6" s="592"/>
      <c r="IC6" s="592"/>
      <c r="ID6" s="592"/>
      <c r="IE6" s="592"/>
      <c r="IF6" s="592"/>
      <c r="IG6" s="592"/>
      <c r="IH6" s="592"/>
      <c r="II6" s="593"/>
      <c r="IJ6" s="585"/>
      <c r="IK6" s="586"/>
      <c r="IL6" s="586"/>
      <c r="IM6" s="586"/>
      <c r="IN6" s="586"/>
      <c r="IO6" s="586"/>
      <c r="IP6" s="586"/>
      <c r="IQ6" s="586"/>
      <c r="IR6" s="586"/>
      <c r="IS6" s="586"/>
      <c r="IT6" s="587"/>
      <c r="IU6" s="585"/>
      <c r="IV6" s="586"/>
      <c r="IW6" s="586"/>
      <c r="IX6" s="586"/>
      <c r="IY6" s="586"/>
      <c r="IZ6" s="586"/>
      <c r="JA6" s="586"/>
      <c r="JB6" s="586"/>
      <c r="JC6" s="586"/>
      <c r="JD6" s="586"/>
      <c r="JE6" s="587"/>
      <c r="JF6" s="597"/>
      <c r="JG6" s="598"/>
      <c r="JH6" s="598"/>
      <c r="JI6" s="598"/>
      <c r="JJ6" s="598"/>
      <c r="JK6" s="598"/>
      <c r="JL6" s="598"/>
      <c r="JM6" s="598"/>
      <c r="JN6" s="598"/>
      <c r="JO6" s="598"/>
      <c r="JP6" s="599"/>
      <c r="JQ6" s="585"/>
      <c r="JR6" s="586"/>
      <c r="JS6" s="586"/>
      <c r="JT6" s="586"/>
      <c r="JU6" s="586"/>
      <c r="JV6" s="586"/>
      <c r="JW6" s="586"/>
      <c r="JX6" s="586"/>
      <c r="JY6" s="586"/>
      <c r="JZ6" s="586"/>
      <c r="KA6" s="587"/>
      <c r="KB6" s="585"/>
      <c r="KC6" s="586"/>
      <c r="KD6" s="586"/>
      <c r="KE6" s="586"/>
      <c r="KF6" s="586"/>
      <c r="KG6" s="586"/>
      <c r="KH6" s="586"/>
      <c r="KI6" s="586"/>
      <c r="KJ6" s="586"/>
      <c r="KK6" s="586"/>
      <c r="KL6" s="587"/>
      <c r="KM6" s="585"/>
      <c r="KN6" s="586"/>
      <c r="KO6" s="586"/>
      <c r="KP6" s="586"/>
      <c r="KQ6" s="586"/>
      <c r="KR6" s="586"/>
      <c r="KS6" s="586"/>
      <c r="KT6" s="586"/>
      <c r="KU6" s="586"/>
      <c r="KV6" s="586"/>
      <c r="KW6" s="587"/>
      <c r="KX6" s="585"/>
      <c r="KY6" s="586"/>
      <c r="KZ6" s="586"/>
      <c r="LA6" s="586"/>
      <c r="LB6" s="586"/>
      <c r="LC6" s="586"/>
      <c r="LD6" s="586"/>
      <c r="LE6" s="586"/>
      <c r="LF6" s="586"/>
      <c r="LG6" s="586"/>
      <c r="LH6" s="587"/>
      <c r="LI6" s="591"/>
      <c r="LJ6" s="592"/>
      <c r="LK6" s="592"/>
      <c r="LL6" s="592"/>
      <c r="LM6" s="592"/>
      <c r="LN6" s="592"/>
      <c r="LO6" s="592"/>
      <c r="LP6" s="592"/>
      <c r="LQ6" s="592"/>
      <c r="LR6" s="592"/>
      <c r="LS6" s="593"/>
      <c r="LT6" s="606"/>
      <c r="LU6" s="607"/>
      <c r="LV6" s="607"/>
      <c r="LW6" s="607"/>
      <c r="LX6" s="607"/>
      <c r="LY6" s="607"/>
      <c r="LZ6" s="607"/>
      <c r="MA6" s="607"/>
      <c r="MB6" s="607"/>
      <c r="MC6" s="607"/>
      <c r="MD6" s="608"/>
      <c r="ME6" s="591"/>
      <c r="MF6" s="592"/>
      <c r="MG6" s="592"/>
      <c r="MH6" s="592"/>
      <c r="MI6" s="592"/>
      <c r="MJ6" s="592"/>
      <c r="MK6" s="592"/>
      <c r="ML6" s="592"/>
      <c r="MM6" s="592"/>
      <c r="MN6" s="592"/>
      <c r="MO6" s="593"/>
      <c r="MP6" s="585"/>
      <c r="MQ6" s="586"/>
      <c r="MR6" s="586"/>
      <c r="MS6" s="586"/>
      <c r="MT6" s="586"/>
      <c r="MU6" s="586"/>
      <c r="MV6" s="586"/>
      <c r="MW6" s="586"/>
      <c r="MX6" s="586"/>
      <c r="MY6" s="586"/>
      <c r="MZ6" s="587"/>
      <c r="NA6" s="585"/>
      <c r="NB6" s="586"/>
      <c r="NC6" s="586"/>
      <c r="ND6" s="586"/>
      <c r="NE6" s="586"/>
      <c r="NF6" s="586"/>
      <c r="NG6" s="586"/>
      <c r="NH6" s="586"/>
      <c r="NI6" s="586"/>
      <c r="NJ6" s="586"/>
      <c r="NK6" s="587"/>
      <c r="NL6" s="585"/>
      <c r="NM6" s="586"/>
      <c r="NN6" s="586"/>
      <c r="NO6" s="586"/>
      <c r="NP6" s="586"/>
      <c r="NQ6" s="586"/>
      <c r="NR6" s="586"/>
      <c r="NS6" s="586"/>
      <c r="NT6" s="586"/>
      <c r="NU6" s="586"/>
      <c r="NV6" s="587"/>
      <c r="NW6" s="616"/>
      <c r="NX6" s="617"/>
      <c r="NY6" s="617"/>
      <c r="NZ6" s="617"/>
      <c r="OA6" s="617"/>
      <c r="OB6" s="617"/>
      <c r="OC6" s="617"/>
      <c r="OD6" s="617"/>
      <c r="OE6" s="617"/>
      <c r="OF6" s="617"/>
      <c r="OG6" s="618"/>
      <c r="OH6" s="585"/>
      <c r="OI6" s="586"/>
      <c r="OJ6" s="586"/>
      <c r="OK6" s="586"/>
      <c r="OL6" s="586"/>
      <c r="OM6" s="586"/>
      <c r="ON6" s="586"/>
      <c r="OO6" s="586"/>
      <c r="OP6" s="586"/>
      <c r="OQ6" s="586"/>
      <c r="OR6" s="587"/>
    </row>
    <row r="7" spans="1:408" ht="23.25" customHeight="1" x14ac:dyDescent="0.2">
      <c r="A7" s="662"/>
      <c r="B7" s="690" t="s">
        <v>61</v>
      </c>
      <c r="C7" s="690"/>
      <c r="D7" s="690"/>
      <c r="E7" s="691" t="s">
        <v>62</v>
      </c>
      <c r="F7" s="690"/>
      <c r="G7" s="690"/>
      <c r="H7" s="690"/>
      <c r="I7" s="690"/>
      <c r="J7" s="690"/>
      <c r="K7" s="690"/>
      <c r="L7" s="691" t="s">
        <v>52</v>
      </c>
      <c r="M7" s="693" t="s">
        <v>61</v>
      </c>
      <c r="N7" s="690"/>
      <c r="O7" s="690"/>
      <c r="P7" s="691" t="s">
        <v>62</v>
      </c>
      <c r="Q7" s="690"/>
      <c r="R7" s="690"/>
      <c r="S7" s="690"/>
      <c r="T7" s="690"/>
      <c r="U7" s="690"/>
      <c r="V7" s="694"/>
      <c r="W7" s="698" t="s">
        <v>52</v>
      </c>
      <c r="X7" s="681" t="s">
        <v>61</v>
      </c>
      <c r="Y7" s="682"/>
      <c r="Z7" s="700"/>
      <c r="AA7" s="701" t="s">
        <v>62</v>
      </c>
      <c r="AB7" s="682"/>
      <c r="AC7" s="682"/>
      <c r="AD7" s="682"/>
      <c r="AE7" s="682"/>
      <c r="AF7" s="682"/>
      <c r="AG7" s="700"/>
      <c r="AH7" s="683" t="s">
        <v>52</v>
      </c>
      <c r="AI7" s="703" t="s">
        <v>61</v>
      </c>
      <c r="AJ7" s="696"/>
      <c r="AK7" s="704"/>
      <c r="AL7" s="695" t="s">
        <v>62</v>
      </c>
      <c r="AM7" s="696"/>
      <c r="AN7" s="696"/>
      <c r="AO7" s="696"/>
      <c r="AP7" s="696"/>
      <c r="AQ7" s="696"/>
      <c r="AR7" s="697"/>
      <c r="AS7" s="683" t="s">
        <v>52</v>
      </c>
      <c r="AT7" s="703" t="s">
        <v>61</v>
      </c>
      <c r="AU7" s="696"/>
      <c r="AV7" s="704"/>
      <c r="AW7" s="695" t="s">
        <v>62</v>
      </c>
      <c r="AX7" s="696"/>
      <c r="AY7" s="696"/>
      <c r="AZ7" s="696"/>
      <c r="BA7" s="696"/>
      <c r="BB7" s="696"/>
      <c r="BC7" s="697"/>
      <c r="BD7" s="683" t="s">
        <v>52</v>
      </c>
      <c r="BE7" s="703" t="s">
        <v>61</v>
      </c>
      <c r="BF7" s="696"/>
      <c r="BG7" s="704"/>
      <c r="BH7" s="695" t="s">
        <v>62</v>
      </c>
      <c r="BI7" s="696"/>
      <c r="BJ7" s="696"/>
      <c r="BK7" s="696"/>
      <c r="BL7" s="696"/>
      <c r="BM7" s="696"/>
      <c r="BN7" s="697"/>
      <c r="BO7" s="683" t="s">
        <v>52</v>
      </c>
      <c r="BP7" s="703" t="s">
        <v>61</v>
      </c>
      <c r="BQ7" s="696"/>
      <c r="BR7" s="704"/>
      <c r="BS7" s="695" t="s">
        <v>62</v>
      </c>
      <c r="BT7" s="696"/>
      <c r="BU7" s="696"/>
      <c r="BV7" s="696"/>
      <c r="BW7" s="696"/>
      <c r="BX7" s="696"/>
      <c r="BY7" s="697"/>
      <c r="BZ7" s="683" t="s">
        <v>52</v>
      </c>
      <c r="CA7" s="705" t="s">
        <v>61</v>
      </c>
      <c r="CB7" s="706"/>
      <c r="CC7" s="707"/>
      <c r="CD7" s="708" t="s">
        <v>62</v>
      </c>
      <c r="CE7" s="706"/>
      <c r="CF7" s="706"/>
      <c r="CG7" s="706"/>
      <c r="CH7" s="706"/>
      <c r="CI7" s="706"/>
      <c r="CJ7" s="709"/>
      <c r="CK7" s="698" t="s">
        <v>52</v>
      </c>
      <c r="CL7" s="703" t="s">
        <v>61</v>
      </c>
      <c r="CM7" s="696"/>
      <c r="CN7" s="697"/>
      <c r="CO7" s="695" t="s">
        <v>62</v>
      </c>
      <c r="CP7" s="696"/>
      <c r="CQ7" s="696"/>
      <c r="CR7" s="696"/>
      <c r="CS7" s="696"/>
      <c r="CT7" s="696"/>
      <c r="CU7" s="697"/>
      <c r="CV7" s="710" t="s">
        <v>52</v>
      </c>
      <c r="CW7" s="703" t="s">
        <v>61</v>
      </c>
      <c r="CX7" s="696"/>
      <c r="CY7" s="697"/>
      <c r="CZ7" s="695" t="s">
        <v>62</v>
      </c>
      <c r="DA7" s="696"/>
      <c r="DB7" s="696"/>
      <c r="DC7" s="696"/>
      <c r="DD7" s="696"/>
      <c r="DE7" s="696"/>
      <c r="DF7" s="697"/>
      <c r="DG7" s="710" t="s">
        <v>52</v>
      </c>
      <c r="DH7" s="705" t="s">
        <v>61</v>
      </c>
      <c r="DI7" s="706"/>
      <c r="DJ7" s="709"/>
      <c r="DK7" s="708" t="s">
        <v>62</v>
      </c>
      <c r="DL7" s="706"/>
      <c r="DM7" s="706"/>
      <c r="DN7" s="706"/>
      <c r="DO7" s="706"/>
      <c r="DP7" s="706"/>
      <c r="DQ7" s="709"/>
      <c r="DR7" s="698" t="s">
        <v>52</v>
      </c>
      <c r="DS7" s="703" t="s">
        <v>61</v>
      </c>
      <c r="DT7" s="696"/>
      <c r="DU7" s="704"/>
      <c r="DV7" s="695" t="s">
        <v>62</v>
      </c>
      <c r="DW7" s="696"/>
      <c r="DX7" s="696"/>
      <c r="DY7" s="696"/>
      <c r="DZ7" s="696"/>
      <c r="EA7" s="696"/>
      <c r="EB7" s="697"/>
      <c r="EC7" s="683" t="s">
        <v>52</v>
      </c>
      <c r="ED7" s="703" t="s">
        <v>61</v>
      </c>
      <c r="EE7" s="696"/>
      <c r="EF7" s="704"/>
      <c r="EG7" s="695" t="s">
        <v>62</v>
      </c>
      <c r="EH7" s="696"/>
      <c r="EI7" s="696"/>
      <c r="EJ7" s="696"/>
      <c r="EK7" s="696"/>
      <c r="EL7" s="696"/>
      <c r="EM7" s="697"/>
      <c r="EN7" s="683" t="s">
        <v>52</v>
      </c>
      <c r="EO7" s="703" t="s">
        <v>61</v>
      </c>
      <c r="EP7" s="696"/>
      <c r="EQ7" s="704"/>
      <c r="ER7" s="695" t="s">
        <v>62</v>
      </c>
      <c r="ES7" s="696"/>
      <c r="ET7" s="696"/>
      <c r="EU7" s="696"/>
      <c r="EV7" s="696"/>
      <c r="EW7" s="696"/>
      <c r="EX7" s="697"/>
      <c r="EY7" s="683" t="s">
        <v>52</v>
      </c>
      <c r="EZ7" s="703" t="s">
        <v>61</v>
      </c>
      <c r="FA7" s="696"/>
      <c r="FB7" s="704"/>
      <c r="FC7" s="695" t="s">
        <v>62</v>
      </c>
      <c r="FD7" s="696"/>
      <c r="FE7" s="696"/>
      <c r="FF7" s="696"/>
      <c r="FG7" s="696"/>
      <c r="FH7" s="696"/>
      <c r="FI7" s="697"/>
      <c r="FJ7" s="683" t="s">
        <v>52</v>
      </c>
      <c r="FK7" s="705" t="s">
        <v>61</v>
      </c>
      <c r="FL7" s="706"/>
      <c r="FM7" s="707"/>
      <c r="FN7" s="708" t="s">
        <v>62</v>
      </c>
      <c r="FO7" s="706"/>
      <c r="FP7" s="706"/>
      <c r="FQ7" s="706"/>
      <c r="FR7" s="706"/>
      <c r="FS7" s="706"/>
      <c r="FT7" s="709"/>
      <c r="FU7" s="690" t="s">
        <v>52</v>
      </c>
      <c r="FV7" s="703" t="s">
        <v>61</v>
      </c>
      <c r="FW7" s="696"/>
      <c r="FX7" s="704"/>
      <c r="FY7" s="695" t="s">
        <v>62</v>
      </c>
      <c r="FZ7" s="696"/>
      <c r="GA7" s="696"/>
      <c r="GB7" s="696"/>
      <c r="GC7" s="696"/>
      <c r="GD7" s="696"/>
      <c r="GE7" s="697"/>
      <c r="GF7" s="683" t="s">
        <v>52</v>
      </c>
      <c r="GG7" s="681" t="s">
        <v>61</v>
      </c>
      <c r="GH7" s="682"/>
      <c r="GI7" s="682"/>
      <c r="GJ7" s="701" t="s">
        <v>62</v>
      </c>
      <c r="GK7" s="682"/>
      <c r="GL7" s="682"/>
      <c r="GM7" s="682"/>
      <c r="GN7" s="682"/>
      <c r="GO7" s="682"/>
      <c r="GP7" s="700"/>
      <c r="GQ7" s="711" t="s">
        <v>52</v>
      </c>
      <c r="GR7" s="681" t="s">
        <v>61</v>
      </c>
      <c r="GS7" s="682"/>
      <c r="GT7" s="700"/>
      <c r="GU7" s="701" t="s">
        <v>62</v>
      </c>
      <c r="GV7" s="682"/>
      <c r="GW7" s="682"/>
      <c r="GX7" s="682"/>
      <c r="GY7" s="682"/>
      <c r="GZ7" s="682"/>
      <c r="HA7" s="700"/>
      <c r="HB7" s="711" t="s">
        <v>52</v>
      </c>
      <c r="HC7" s="703" t="s">
        <v>61</v>
      </c>
      <c r="HD7" s="696"/>
      <c r="HE7" s="704"/>
      <c r="HF7" s="695" t="s">
        <v>62</v>
      </c>
      <c r="HG7" s="696"/>
      <c r="HH7" s="696"/>
      <c r="HI7" s="696"/>
      <c r="HJ7" s="696"/>
      <c r="HK7" s="696"/>
      <c r="HL7" s="697"/>
      <c r="HM7" s="683" t="s">
        <v>52</v>
      </c>
      <c r="HN7" s="703" t="s">
        <v>61</v>
      </c>
      <c r="HO7" s="696"/>
      <c r="HP7" s="704"/>
      <c r="HQ7" s="695" t="s">
        <v>62</v>
      </c>
      <c r="HR7" s="696"/>
      <c r="HS7" s="696"/>
      <c r="HT7" s="696"/>
      <c r="HU7" s="696"/>
      <c r="HV7" s="696"/>
      <c r="HW7" s="697"/>
      <c r="HX7" s="683" t="s">
        <v>52</v>
      </c>
      <c r="HY7" s="568" t="s">
        <v>61</v>
      </c>
      <c r="HZ7" s="569"/>
      <c r="IA7" s="570"/>
      <c r="IB7" s="571" t="s">
        <v>62</v>
      </c>
      <c r="IC7" s="569"/>
      <c r="ID7" s="569"/>
      <c r="IE7" s="569"/>
      <c r="IF7" s="569"/>
      <c r="IG7" s="569"/>
      <c r="IH7" s="572"/>
      <c r="II7" s="620" t="s">
        <v>52</v>
      </c>
      <c r="IJ7" s="574" t="s">
        <v>61</v>
      </c>
      <c r="IK7" s="575"/>
      <c r="IL7" s="576"/>
      <c r="IM7" s="577" t="s">
        <v>62</v>
      </c>
      <c r="IN7" s="575"/>
      <c r="IO7" s="575"/>
      <c r="IP7" s="575"/>
      <c r="IQ7" s="575"/>
      <c r="IR7" s="575"/>
      <c r="IS7" s="578"/>
      <c r="IT7" s="587" t="s">
        <v>52</v>
      </c>
      <c r="IU7" s="574" t="s">
        <v>61</v>
      </c>
      <c r="IV7" s="575"/>
      <c r="IW7" s="578"/>
      <c r="IX7" s="577" t="s">
        <v>62</v>
      </c>
      <c r="IY7" s="575"/>
      <c r="IZ7" s="575"/>
      <c r="JA7" s="575"/>
      <c r="JB7" s="575"/>
      <c r="JC7" s="575"/>
      <c r="JD7" s="578"/>
      <c r="JE7" s="587" t="s">
        <v>52</v>
      </c>
      <c r="JF7" s="574" t="s">
        <v>61</v>
      </c>
      <c r="JG7" s="575"/>
      <c r="JH7" s="576"/>
      <c r="JI7" s="577" t="s">
        <v>62</v>
      </c>
      <c r="JJ7" s="575"/>
      <c r="JK7" s="575"/>
      <c r="JL7" s="575"/>
      <c r="JM7" s="575"/>
      <c r="JN7" s="575"/>
      <c r="JO7" s="578"/>
      <c r="JP7" s="566" t="s">
        <v>52</v>
      </c>
      <c r="JQ7" s="574" t="s">
        <v>61</v>
      </c>
      <c r="JR7" s="575"/>
      <c r="JS7" s="576"/>
      <c r="JT7" s="577" t="s">
        <v>62</v>
      </c>
      <c r="JU7" s="575"/>
      <c r="JV7" s="575"/>
      <c r="JW7" s="575"/>
      <c r="JX7" s="575"/>
      <c r="JY7" s="575"/>
      <c r="JZ7" s="578"/>
      <c r="KA7" s="566" t="s">
        <v>52</v>
      </c>
      <c r="KB7" s="574" t="s">
        <v>61</v>
      </c>
      <c r="KC7" s="575"/>
      <c r="KD7" s="576"/>
      <c r="KE7" s="577" t="s">
        <v>62</v>
      </c>
      <c r="KF7" s="575"/>
      <c r="KG7" s="575"/>
      <c r="KH7" s="575"/>
      <c r="KI7" s="575"/>
      <c r="KJ7" s="575"/>
      <c r="KK7" s="578"/>
      <c r="KL7" s="566" t="s">
        <v>52</v>
      </c>
      <c r="KM7" s="574" t="s">
        <v>61</v>
      </c>
      <c r="KN7" s="575"/>
      <c r="KO7" s="576"/>
      <c r="KP7" s="577" t="s">
        <v>62</v>
      </c>
      <c r="KQ7" s="575"/>
      <c r="KR7" s="575"/>
      <c r="KS7" s="575"/>
      <c r="KT7" s="575"/>
      <c r="KU7" s="575"/>
      <c r="KV7" s="578"/>
      <c r="KW7" s="566" t="s">
        <v>52</v>
      </c>
      <c r="KX7" s="574" t="s">
        <v>61</v>
      </c>
      <c r="KY7" s="575"/>
      <c r="KZ7" s="576"/>
      <c r="LA7" s="577" t="s">
        <v>62</v>
      </c>
      <c r="LB7" s="575"/>
      <c r="LC7" s="575"/>
      <c r="LD7" s="575"/>
      <c r="LE7" s="575"/>
      <c r="LF7" s="575"/>
      <c r="LG7" s="578"/>
      <c r="LH7" s="566" t="s">
        <v>52</v>
      </c>
      <c r="LI7" s="574" t="s">
        <v>61</v>
      </c>
      <c r="LJ7" s="575"/>
      <c r="LK7" s="576"/>
      <c r="LL7" s="577" t="s">
        <v>62</v>
      </c>
      <c r="LM7" s="575"/>
      <c r="LN7" s="575"/>
      <c r="LO7" s="575"/>
      <c r="LP7" s="575"/>
      <c r="LQ7" s="575"/>
      <c r="LR7" s="578"/>
      <c r="LS7" s="566" t="s">
        <v>52</v>
      </c>
      <c r="LT7" s="574" t="s">
        <v>61</v>
      </c>
      <c r="LU7" s="575"/>
      <c r="LV7" s="576"/>
      <c r="LW7" s="577" t="s">
        <v>62</v>
      </c>
      <c r="LX7" s="575"/>
      <c r="LY7" s="575"/>
      <c r="LZ7" s="575"/>
      <c r="MA7" s="575"/>
      <c r="MB7" s="575"/>
      <c r="MC7" s="578"/>
      <c r="MD7" s="566" t="s">
        <v>52</v>
      </c>
      <c r="ME7" s="568" t="s">
        <v>61</v>
      </c>
      <c r="MF7" s="569"/>
      <c r="MG7" s="570"/>
      <c r="MH7" s="571" t="s">
        <v>62</v>
      </c>
      <c r="MI7" s="569"/>
      <c r="MJ7" s="569"/>
      <c r="MK7" s="569"/>
      <c r="ML7" s="569"/>
      <c r="MM7" s="569"/>
      <c r="MN7" s="572"/>
      <c r="MO7" s="573" t="s">
        <v>52</v>
      </c>
      <c r="MP7" s="574" t="s">
        <v>61</v>
      </c>
      <c r="MQ7" s="575"/>
      <c r="MR7" s="576"/>
      <c r="MS7" s="577" t="s">
        <v>62</v>
      </c>
      <c r="MT7" s="575"/>
      <c r="MU7" s="575"/>
      <c r="MV7" s="575"/>
      <c r="MW7" s="575"/>
      <c r="MX7" s="575"/>
      <c r="MY7" s="578"/>
      <c r="MZ7" s="566" t="s">
        <v>52</v>
      </c>
      <c r="NA7" s="574" t="s">
        <v>61</v>
      </c>
      <c r="NB7" s="575"/>
      <c r="NC7" s="576"/>
      <c r="ND7" s="577" t="s">
        <v>62</v>
      </c>
      <c r="NE7" s="575"/>
      <c r="NF7" s="575"/>
      <c r="NG7" s="575"/>
      <c r="NH7" s="575"/>
      <c r="NI7" s="575"/>
      <c r="NJ7" s="578"/>
      <c r="NK7" s="566" t="s">
        <v>52</v>
      </c>
      <c r="NL7" s="574" t="s">
        <v>61</v>
      </c>
      <c r="NM7" s="575"/>
      <c r="NN7" s="576"/>
      <c r="NO7" s="577" t="s">
        <v>62</v>
      </c>
      <c r="NP7" s="575"/>
      <c r="NQ7" s="575"/>
      <c r="NR7" s="575"/>
      <c r="NS7" s="575"/>
      <c r="NT7" s="575"/>
      <c r="NU7" s="578"/>
      <c r="NV7" s="566" t="s">
        <v>52</v>
      </c>
      <c r="NW7" s="574" t="s">
        <v>61</v>
      </c>
      <c r="NX7" s="575"/>
      <c r="NY7" s="576"/>
      <c r="NZ7" s="577" t="s">
        <v>62</v>
      </c>
      <c r="OA7" s="575"/>
      <c r="OB7" s="575"/>
      <c r="OC7" s="575"/>
      <c r="OD7" s="575"/>
      <c r="OE7" s="575"/>
      <c r="OF7" s="578"/>
      <c r="OG7" s="566" t="s">
        <v>52</v>
      </c>
      <c r="OH7" s="568" t="s">
        <v>61</v>
      </c>
      <c r="OI7" s="569"/>
      <c r="OJ7" s="570"/>
      <c r="OK7" s="571" t="s">
        <v>62</v>
      </c>
      <c r="OL7" s="569"/>
      <c r="OM7" s="569"/>
      <c r="ON7" s="569"/>
      <c r="OO7" s="569"/>
      <c r="OP7" s="569"/>
      <c r="OQ7" s="572"/>
      <c r="OR7" s="573" t="s">
        <v>52</v>
      </c>
    </row>
    <row r="8" spans="1:408" ht="28.5" customHeight="1" thickBot="1" x14ac:dyDescent="0.25">
      <c r="A8" s="663"/>
      <c r="B8" s="399" t="s">
        <v>43</v>
      </c>
      <c r="C8" s="400" t="s">
        <v>44</v>
      </c>
      <c r="D8" s="401" t="s">
        <v>45</v>
      </c>
      <c r="E8" s="50" t="s">
        <v>83</v>
      </c>
      <c r="F8" s="400" t="s">
        <v>47</v>
      </c>
      <c r="G8" s="400" t="s">
        <v>48</v>
      </c>
      <c r="H8" s="400" t="s">
        <v>49</v>
      </c>
      <c r="I8" s="400" t="s">
        <v>50</v>
      </c>
      <c r="J8" s="400" t="s">
        <v>51</v>
      </c>
      <c r="K8" s="403" t="s">
        <v>45</v>
      </c>
      <c r="L8" s="692"/>
      <c r="M8" s="404" t="s">
        <v>43</v>
      </c>
      <c r="N8" s="400" t="s">
        <v>44</v>
      </c>
      <c r="O8" s="403" t="s">
        <v>45</v>
      </c>
      <c r="P8" s="50" t="s">
        <v>83</v>
      </c>
      <c r="Q8" s="400" t="s">
        <v>47</v>
      </c>
      <c r="R8" s="400" t="s">
        <v>48</v>
      </c>
      <c r="S8" s="400" t="s">
        <v>49</v>
      </c>
      <c r="T8" s="400" t="s">
        <v>50</v>
      </c>
      <c r="U8" s="400" t="s">
        <v>51</v>
      </c>
      <c r="V8" s="403" t="s">
        <v>45</v>
      </c>
      <c r="W8" s="699"/>
      <c r="X8" s="404" t="s">
        <v>43</v>
      </c>
      <c r="Y8" s="400" t="s">
        <v>44</v>
      </c>
      <c r="Z8" s="403" t="s">
        <v>45</v>
      </c>
      <c r="AA8" s="50" t="s">
        <v>83</v>
      </c>
      <c r="AB8" s="400" t="s">
        <v>47</v>
      </c>
      <c r="AC8" s="400" t="s">
        <v>48</v>
      </c>
      <c r="AD8" s="400" t="s">
        <v>49</v>
      </c>
      <c r="AE8" s="400" t="s">
        <v>50</v>
      </c>
      <c r="AF8" s="400" t="s">
        <v>51</v>
      </c>
      <c r="AG8" s="403" t="s">
        <v>45</v>
      </c>
      <c r="AH8" s="702"/>
      <c r="AI8" s="404" t="s">
        <v>43</v>
      </c>
      <c r="AJ8" s="400" t="s">
        <v>44</v>
      </c>
      <c r="AK8" s="401" t="s">
        <v>45</v>
      </c>
      <c r="AL8" s="50" t="s">
        <v>83</v>
      </c>
      <c r="AM8" s="400" t="s">
        <v>47</v>
      </c>
      <c r="AN8" s="400" t="s">
        <v>48</v>
      </c>
      <c r="AO8" s="400" t="s">
        <v>49</v>
      </c>
      <c r="AP8" s="400" t="s">
        <v>50</v>
      </c>
      <c r="AQ8" s="400" t="s">
        <v>51</v>
      </c>
      <c r="AR8" s="403" t="s">
        <v>45</v>
      </c>
      <c r="AS8" s="702"/>
      <c r="AT8" s="404" t="s">
        <v>43</v>
      </c>
      <c r="AU8" s="400" t="s">
        <v>44</v>
      </c>
      <c r="AV8" s="401" t="s">
        <v>45</v>
      </c>
      <c r="AW8" s="50" t="s">
        <v>83</v>
      </c>
      <c r="AX8" s="400" t="s">
        <v>47</v>
      </c>
      <c r="AY8" s="400" t="s">
        <v>48</v>
      </c>
      <c r="AZ8" s="400" t="s">
        <v>49</v>
      </c>
      <c r="BA8" s="400" t="s">
        <v>50</v>
      </c>
      <c r="BB8" s="400" t="s">
        <v>51</v>
      </c>
      <c r="BC8" s="403" t="s">
        <v>45</v>
      </c>
      <c r="BD8" s="702"/>
      <c r="BE8" s="405" t="s">
        <v>43</v>
      </c>
      <c r="BF8" s="400" t="s">
        <v>44</v>
      </c>
      <c r="BG8" s="401" t="s">
        <v>45</v>
      </c>
      <c r="BH8" s="50" t="s">
        <v>83</v>
      </c>
      <c r="BI8" s="400" t="s">
        <v>47</v>
      </c>
      <c r="BJ8" s="400" t="s">
        <v>48</v>
      </c>
      <c r="BK8" s="400" t="s">
        <v>49</v>
      </c>
      <c r="BL8" s="400" t="s">
        <v>50</v>
      </c>
      <c r="BM8" s="400" t="s">
        <v>51</v>
      </c>
      <c r="BN8" s="403" t="s">
        <v>45</v>
      </c>
      <c r="BO8" s="702"/>
      <c r="BP8" s="404" t="s">
        <v>43</v>
      </c>
      <c r="BQ8" s="400" t="s">
        <v>44</v>
      </c>
      <c r="BR8" s="401" t="s">
        <v>45</v>
      </c>
      <c r="BS8" s="50" t="s">
        <v>83</v>
      </c>
      <c r="BT8" s="400" t="s">
        <v>47</v>
      </c>
      <c r="BU8" s="400" t="s">
        <v>48</v>
      </c>
      <c r="BV8" s="400" t="s">
        <v>49</v>
      </c>
      <c r="BW8" s="400" t="s">
        <v>50</v>
      </c>
      <c r="BX8" s="400" t="s">
        <v>51</v>
      </c>
      <c r="BY8" s="403" t="s">
        <v>45</v>
      </c>
      <c r="BZ8" s="702"/>
      <c r="CA8" s="404" t="s">
        <v>43</v>
      </c>
      <c r="CB8" s="400" t="s">
        <v>44</v>
      </c>
      <c r="CC8" s="401" t="s">
        <v>45</v>
      </c>
      <c r="CD8" s="50" t="s">
        <v>83</v>
      </c>
      <c r="CE8" s="400" t="s">
        <v>47</v>
      </c>
      <c r="CF8" s="400" t="s">
        <v>48</v>
      </c>
      <c r="CG8" s="400" t="s">
        <v>49</v>
      </c>
      <c r="CH8" s="400" t="s">
        <v>50</v>
      </c>
      <c r="CI8" s="400" t="s">
        <v>51</v>
      </c>
      <c r="CJ8" s="403" t="s">
        <v>45</v>
      </c>
      <c r="CK8" s="699"/>
      <c r="CL8" s="404" t="s">
        <v>43</v>
      </c>
      <c r="CM8" s="400" t="s">
        <v>44</v>
      </c>
      <c r="CN8" s="403" t="s">
        <v>45</v>
      </c>
      <c r="CO8" s="50" t="s">
        <v>83</v>
      </c>
      <c r="CP8" s="400" t="s">
        <v>47</v>
      </c>
      <c r="CQ8" s="400" t="s">
        <v>48</v>
      </c>
      <c r="CR8" s="400" t="s">
        <v>49</v>
      </c>
      <c r="CS8" s="400" t="s">
        <v>50</v>
      </c>
      <c r="CT8" s="400" t="s">
        <v>51</v>
      </c>
      <c r="CU8" s="403" t="s">
        <v>45</v>
      </c>
      <c r="CV8" s="699"/>
      <c r="CW8" s="404" t="s">
        <v>43</v>
      </c>
      <c r="CX8" s="400" t="s">
        <v>44</v>
      </c>
      <c r="CY8" s="403" t="s">
        <v>45</v>
      </c>
      <c r="CZ8" s="402" t="s">
        <v>83</v>
      </c>
      <c r="DA8" s="400" t="s">
        <v>47</v>
      </c>
      <c r="DB8" s="400" t="s">
        <v>48</v>
      </c>
      <c r="DC8" s="400" t="s">
        <v>49</v>
      </c>
      <c r="DD8" s="400" t="s">
        <v>50</v>
      </c>
      <c r="DE8" s="400" t="s">
        <v>51</v>
      </c>
      <c r="DF8" s="403" t="s">
        <v>45</v>
      </c>
      <c r="DG8" s="699"/>
      <c r="DH8" s="404" t="s">
        <v>43</v>
      </c>
      <c r="DI8" s="400" t="s">
        <v>44</v>
      </c>
      <c r="DJ8" s="403" t="s">
        <v>45</v>
      </c>
      <c r="DK8" s="50" t="s">
        <v>83</v>
      </c>
      <c r="DL8" s="400" t="s">
        <v>47</v>
      </c>
      <c r="DM8" s="400" t="s">
        <v>48</v>
      </c>
      <c r="DN8" s="400" t="s">
        <v>49</v>
      </c>
      <c r="DO8" s="400" t="s">
        <v>50</v>
      </c>
      <c r="DP8" s="400" t="s">
        <v>51</v>
      </c>
      <c r="DQ8" s="403" t="s">
        <v>45</v>
      </c>
      <c r="DR8" s="699"/>
      <c r="DS8" s="404" t="s">
        <v>43</v>
      </c>
      <c r="DT8" s="400" t="s">
        <v>44</v>
      </c>
      <c r="DU8" s="401" t="s">
        <v>45</v>
      </c>
      <c r="DV8" s="402" t="s">
        <v>83</v>
      </c>
      <c r="DW8" s="400" t="s">
        <v>47</v>
      </c>
      <c r="DX8" s="400" t="s">
        <v>48</v>
      </c>
      <c r="DY8" s="400" t="s">
        <v>49</v>
      </c>
      <c r="DZ8" s="400" t="s">
        <v>50</v>
      </c>
      <c r="EA8" s="400" t="s">
        <v>51</v>
      </c>
      <c r="EB8" s="403" t="s">
        <v>45</v>
      </c>
      <c r="EC8" s="702"/>
      <c r="ED8" s="404" t="s">
        <v>43</v>
      </c>
      <c r="EE8" s="400" t="s">
        <v>44</v>
      </c>
      <c r="EF8" s="401" t="s">
        <v>45</v>
      </c>
      <c r="EG8" s="50" t="s">
        <v>83</v>
      </c>
      <c r="EH8" s="400" t="s">
        <v>47</v>
      </c>
      <c r="EI8" s="400" t="s">
        <v>48</v>
      </c>
      <c r="EJ8" s="400" t="s">
        <v>49</v>
      </c>
      <c r="EK8" s="400" t="s">
        <v>50</v>
      </c>
      <c r="EL8" s="400" t="s">
        <v>51</v>
      </c>
      <c r="EM8" s="403" t="s">
        <v>45</v>
      </c>
      <c r="EN8" s="702"/>
      <c r="EO8" s="404" t="s">
        <v>43</v>
      </c>
      <c r="EP8" s="400" t="s">
        <v>44</v>
      </c>
      <c r="EQ8" s="401" t="s">
        <v>45</v>
      </c>
      <c r="ER8" s="50" t="s">
        <v>83</v>
      </c>
      <c r="ES8" s="400" t="s">
        <v>47</v>
      </c>
      <c r="ET8" s="400" t="s">
        <v>48</v>
      </c>
      <c r="EU8" s="400" t="s">
        <v>49</v>
      </c>
      <c r="EV8" s="400" t="s">
        <v>50</v>
      </c>
      <c r="EW8" s="400" t="s">
        <v>51</v>
      </c>
      <c r="EX8" s="403" t="s">
        <v>45</v>
      </c>
      <c r="EY8" s="702"/>
      <c r="EZ8" s="404" t="s">
        <v>43</v>
      </c>
      <c r="FA8" s="400" t="s">
        <v>44</v>
      </c>
      <c r="FB8" s="401" t="s">
        <v>45</v>
      </c>
      <c r="FC8" s="50" t="s">
        <v>83</v>
      </c>
      <c r="FD8" s="400" t="s">
        <v>47</v>
      </c>
      <c r="FE8" s="400" t="s">
        <v>48</v>
      </c>
      <c r="FF8" s="400" t="s">
        <v>49</v>
      </c>
      <c r="FG8" s="400" t="s">
        <v>50</v>
      </c>
      <c r="FH8" s="400" t="s">
        <v>51</v>
      </c>
      <c r="FI8" s="403" t="s">
        <v>45</v>
      </c>
      <c r="FJ8" s="702"/>
      <c r="FK8" s="404" t="s">
        <v>43</v>
      </c>
      <c r="FL8" s="400" t="s">
        <v>44</v>
      </c>
      <c r="FM8" s="401" t="s">
        <v>45</v>
      </c>
      <c r="FN8" s="50" t="s">
        <v>83</v>
      </c>
      <c r="FO8" s="400" t="s">
        <v>47</v>
      </c>
      <c r="FP8" s="400" t="s">
        <v>48</v>
      </c>
      <c r="FQ8" s="400" t="s">
        <v>49</v>
      </c>
      <c r="FR8" s="400" t="s">
        <v>50</v>
      </c>
      <c r="FS8" s="400" t="s">
        <v>51</v>
      </c>
      <c r="FT8" s="403" t="s">
        <v>45</v>
      </c>
      <c r="FU8" s="713"/>
      <c r="FV8" s="404" t="s">
        <v>43</v>
      </c>
      <c r="FW8" s="400" t="s">
        <v>44</v>
      </c>
      <c r="FX8" s="401" t="s">
        <v>45</v>
      </c>
      <c r="FY8" s="50" t="s">
        <v>83</v>
      </c>
      <c r="FZ8" s="400" t="s">
        <v>47</v>
      </c>
      <c r="GA8" s="400" t="s">
        <v>48</v>
      </c>
      <c r="GB8" s="400" t="s">
        <v>49</v>
      </c>
      <c r="GC8" s="400" t="s">
        <v>50</v>
      </c>
      <c r="GD8" s="400" t="s">
        <v>51</v>
      </c>
      <c r="GE8" s="403" t="s">
        <v>45</v>
      </c>
      <c r="GF8" s="702"/>
      <c r="GG8" s="404" t="s">
        <v>43</v>
      </c>
      <c r="GH8" s="400" t="s">
        <v>44</v>
      </c>
      <c r="GI8" s="401" t="s">
        <v>45</v>
      </c>
      <c r="GJ8" s="50" t="s">
        <v>83</v>
      </c>
      <c r="GK8" s="400" t="s">
        <v>47</v>
      </c>
      <c r="GL8" s="400" t="s">
        <v>48</v>
      </c>
      <c r="GM8" s="400" t="s">
        <v>49</v>
      </c>
      <c r="GN8" s="400" t="s">
        <v>50</v>
      </c>
      <c r="GO8" s="400" t="s">
        <v>51</v>
      </c>
      <c r="GP8" s="403" t="s">
        <v>45</v>
      </c>
      <c r="GQ8" s="712"/>
      <c r="GR8" s="404" t="s">
        <v>43</v>
      </c>
      <c r="GS8" s="400" t="s">
        <v>44</v>
      </c>
      <c r="GT8" s="401" t="s">
        <v>45</v>
      </c>
      <c r="GU8" s="50" t="s">
        <v>83</v>
      </c>
      <c r="GV8" s="400" t="s">
        <v>47</v>
      </c>
      <c r="GW8" s="400" t="s">
        <v>48</v>
      </c>
      <c r="GX8" s="400" t="s">
        <v>49</v>
      </c>
      <c r="GY8" s="400" t="s">
        <v>50</v>
      </c>
      <c r="GZ8" s="400" t="s">
        <v>51</v>
      </c>
      <c r="HA8" s="403" t="s">
        <v>45</v>
      </c>
      <c r="HB8" s="712"/>
      <c r="HC8" s="404" t="s">
        <v>43</v>
      </c>
      <c r="HD8" s="400" t="s">
        <v>44</v>
      </c>
      <c r="HE8" s="401" t="s">
        <v>45</v>
      </c>
      <c r="HF8" s="50" t="s">
        <v>83</v>
      </c>
      <c r="HG8" s="400" t="s">
        <v>47</v>
      </c>
      <c r="HH8" s="400" t="s">
        <v>48</v>
      </c>
      <c r="HI8" s="400" t="s">
        <v>49</v>
      </c>
      <c r="HJ8" s="400" t="s">
        <v>50</v>
      </c>
      <c r="HK8" s="400" t="s">
        <v>51</v>
      </c>
      <c r="HL8" s="403" t="s">
        <v>45</v>
      </c>
      <c r="HM8" s="702"/>
      <c r="HN8" s="404" t="s">
        <v>43</v>
      </c>
      <c r="HO8" s="400" t="s">
        <v>44</v>
      </c>
      <c r="HP8" s="401" t="s">
        <v>45</v>
      </c>
      <c r="HQ8" s="50" t="s">
        <v>83</v>
      </c>
      <c r="HR8" s="400" t="s">
        <v>47</v>
      </c>
      <c r="HS8" s="400" t="s">
        <v>48</v>
      </c>
      <c r="HT8" s="400" t="s">
        <v>49</v>
      </c>
      <c r="HU8" s="400" t="s">
        <v>50</v>
      </c>
      <c r="HV8" s="400" t="s">
        <v>51</v>
      </c>
      <c r="HW8" s="403" t="s">
        <v>45</v>
      </c>
      <c r="HX8" s="702"/>
      <c r="HY8" s="269" t="s">
        <v>43</v>
      </c>
      <c r="HZ8" s="266" t="s">
        <v>44</v>
      </c>
      <c r="IA8" s="267" t="s">
        <v>45</v>
      </c>
      <c r="IB8" s="50" t="s">
        <v>83</v>
      </c>
      <c r="IC8" s="266" t="s">
        <v>47</v>
      </c>
      <c r="ID8" s="266" t="s">
        <v>48</v>
      </c>
      <c r="IE8" s="266" t="s">
        <v>49</v>
      </c>
      <c r="IF8" s="266" t="s">
        <v>50</v>
      </c>
      <c r="IG8" s="266" t="s">
        <v>51</v>
      </c>
      <c r="IH8" s="268" t="s">
        <v>45</v>
      </c>
      <c r="II8" s="621"/>
      <c r="IJ8" s="269" t="s">
        <v>43</v>
      </c>
      <c r="IK8" s="266" t="s">
        <v>44</v>
      </c>
      <c r="IL8" s="267" t="s">
        <v>45</v>
      </c>
      <c r="IM8" s="50" t="s">
        <v>83</v>
      </c>
      <c r="IN8" s="271" t="s">
        <v>47</v>
      </c>
      <c r="IO8" s="271" t="s">
        <v>48</v>
      </c>
      <c r="IP8" s="271" t="s">
        <v>49</v>
      </c>
      <c r="IQ8" s="271" t="s">
        <v>50</v>
      </c>
      <c r="IR8" s="271" t="s">
        <v>51</v>
      </c>
      <c r="IS8" s="272" t="s">
        <v>45</v>
      </c>
      <c r="IT8" s="619"/>
      <c r="IU8" s="270" t="s">
        <v>43</v>
      </c>
      <c r="IV8" s="271" t="s">
        <v>44</v>
      </c>
      <c r="IW8" s="272" t="s">
        <v>45</v>
      </c>
      <c r="IX8" s="50" t="s">
        <v>83</v>
      </c>
      <c r="IY8" s="271" t="s">
        <v>47</v>
      </c>
      <c r="IZ8" s="271" t="s">
        <v>48</v>
      </c>
      <c r="JA8" s="271" t="s">
        <v>49</v>
      </c>
      <c r="JB8" s="271" t="s">
        <v>50</v>
      </c>
      <c r="JC8" s="271" t="s">
        <v>51</v>
      </c>
      <c r="JD8" s="272" t="s">
        <v>45</v>
      </c>
      <c r="JE8" s="619"/>
      <c r="JF8" s="270" t="s">
        <v>43</v>
      </c>
      <c r="JG8" s="271" t="s">
        <v>44</v>
      </c>
      <c r="JH8" s="274" t="s">
        <v>45</v>
      </c>
      <c r="JI8" s="273" t="s">
        <v>83</v>
      </c>
      <c r="JJ8" s="271" t="s">
        <v>47</v>
      </c>
      <c r="JK8" s="271" t="s">
        <v>48</v>
      </c>
      <c r="JL8" s="271" t="s">
        <v>49</v>
      </c>
      <c r="JM8" s="271" t="s">
        <v>50</v>
      </c>
      <c r="JN8" s="271" t="s">
        <v>51</v>
      </c>
      <c r="JO8" s="272" t="s">
        <v>45</v>
      </c>
      <c r="JP8" s="567"/>
      <c r="JQ8" s="270" t="s">
        <v>43</v>
      </c>
      <c r="JR8" s="271" t="s">
        <v>44</v>
      </c>
      <c r="JS8" s="274" t="s">
        <v>45</v>
      </c>
      <c r="JT8" s="50" t="s">
        <v>83</v>
      </c>
      <c r="JU8" s="271" t="s">
        <v>47</v>
      </c>
      <c r="JV8" s="271" t="s">
        <v>48</v>
      </c>
      <c r="JW8" s="271" t="s">
        <v>49</v>
      </c>
      <c r="JX8" s="271" t="s">
        <v>50</v>
      </c>
      <c r="JY8" s="271" t="s">
        <v>51</v>
      </c>
      <c r="JZ8" s="272" t="s">
        <v>45</v>
      </c>
      <c r="KA8" s="567"/>
      <c r="KB8" s="270" t="s">
        <v>43</v>
      </c>
      <c r="KC8" s="271" t="s">
        <v>44</v>
      </c>
      <c r="KD8" s="274" t="s">
        <v>45</v>
      </c>
      <c r="KE8" s="50" t="s">
        <v>83</v>
      </c>
      <c r="KF8" s="271" t="s">
        <v>47</v>
      </c>
      <c r="KG8" s="271" t="s">
        <v>48</v>
      </c>
      <c r="KH8" s="271" t="s">
        <v>49</v>
      </c>
      <c r="KI8" s="271" t="s">
        <v>50</v>
      </c>
      <c r="KJ8" s="271" t="s">
        <v>51</v>
      </c>
      <c r="KK8" s="272" t="s">
        <v>45</v>
      </c>
      <c r="KL8" s="567"/>
      <c r="KM8" s="270" t="s">
        <v>43</v>
      </c>
      <c r="KN8" s="271" t="s">
        <v>44</v>
      </c>
      <c r="KO8" s="274" t="s">
        <v>45</v>
      </c>
      <c r="KP8" s="50" t="s">
        <v>83</v>
      </c>
      <c r="KQ8" s="271" t="s">
        <v>47</v>
      </c>
      <c r="KR8" s="271" t="s">
        <v>48</v>
      </c>
      <c r="KS8" s="271" t="s">
        <v>49</v>
      </c>
      <c r="KT8" s="271" t="s">
        <v>50</v>
      </c>
      <c r="KU8" s="271" t="s">
        <v>51</v>
      </c>
      <c r="KV8" s="272" t="s">
        <v>45</v>
      </c>
      <c r="KW8" s="567"/>
      <c r="KX8" s="270" t="s">
        <v>43</v>
      </c>
      <c r="KY8" s="271" t="s">
        <v>44</v>
      </c>
      <c r="KZ8" s="274" t="s">
        <v>45</v>
      </c>
      <c r="LA8" s="50" t="s">
        <v>83</v>
      </c>
      <c r="LB8" s="271" t="s">
        <v>47</v>
      </c>
      <c r="LC8" s="271" t="s">
        <v>48</v>
      </c>
      <c r="LD8" s="271" t="s">
        <v>49</v>
      </c>
      <c r="LE8" s="271" t="s">
        <v>50</v>
      </c>
      <c r="LF8" s="271" t="s">
        <v>51</v>
      </c>
      <c r="LG8" s="272" t="s">
        <v>45</v>
      </c>
      <c r="LH8" s="567"/>
      <c r="LI8" s="270" t="s">
        <v>43</v>
      </c>
      <c r="LJ8" s="271" t="s">
        <v>44</v>
      </c>
      <c r="LK8" s="274" t="s">
        <v>45</v>
      </c>
      <c r="LL8" s="50" t="s">
        <v>83</v>
      </c>
      <c r="LM8" s="271" t="s">
        <v>47</v>
      </c>
      <c r="LN8" s="271" t="s">
        <v>48</v>
      </c>
      <c r="LO8" s="271" t="s">
        <v>49</v>
      </c>
      <c r="LP8" s="271" t="s">
        <v>50</v>
      </c>
      <c r="LQ8" s="271" t="s">
        <v>51</v>
      </c>
      <c r="LR8" s="272" t="s">
        <v>45</v>
      </c>
      <c r="LS8" s="567"/>
      <c r="LT8" s="270" t="s">
        <v>43</v>
      </c>
      <c r="LU8" s="271" t="s">
        <v>44</v>
      </c>
      <c r="LV8" s="274" t="s">
        <v>45</v>
      </c>
      <c r="LW8" s="50" t="s">
        <v>83</v>
      </c>
      <c r="LX8" s="271" t="s">
        <v>47</v>
      </c>
      <c r="LY8" s="271" t="s">
        <v>48</v>
      </c>
      <c r="LZ8" s="271" t="s">
        <v>49</v>
      </c>
      <c r="MA8" s="271" t="s">
        <v>50</v>
      </c>
      <c r="MB8" s="271" t="s">
        <v>51</v>
      </c>
      <c r="MC8" s="272" t="s">
        <v>45</v>
      </c>
      <c r="MD8" s="567"/>
      <c r="ME8" s="270" t="s">
        <v>43</v>
      </c>
      <c r="MF8" s="271" t="s">
        <v>44</v>
      </c>
      <c r="MG8" s="274" t="s">
        <v>45</v>
      </c>
      <c r="MH8" s="50" t="s">
        <v>83</v>
      </c>
      <c r="MI8" s="271" t="s">
        <v>47</v>
      </c>
      <c r="MJ8" s="271" t="s">
        <v>48</v>
      </c>
      <c r="MK8" s="271" t="s">
        <v>49</v>
      </c>
      <c r="ML8" s="271" t="s">
        <v>50</v>
      </c>
      <c r="MM8" s="271" t="s">
        <v>51</v>
      </c>
      <c r="MN8" s="272" t="s">
        <v>45</v>
      </c>
      <c r="MO8" s="567"/>
      <c r="MP8" s="270" t="s">
        <v>43</v>
      </c>
      <c r="MQ8" s="271" t="s">
        <v>44</v>
      </c>
      <c r="MR8" s="274" t="s">
        <v>45</v>
      </c>
      <c r="MS8" s="50" t="s">
        <v>83</v>
      </c>
      <c r="MT8" s="271" t="s">
        <v>47</v>
      </c>
      <c r="MU8" s="271" t="s">
        <v>48</v>
      </c>
      <c r="MV8" s="271" t="s">
        <v>49</v>
      </c>
      <c r="MW8" s="271" t="s">
        <v>50</v>
      </c>
      <c r="MX8" s="271" t="s">
        <v>51</v>
      </c>
      <c r="MY8" s="272" t="s">
        <v>45</v>
      </c>
      <c r="MZ8" s="567"/>
      <c r="NA8" s="270" t="s">
        <v>43</v>
      </c>
      <c r="NB8" s="271" t="s">
        <v>44</v>
      </c>
      <c r="NC8" s="274" t="s">
        <v>45</v>
      </c>
      <c r="ND8" s="50" t="s">
        <v>83</v>
      </c>
      <c r="NE8" s="271" t="s">
        <v>47</v>
      </c>
      <c r="NF8" s="271" t="s">
        <v>48</v>
      </c>
      <c r="NG8" s="271" t="s">
        <v>49</v>
      </c>
      <c r="NH8" s="271" t="s">
        <v>50</v>
      </c>
      <c r="NI8" s="271" t="s">
        <v>51</v>
      </c>
      <c r="NJ8" s="272" t="s">
        <v>45</v>
      </c>
      <c r="NK8" s="567"/>
      <c r="NL8" s="270" t="s">
        <v>43</v>
      </c>
      <c r="NM8" s="271" t="s">
        <v>44</v>
      </c>
      <c r="NN8" s="274" t="s">
        <v>45</v>
      </c>
      <c r="NO8" s="50" t="s">
        <v>83</v>
      </c>
      <c r="NP8" s="271" t="s">
        <v>47</v>
      </c>
      <c r="NQ8" s="271" t="s">
        <v>48</v>
      </c>
      <c r="NR8" s="271" t="s">
        <v>49</v>
      </c>
      <c r="NS8" s="271" t="s">
        <v>50</v>
      </c>
      <c r="NT8" s="271" t="s">
        <v>51</v>
      </c>
      <c r="NU8" s="272" t="s">
        <v>45</v>
      </c>
      <c r="NV8" s="567"/>
      <c r="NW8" s="270" t="s">
        <v>43</v>
      </c>
      <c r="NX8" s="271" t="s">
        <v>44</v>
      </c>
      <c r="NY8" s="274" t="s">
        <v>45</v>
      </c>
      <c r="NZ8" s="50" t="s">
        <v>83</v>
      </c>
      <c r="OA8" s="271" t="s">
        <v>47</v>
      </c>
      <c r="OB8" s="271" t="s">
        <v>48</v>
      </c>
      <c r="OC8" s="271" t="s">
        <v>49</v>
      </c>
      <c r="OD8" s="271" t="s">
        <v>50</v>
      </c>
      <c r="OE8" s="271" t="s">
        <v>51</v>
      </c>
      <c r="OF8" s="272" t="s">
        <v>45</v>
      </c>
      <c r="OG8" s="567"/>
      <c r="OH8" s="270" t="s">
        <v>43</v>
      </c>
      <c r="OI8" s="271" t="s">
        <v>44</v>
      </c>
      <c r="OJ8" s="274" t="s">
        <v>45</v>
      </c>
      <c r="OK8" s="50" t="s">
        <v>83</v>
      </c>
      <c r="OL8" s="271" t="s">
        <v>47</v>
      </c>
      <c r="OM8" s="271" t="s">
        <v>48</v>
      </c>
      <c r="ON8" s="271" t="s">
        <v>49</v>
      </c>
      <c r="OO8" s="271" t="s">
        <v>50</v>
      </c>
      <c r="OP8" s="271" t="s">
        <v>51</v>
      </c>
      <c r="OQ8" s="272" t="s">
        <v>45</v>
      </c>
      <c r="OR8" s="567"/>
    </row>
    <row r="9" spans="1:408" ht="20.25" customHeight="1" x14ac:dyDescent="0.2">
      <c r="A9" s="110" t="s">
        <v>4</v>
      </c>
      <c r="B9" s="275">
        <v>27394163</v>
      </c>
      <c r="C9" s="276">
        <v>45198251</v>
      </c>
      <c r="D9" s="277">
        <v>72592414</v>
      </c>
      <c r="E9" s="278">
        <v>0</v>
      </c>
      <c r="F9" s="276">
        <v>304125440</v>
      </c>
      <c r="G9" s="276">
        <v>413522252</v>
      </c>
      <c r="H9" s="276">
        <v>352842573</v>
      </c>
      <c r="I9" s="276">
        <v>324736788</v>
      </c>
      <c r="J9" s="276">
        <v>212019697</v>
      </c>
      <c r="K9" s="279">
        <v>1607246750</v>
      </c>
      <c r="L9" s="280">
        <v>1679839164</v>
      </c>
      <c r="M9" s="275">
        <v>8102734</v>
      </c>
      <c r="N9" s="276">
        <v>16868684</v>
      </c>
      <c r="O9" s="281">
        <v>24971418</v>
      </c>
      <c r="P9" s="275">
        <v>0</v>
      </c>
      <c r="Q9" s="276">
        <v>95976157</v>
      </c>
      <c r="R9" s="276">
        <v>139946018</v>
      </c>
      <c r="S9" s="276">
        <v>117630104</v>
      </c>
      <c r="T9" s="276">
        <v>120273221</v>
      </c>
      <c r="U9" s="276">
        <v>102804335</v>
      </c>
      <c r="V9" s="281">
        <v>576629835</v>
      </c>
      <c r="W9" s="280">
        <v>601601253</v>
      </c>
      <c r="X9" s="275">
        <v>0</v>
      </c>
      <c r="Y9" s="276">
        <v>0</v>
      </c>
      <c r="Z9" s="281">
        <v>0</v>
      </c>
      <c r="AA9" s="282">
        <v>0</v>
      </c>
      <c r="AB9" s="283">
        <v>42109127</v>
      </c>
      <c r="AC9" s="283">
        <v>61824973</v>
      </c>
      <c r="AD9" s="283">
        <v>59961094</v>
      </c>
      <c r="AE9" s="283">
        <v>62992958</v>
      </c>
      <c r="AF9" s="283">
        <v>53406631</v>
      </c>
      <c r="AG9" s="281">
        <v>280294783</v>
      </c>
      <c r="AH9" s="280">
        <v>280294783</v>
      </c>
      <c r="AI9" s="284">
        <v>0</v>
      </c>
      <c r="AJ9" s="283">
        <v>32532</v>
      </c>
      <c r="AK9" s="281">
        <v>32532</v>
      </c>
      <c r="AL9" s="282">
        <v>0</v>
      </c>
      <c r="AM9" s="283">
        <v>263698</v>
      </c>
      <c r="AN9" s="279">
        <v>1704834</v>
      </c>
      <c r="AO9" s="283">
        <v>3091570</v>
      </c>
      <c r="AP9" s="283">
        <v>7801225</v>
      </c>
      <c r="AQ9" s="283">
        <v>13714463</v>
      </c>
      <c r="AR9" s="281">
        <v>26575790</v>
      </c>
      <c r="AS9" s="280">
        <v>26608322</v>
      </c>
      <c r="AT9" s="284">
        <v>4070913</v>
      </c>
      <c r="AU9" s="283">
        <v>11671233</v>
      </c>
      <c r="AV9" s="281">
        <v>15742146</v>
      </c>
      <c r="AW9" s="282">
        <v>0</v>
      </c>
      <c r="AX9" s="283">
        <v>33851923</v>
      </c>
      <c r="AY9" s="283">
        <v>50439577</v>
      </c>
      <c r="AZ9" s="283">
        <v>32299701</v>
      </c>
      <c r="BA9" s="283">
        <v>29426858</v>
      </c>
      <c r="BB9" s="283">
        <v>23154243</v>
      </c>
      <c r="BC9" s="281">
        <v>169172302</v>
      </c>
      <c r="BD9" s="285">
        <v>184914448</v>
      </c>
      <c r="BE9" s="284">
        <v>478517</v>
      </c>
      <c r="BF9" s="279">
        <v>1614615</v>
      </c>
      <c r="BG9" s="286">
        <v>2093132</v>
      </c>
      <c r="BH9" s="282">
        <v>0</v>
      </c>
      <c r="BI9" s="283">
        <v>2447262</v>
      </c>
      <c r="BJ9" s="283">
        <v>4540730</v>
      </c>
      <c r="BK9" s="283">
        <v>3261635</v>
      </c>
      <c r="BL9" s="283">
        <v>2924881</v>
      </c>
      <c r="BM9" s="283">
        <v>1546358</v>
      </c>
      <c r="BN9" s="281">
        <v>14720866</v>
      </c>
      <c r="BO9" s="280">
        <v>16813998</v>
      </c>
      <c r="BP9" s="284">
        <v>3553304</v>
      </c>
      <c r="BQ9" s="283">
        <v>3550304</v>
      </c>
      <c r="BR9" s="281">
        <v>7103608</v>
      </c>
      <c r="BS9" s="282">
        <v>0</v>
      </c>
      <c r="BT9" s="283">
        <v>17304147</v>
      </c>
      <c r="BU9" s="283">
        <v>21435904</v>
      </c>
      <c r="BV9" s="283">
        <v>19016104</v>
      </c>
      <c r="BW9" s="283">
        <v>17127299</v>
      </c>
      <c r="BX9" s="283">
        <v>10982640</v>
      </c>
      <c r="BY9" s="281">
        <v>85866094</v>
      </c>
      <c r="BZ9" s="280">
        <v>92969702</v>
      </c>
      <c r="CA9" s="284">
        <v>2689491</v>
      </c>
      <c r="CB9" s="283">
        <v>5833591</v>
      </c>
      <c r="CC9" s="281">
        <v>8523082</v>
      </c>
      <c r="CD9" s="282">
        <v>0</v>
      </c>
      <c r="CE9" s="283">
        <v>98777033</v>
      </c>
      <c r="CF9" s="283">
        <v>122225644</v>
      </c>
      <c r="CG9" s="287">
        <v>89500263</v>
      </c>
      <c r="CH9" s="283">
        <v>53991778</v>
      </c>
      <c r="CI9" s="283">
        <v>21129133</v>
      </c>
      <c r="CJ9" s="281">
        <v>385623851</v>
      </c>
      <c r="CK9" s="280">
        <v>394146933</v>
      </c>
      <c r="CL9" s="275">
        <v>0</v>
      </c>
      <c r="CM9" s="276">
        <v>0</v>
      </c>
      <c r="CN9" s="281">
        <v>0</v>
      </c>
      <c r="CO9" s="282">
        <v>0</v>
      </c>
      <c r="CP9" s="283">
        <v>79676691</v>
      </c>
      <c r="CQ9" s="283">
        <v>88827828</v>
      </c>
      <c r="CR9" s="283">
        <v>64783343</v>
      </c>
      <c r="CS9" s="283">
        <v>37975810</v>
      </c>
      <c r="CT9" s="283">
        <v>15876267</v>
      </c>
      <c r="CU9" s="288">
        <v>287139939</v>
      </c>
      <c r="CV9" s="280">
        <v>287139939</v>
      </c>
      <c r="CW9" s="284">
        <v>2689491</v>
      </c>
      <c r="CX9" s="283">
        <v>5833591</v>
      </c>
      <c r="CY9" s="281">
        <v>8523082</v>
      </c>
      <c r="CZ9" s="282">
        <v>0</v>
      </c>
      <c r="DA9" s="283">
        <v>19100342</v>
      </c>
      <c r="DB9" s="283">
        <v>33397816</v>
      </c>
      <c r="DC9" s="283">
        <v>24716920</v>
      </c>
      <c r="DD9" s="283">
        <v>16015968</v>
      </c>
      <c r="DE9" s="283">
        <v>5252866</v>
      </c>
      <c r="DF9" s="281">
        <v>98483912</v>
      </c>
      <c r="DG9" s="280">
        <v>107006994</v>
      </c>
      <c r="DH9" s="284">
        <v>123836</v>
      </c>
      <c r="DI9" s="283">
        <v>939331</v>
      </c>
      <c r="DJ9" s="286">
        <v>1063167</v>
      </c>
      <c r="DK9" s="282">
        <v>0</v>
      </c>
      <c r="DL9" s="283">
        <v>9206338</v>
      </c>
      <c r="DM9" s="283">
        <v>18379957</v>
      </c>
      <c r="DN9" s="283">
        <v>34314587</v>
      </c>
      <c r="DO9" s="283">
        <v>29926702</v>
      </c>
      <c r="DP9" s="283">
        <v>14406773</v>
      </c>
      <c r="DQ9" s="289">
        <v>106234357</v>
      </c>
      <c r="DR9" s="280">
        <v>107297524</v>
      </c>
      <c r="DS9" s="284">
        <v>123836</v>
      </c>
      <c r="DT9" s="283">
        <v>885389</v>
      </c>
      <c r="DU9" s="281">
        <v>1009225</v>
      </c>
      <c r="DV9" s="282">
        <v>0</v>
      </c>
      <c r="DW9" s="283">
        <v>7793170</v>
      </c>
      <c r="DX9" s="283">
        <v>14563389</v>
      </c>
      <c r="DY9" s="283">
        <v>28658199</v>
      </c>
      <c r="DZ9" s="283">
        <v>25814421</v>
      </c>
      <c r="EA9" s="283">
        <v>12966757</v>
      </c>
      <c r="EB9" s="281">
        <v>89795936</v>
      </c>
      <c r="EC9" s="280">
        <v>90805161</v>
      </c>
      <c r="ED9" s="284">
        <v>0</v>
      </c>
      <c r="EE9" s="279">
        <v>53942</v>
      </c>
      <c r="EF9" s="281">
        <v>53942</v>
      </c>
      <c r="EG9" s="285">
        <v>0</v>
      </c>
      <c r="EH9" s="283">
        <v>1413168</v>
      </c>
      <c r="EI9" s="283">
        <v>3816568</v>
      </c>
      <c r="EJ9" s="283">
        <v>5656388</v>
      </c>
      <c r="EK9" s="283">
        <v>4112281</v>
      </c>
      <c r="EL9" s="287">
        <v>1440016</v>
      </c>
      <c r="EM9" s="279">
        <v>16438421</v>
      </c>
      <c r="EN9" s="280">
        <v>16492363</v>
      </c>
      <c r="EO9" s="284">
        <v>0</v>
      </c>
      <c r="EP9" s="283">
        <v>0</v>
      </c>
      <c r="EQ9" s="279">
        <v>0</v>
      </c>
      <c r="ER9" s="282">
        <v>0</v>
      </c>
      <c r="ES9" s="283">
        <v>0</v>
      </c>
      <c r="ET9" s="283">
        <v>0</v>
      </c>
      <c r="EU9" s="283">
        <v>0</v>
      </c>
      <c r="EV9" s="283">
        <v>0</v>
      </c>
      <c r="EW9" s="283">
        <v>0</v>
      </c>
      <c r="EX9" s="288">
        <v>0</v>
      </c>
      <c r="EY9" s="280">
        <v>0</v>
      </c>
      <c r="EZ9" s="284">
        <v>0</v>
      </c>
      <c r="FA9" s="283">
        <v>0</v>
      </c>
      <c r="FB9" s="279">
        <v>0</v>
      </c>
      <c r="FC9" s="290"/>
      <c r="FD9" s="283">
        <v>0</v>
      </c>
      <c r="FE9" s="283">
        <v>0</v>
      </c>
      <c r="FF9" s="283">
        <v>0</v>
      </c>
      <c r="FG9" s="283">
        <v>0</v>
      </c>
      <c r="FH9" s="283">
        <v>0</v>
      </c>
      <c r="FI9" s="288">
        <v>0</v>
      </c>
      <c r="FJ9" s="280">
        <v>0</v>
      </c>
      <c r="FK9" s="284">
        <v>5668484</v>
      </c>
      <c r="FL9" s="283">
        <v>9010018</v>
      </c>
      <c r="FM9" s="281">
        <v>14678502</v>
      </c>
      <c r="FN9" s="282">
        <v>0</v>
      </c>
      <c r="FO9" s="283">
        <v>15823691</v>
      </c>
      <c r="FP9" s="283">
        <v>39023759</v>
      </c>
      <c r="FQ9" s="283">
        <v>27091877</v>
      </c>
      <c r="FR9" s="283">
        <v>25721458</v>
      </c>
      <c r="FS9" s="283">
        <v>14996642</v>
      </c>
      <c r="FT9" s="281">
        <v>122657427</v>
      </c>
      <c r="FU9" s="280">
        <v>137335929</v>
      </c>
      <c r="FV9" s="284">
        <v>2433680</v>
      </c>
      <c r="FW9" s="283">
        <v>5901286</v>
      </c>
      <c r="FX9" s="279">
        <v>8334966</v>
      </c>
      <c r="FY9" s="285">
        <v>0</v>
      </c>
      <c r="FZ9" s="283">
        <v>10705872</v>
      </c>
      <c r="GA9" s="291">
        <v>34438314</v>
      </c>
      <c r="GB9" s="283">
        <v>24841830</v>
      </c>
      <c r="GC9" s="291">
        <v>23382210</v>
      </c>
      <c r="GD9" s="283">
        <v>14222970</v>
      </c>
      <c r="GE9" s="288">
        <v>107591196</v>
      </c>
      <c r="GF9" s="292">
        <v>115926162</v>
      </c>
      <c r="GG9" s="293">
        <v>242552</v>
      </c>
      <c r="GH9" s="283">
        <v>548226</v>
      </c>
      <c r="GI9" s="291">
        <v>790778</v>
      </c>
      <c r="GJ9" s="278">
        <v>0</v>
      </c>
      <c r="GK9" s="283">
        <v>758008</v>
      </c>
      <c r="GL9" s="279">
        <v>1199947</v>
      </c>
      <c r="GM9" s="283">
        <v>643612</v>
      </c>
      <c r="GN9" s="279">
        <v>867220</v>
      </c>
      <c r="GO9" s="283">
        <v>352392</v>
      </c>
      <c r="GP9" s="289">
        <v>3821179</v>
      </c>
      <c r="GQ9" s="280">
        <v>4611957</v>
      </c>
      <c r="GR9" s="279">
        <v>2992252</v>
      </c>
      <c r="GS9" s="283">
        <v>2560506</v>
      </c>
      <c r="GT9" s="281">
        <v>5552758</v>
      </c>
      <c r="GU9" s="279">
        <v>0</v>
      </c>
      <c r="GV9" s="283">
        <v>4359811</v>
      </c>
      <c r="GW9" s="279">
        <v>3385498</v>
      </c>
      <c r="GX9" s="283">
        <v>1606435</v>
      </c>
      <c r="GY9" s="279">
        <v>1472028</v>
      </c>
      <c r="GZ9" s="283">
        <v>421280</v>
      </c>
      <c r="HA9" s="279">
        <v>11245052</v>
      </c>
      <c r="HB9" s="280">
        <v>16797810</v>
      </c>
      <c r="HC9" s="279">
        <v>10809618</v>
      </c>
      <c r="HD9" s="283">
        <v>12546627</v>
      </c>
      <c r="HE9" s="279">
        <v>23356245</v>
      </c>
      <c r="HF9" s="285">
        <v>0</v>
      </c>
      <c r="HG9" s="283">
        <v>84342221</v>
      </c>
      <c r="HH9" s="291">
        <v>93946874</v>
      </c>
      <c r="HI9" s="283">
        <v>84305742</v>
      </c>
      <c r="HJ9" s="291">
        <v>94823629</v>
      </c>
      <c r="HK9" s="283">
        <v>58682814</v>
      </c>
      <c r="HL9" s="288">
        <v>416101280</v>
      </c>
      <c r="HM9" s="279">
        <v>439457525</v>
      </c>
      <c r="HN9" s="406"/>
      <c r="HO9" s="407"/>
      <c r="HP9" s="408"/>
      <c r="HQ9" s="409"/>
      <c r="HR9" s="407"/>
      <c r="HS9" s="409"/>
      <c r="HT9" s="407"/>
      <c r="HU9" s="409"/>
      <c r="HV9" s="407"/>
      <c r="HW9" s="409"/>
      <c r="HX9" s="410"/>
      <c r="HY9" s="294">
        <v>569430</v>
      </c>
      <c r="HZ9" s="295">
        <v>1397931</v>
      </c>
      <c r="IA9" s="296">
        <v>1967361</v>
      </c>
      <c r="IB9" s="297">
        <v>0</v>
      </c>
      <c r="IC9" s="295">
        <v>86669613</v>
      </c>
      <c r="ID9" s="298">
        <v>110413129</v>
      </c>
      <c r="IE9" s="299">
        <v>111092592</v>
      </c>
      <c r="IF9" s="295">
        <v>84882198</v>
      </c>
      <c r="IG9" s="299">
        <v>44357531</v>
      </c>
      <c r="IH9" s="300">
        <v>437415063</v>
      </c>
      <c r="II9" s="301">
        <v>439382424</v>
      </c>
      <c r="IJ9" s="302">
        <v>0</v>
      </c>
      <c r="IK9" s="303">
        <v>0</v>
      </c>
      <c r="IL9" s="304">
        <v>0</v>
      </c>
      <c r="IM9" s="305"/>
      <c r="IN9" s="306">
        <v>1517167</v>
      </c>
      <c r="IO9" s="306">
        <v>3813063</v>
      </c>
      <c r="IP9" s="306">
        <v>3211954</v>
      </c>
      <c r="IQ9" s="306">
        <v>6277519</v>
      </c>
      <c r="IR9" s="306">
        <v>3577263</v>
      </c>
      <c r="IS9" s="307">
        <v>18396966</v>
      </c>
      <c r="IT9" s="308">
        <v>18396966</v>
      </c>
      <c r="IU9" s="309">
        <v>0</v>
      </c>
      <c r="IV9" s="306">
        <v>0</v>
      </c>
      <c r="IW9" s="310">
        <v>0</v>
      </c>
      <c r="IX9" s="305"/>
      <c r="IY9" s="306">
        <v>371204</v>
      </c>
      <c r="IZ9" s="306">
        <v>721392</v>
      </c>
      <c r="JA9" s="306">
        <v>849273</v>
      </c>
      <c r="JB9" s="306">
        <v>1108240</v>
      </c>
      <c r="JC9" s="306">
        <v>771161</v>
      </c>
      <c r="JD9" s="310">
        <v>3821270</v>
      </c>
      <c r="JE9" s="312">
        <v>3821270</v>
      </c>
      <c r="JF9" s="309">
        <v>0</v>
      </c>
      <c r="JG9" s="306">
        <v>0</v>
      </c>
      <c r="JH9" s="307">
        <v>0</v>
      </c>
      <c r="JI9" s="313">
        <v>0</v>
      </c>
      <c r="JJ9" s="306">
        <v>37578484</v>
      </c>
      <c r="JK9" s="306">
        <v>37937490</v>
      </c>
      <c r="JL9" s="306">
        <v>29959634</v>
      </c>
      <c r="JM9" s="306">
        <v>16541307</v>
      </c>
      <c r="JN9" s="306">
        <v>7059104</v>
      </c>
      <c r="JO9" s="310">
        <v>129076019</v>
      </c>
      <c r="JP9" s="308">
        <v>129076019</v>
      </c>
      <c r="JQ9" s="309">
        <v>25674</v>
      </c>
      <c r="JR9" s="306">
        <v>54547</v>
      </c>
      <c r="JS9" s="307">
        <v>80221</v>
      </c>
      <c r="JT9" s="313">
        <v>0</v>
      </c>
      <c r="JU9" s="306">
        <v>5416253</v>
      </c>
      <c r="JV9" s="306">
        <v>7982235</v>
      </c>
      <c r="JW9" s="306">
        <v>8937861</v>
      </c>
      <c r="JX9" s="306">
        <v>4705139</v>
      </c>
      <c r="JY9" s="306">
        <v>2716343</v>
      </c>
      <c r="JZ9" s="310">
        <v>29757831</v>
      </c>
      <c r="KA9" s="308">
        <v>29838052</v>
      </c>
      <c r="KB9" s="314">
        <v>543756</v>
      </c>
      <c r="KC9" s="315">
        <v>911540</v>
      </c>
      <c r="KD9" s="310">
        <v>1455296</v>
      </c>
      <c r="KE9" s="313">
        <v>0</v>
      </c>
      <c r="KF9" s="306">
        <v>10846117</v>
      </c>
      <c r="KG9" s="306">
        <v>15846964</v>
      </c>
      <c r="KH9" s="306">
        <v>15906593</v>
      </c>
      <c r="KI9" s="306">
        <v>15995267</v>
      </c>
      <c r="KJ9" s="306">
        <v>5967308</v>
      </c>
      <c r="KK9" s="310">
        <v>64562249</v>
      </c>
      <c r="KL9" s="316">
        <v>66017545</v>
      </c>
      <c r="KM9" s="302">
        <v>0</v>
      </c>
      <c r="KN9" s="303">
        <v>431844</v>
      </c>
      <c r="KO9" s="304">
        <v>431844</v>
      </c>
      <c r="KP9" s="305"/>
      <c r="KQ9" s="306">
        <v>28071846</v>
      </c>
      <c r="KR9" s="306">
        <v>39762310</v>
      </c>
      <c r="KS9" s="306">
        <v>41705820</v>
      </c>
      <c r="KT9" s="306">
        <v>29514269</v>
      </c>
      <c r="KU9" s="306">
        <v>10490299</v>
      </c>
      <c r="KV9" s="310">
        <v>149544544</v>
      </c>
      <c r="KW9" s="308">
        <v>149976388</v>
      </c>
      <c r="KX9" s="309">
        <v>0</v>
      </c>
      <c r="KY9" s="306">
        <v>0</v>
      </c>
      <c r="KZ9" s="310">
        <v>0</v>
      </c>
      <c r="LA9" s="305"/>
      <c r="LB9" s="306">
        <v>155910</v>
      </c>
      <c r="LC9" s="306">
        <v>1027577</v>
      </c>
      <c r="LD9" s="306">
        <v>1128207</v>
      </c>
      <c r="LE9" s="306">
        <v>2138468</v>
      </c>
      <c r="LF9" s="306">
        <v>683554</v>
      </c>
      <c r="LG9" s="310">
        <v>5133716</v>
      </c>
      <c r="LH9" s="312">
        <v>5133716</v>
      </c>
      <c r="LI9" s="309">
        <v>0</v>
      </c>
      <c r="LJ9" s="306">
        <v>0</v>
      </c>
      <c r="LK9" s="310">
        <v>0</v>
      </c>
      <c r="LL9" s="305"/>
      <c r="LM9" s="306">
        <v>0</v>
      </c>
      <c r="LN9" s="306">
        <v>199614</v>
      </c>
      <c r="LO9" s="306">
        <v>3947688</v>
      </c>
      <c r="LP9" s="306">
        <v>3035169</v>
      </c>
      <c r="LQ9" s="306">
        <v>3822789</v>
      </c>
      <c r="LR9" s="310">
        <v>11005260</v>
      </c>
      <c r="LS9" s="308">
        <v>11005260</v>
      </c>
      <c r="LT9" s="309">
        <v>0</v>
      </c>
      <c r="LU9" s="306">
        <v>0</v>
      </c>
      <c r="LV9" s="310">
        <v>0</v>
      </c>
      <c r="LW9" s="305"/>
      <c r="LX9" s="306">
        <v>2712632</v>
      </c>
      <c r="LY9" s="306">
        <v>3122484</v>
      </c>
      <c r="LZ9" s="306">
        <v>5445562</v>
      </c>
      <c r="MA9" s="306">
        <v>5566820</v>
      </c>
      <c r="MB9" s="306">
        <v>9269710</v>
      </c>
      <c r="MC9" s="310">
        <v>26117208</v>
      </c>
      <c r="MD9" s="312">
        <v>26117208</v>
      </c>
      <c r="ME9" s="309">
        <v>0</v>
      </c>
      <c r="MF9" s="306">
        <v>0</v>
      </c>
      <c r="MG9" s="310">
        <v>0</v>
      </c>
      <c r="MH9" s="305"/>
      <c r="MI9" s="306">
        <v>22086465</v>
      </c>
      <c r="MJ9" s="306">
        <v>59214043</v>
      </c>
      <c r="MK9" s="306">
        <v>176499333</v>
      </c>
      <c r="ML9" s="306">
        <v>262287126</v>
      </c>
      <c r="MM9" s="306">
        <v>163422643</v>
      </c>
      <c r="MN9" s="310">
        <v>683509610</v>
      </c>
      <c r="MO9" s="316">
        <v>683509610</v>
      </c>
      <c r="MP9" s="309">
        <v>0</v>
      </c>
      <c r="MQ9" s="306">
        <v>0</v>
      </c>
      <c r="MR9" s="310">
        <v>0</v>
      </c>
      <c r="MS9" s="305"/>
      <c r="MT9" s="306">
        <v>1596831</v>
      </c>
      <c r="MU9" s="306">
        <v>11219356</v>
      </c>
      <c r="MV9" s="306">
        <v>101904427</v>
      </c>
      <c r="MW9" s="306">
        <v>159200866</v>
      </c>
      <c r="MX9" s="306">
        <v>95710120</v>
      </c>
      <c r="MY9" s="310">
        <v>369631600</v>
      </c>
      <c r="MZ9" s="316">
        <v>369631600</v>
      </c>
      <c r="NA9" s="309">
        <v>0</v>
      </c>
      <c r="NB9" s="306">
        <v>0</v>
      </c>
      <c r="NC9" s="310">
        <v>0</v>
      </c>
      <c r="ND9" s="305"/>
      <c r="NE9" s="306">
        <v>20293551</v>
      </c>
      <c r="NF9" s="306">
        <v>47514250</v>
      </c>
      <c r="NG9" s="306">
        <v>73325032</v>
      </c>
      <c r="NH9" s="306">
        <v>95000401</v>
      </c>
      <c r="NI9" s="306">
        <v>52926914</v>
      </c>
      <c r="NJ9" s="310">
        <v>289060148</v>
      </c>
      <c r="NK9" s="308">
        <v>289060148</v>
      </c>
      <c r="NL9" s="309">
        <v>0</v>
      </c>
      <c r="NM9" s="306">
        <v>0</v>
      </c>
      <c r="NN9" s="310">
        <v>0</v>
      </c>
      <c r="NO9" s="305"/>
      <c r="NP9" s="306">
        <v>196083</v>
      </c>
      <c r="NQ9" s="306">
        <v>0</v>
      </c>
      <c r="NR9" s="306">
        <v>371255</v>
      </c>
      <c r="NS9" s="306">
        <v>3686042</v>
      </c>
      <c r="NT9" s="306">
        <v>6894902</v>
      </c>
      <c r="NU9" s="310">
        <v>11148282</v>
      </c>
      <c r="NV9" s="312">
        <v>11148282</v>
      </c>
      <c r="NW9" s="309">
        <v>0</v>
      </c>
      <c r="NX9" s="306">
        <v>0</v>
      </c>
      <c r="NY9" s="310">
        <v>0</v>
      </c>
      <c r="NZ9" s="305"/>
      <c r="OA9" s="306">
        <v>0</v>
      </c>
      <c r="OB9" s="306">
        <v>480437</v>
      </c>
      <c r="OC9" s="306">
        <v>898619</v>
      </c>
      <c r="OD9" s="306">
        <v>4399817</v>
      </c>
      <c r="OE9" s="306">
        <v>7890707</v>
      </c>
      <c r="OF9" s="310">
        <v>13669580</v>
      </c>
      <c r="OG9" s="312">
        <v>13669580</v>
      </c>
      <c r="OH9" s="309">
        <v>27963593</v>
      </c>
      <c r="OI9" s="306">
        <v>46596182</v>
      </c>
      <c r="OJ9" s="307">
        <v>74559775</v>
      </c>
      <c r="OK9" s="313">
        <v>0</v>
      </c>
      <c r="OL9" s="306">
        <v>412881518</v>
      </c>
      <c r="OM9" s="306">
        <v>583149424</v>
      </c>
      <c r="ON9" s="306">
        <v>640434498</v>
      </c>
      <c r="OO9" s="306">
        <v>671906112</v>
      </c>
      <c r="OP9" s="306">
        <v>419799871</v>
      </c>
      <c r="OQ9" s="310">
        <v>2728171423</v>
      </c>
      <c r="OR9" s="316">
        <v>2802731198</v>
      </c>
    </row>
    <row r="10" spans="1:408" ht="20.25" customHeight="1" x14ac:dyDescent="0.2">
      <c r="A10" s="111" t="s">
        <v>5</v>
      </c>
      <c r="B10" s="318">
        <v>12189742</v>
      </c>
      <c r="C10" s="319">
        <v>23400237</v>
      </c>
      <c r="D10" s="320">
        <v>35589979</v>
      </c>
      <c r="E10" s="321">
        <v>0</v>
      </c>
      <c r="F10" s="319">
        <v>112995143</v>
      </c>
      <c r="G10" s="319">
        <v>195913533</v>
      </c>
      <c r="H10" s="319">
        <v>165713267</v>
      </c>
      <c r="I10" s="319">
        <v>131667575</v>
      </c>
      <c r="J10" s="319">
        <v>91034074</v>
      </c>
      <c r="K10" s="321">
        <v>697323592</v>
      </c>
      <c r="L10" s="322">
        <v>732913571</v>
      </c>
      <c r="M10" s="318">
        <v>3960760</v>
      </c>
      <c r="N10" s="319">
        <v>9267559</v>
      </c>
      <c r="O10" s="320">
        <v>13228319</v>
      </c>
      <c r="P10" s="318">
        <v>0</v>
      </c>
      <c r="Q10" s="319">
        <v>36482542</v>
      </c>
      <c r="R10" s="319">
        <v>71059860</v>
      </c>
      <c r="S10" s="319">
        <v>54739455</v>
      </c>
      <c r="T10" s="319">
        <v>48595741</v>
      </c>
      <c r="U10" s="319">
        <v>44592795</v>
      </c>
      <c r="V10" s="320">
        <v>255470393</v>
      </c>
      <c r="W10" s="322">
        <v>268698712</v>
      </c>
      <c r="X10" s="318">
        <v>0</v>
      </c>
      <c r="Y10" s="319">
        <v>0</v>
      </c>
      <c r="Z10" s="320">
        <v>0</v>
      </c>
      <c r="AA10" s="318">
        <v>0</v>
      </c>
      <c r="AB10" s="319">
        <v>16198869</v>
      </c>
      <c r="AC10" s="319">
        <v>29583629</v>
      </c>
      <c r="AD10" s="319">
        <v>25856949</v>
      </c>
      <c r="AE10" s="319">
        <v>23443751</v>
      </c>
      <c r="AF10" s="319">
        <v>21446268</v>
      </c>
      <c r="AG10" s="320">
        <v>116529466</v>
      </c>
      <c r="AH10" s="322">
        <v>116529466</v>
      </c>
      <c r="AI10" s="318">
        <v>0</v>
      </c>
      <c r="AJ10" s="319">
        <v>32532</v>
      </c>
      <c r="AK10" s="320">
        <v>32532</v>
      </c>
      <c r="AL10" s="318">
        <v>0</v>
      </c>
      <c r="AM10" s="319">
        <v>120270</v>
      </c>
      <c r="AN10" s="319">
        <v>970489</v>
      </c>
      <c r="AO10" s="319">
        <v>1094662</v>
      </c>
      <c r="AP10" s="319">
        <v>3386498</v>
      </c>
      <c r="AQ10" s="319">
        <v>5904031</v>
      </c>
      <c r="AR10" s="320">
        <v>11475950</v>
      </c>
      <c r="AS10" s="322">
        <v>11508482</v>
      </c>
      <c r="AT10" s="318">
        <v>2168532</v>
      </c>
      <c r="AU10" s="319">
        <v>6571345</v>
      </c>
      <c r="AV10" s="320">
        <v>8739877</v>
      </c>
      <c r="AW10" s="318">
        <v>0</v>
      </c>
      <c r="AX10" s="319">
        <v>13290526</v>
      </c>
      <c r="AY10" s="319">
        <v>27903111</v>
      </c>
      <c r="AZ10" s="319">
        <v>17191113</v>
      </c>
      <c r="BA10" s="319">
        <v>13702654</v>
      </c>
      <c r="BB10" s="319">
        <v>11651975</v>
      </c>
      <c r="BC10" s="320">
        <v>83739379</v>
      </c>
      <c r="BD10" s="322">
        <v>92479256</v>
      </c>
      <c r="BE10" s="318">
        <v>238900</v>
      </c>
      <c r="BF10" s="319">
        <v>887210</v>
      </c>
      <c r="BG10" s="323">
        <v>1126110</v>
      </c>
      <c r="BH10" s="324">
        <v>0</v>
      </c>
      <c r="BI10" s="319">
        <v>588893</v>
      </c>
      <c r="BJ10" s="319">
        <v>2190655</v>
      </c>
      <c r="BK10" s="319">
        <v>1618595</v>
      </c>
      <c r="BL10" s="319">
        <v>1200362</v>
      </c>
      <c r="BM10" s="319">
        <v>617465</v>
      </c>
      <c r="BN10" s="320">
        <v>6215970</v>
      </c>
      <c r="BO10" s="322">
        <v>7342080</v>
      </c>
      <c r="BP10" s="318">
        <v>1553328</v>
      </c>
      <c r="BQ10" s="319">
        <v>1776472</v>
      </c>
      <c r="BR10" s="320">
        <v>3329800</v>
      </c>
      <c r="BS10" s="318">
        <v>0</v>
      </c>
      <c r="BT10" s="319">
        <v>6283984</v>
      </c>
      <c r="BU10" s="319">
        <v>10411976</v>
      </c>
      <c r="BV10" s="319">
        <v>8978136</v>
      </c>
      <c r="BW10" s="319">
        <v>6862476</v>
      </c>
      <c r="BX10" s="319">
        <v>4973056</v>
      </c>
      <c r="BY10" s="320">
        <v>37509628</v>
      </c>
      <c r="BZ10" s="322">
        <v>40839428</v>
      </c>
      <c r="CA10" s="318">
        <v>1390962</v>
      </c>
      <c r="CB10" s="319">
        <v>3639551</v>
      </c>
      <c r="CC10" s="320">
        <v>5030513</v>
      </c>
      <c r="CD10" s="318">
        <v>0</v>
      </c>
      <c r="CE10" s="319">
        <v>36074797</v>
      </c>
      <c r="CF10" s="319">
        <v>54387728</v>
      </c>
      <c r="CG10" s="319">
        <v>39393833</v>
      </c>
      <c r="CH10" s="319">
        <v>19946490</v>
      </c>
      <c r="CI10" s="319">
        <v>7892297</v>
      </c>
      <c r="CJ10" s="320">
        <v>157695145</v>
      </c>
      <c r="CK10" s="322">
        <v>162725658</v>
      </c>
      <c r="CL10" s="318">
        <v>0</v>
      </c>
      <c r="CM10" s="319">
        <v>0</v>
      </c>
      <c r="CN10" s="320">
        <v>0</v>
      </c>
      <c r="CO10" s="324">
        <v>0</v>
      </c>
      <c r="CP10" s="319">
        <v>28494031</v>
      </c>
      <c r="CQ10" s="319">
        <v>38345823</v>
      </c>
      <c r="CR10" s="319">
        <v>27243839</v>
      </c>
      <c r="CS10" s="319">
        <v>12743157</v>
      </c>
      <c r="CT10" s="319">
        <v>5525637</v>
      </c>
      <c r="CU10" s="320">
        <v>112352487</v>
      </c>
      <c r="CV10" s="322">
        <v>112352487</v>
      </c>
      <c r="CW10" s="318">
        <v>1390962</v>
      </c>
      <c r="CX10" s="319">
        <v>3639551</v>
      </c>
      <c r="CY10" s="320">
        <v>5030513</v>
      </c>
      <c r="CZ10" s="318">
        <v>0</v>
      </c>
      <c r="DA10" s="319">
        <v>7580766</v>
      </c>
      <c r="DB10" s="319">
        <v>16041905</v>
      </c>
      <c r="DC10" s="319">
        <v>12149994</v>
      </c>
      <c r="DD10" s="319">
        <v>7203333</v>
      </c>
      <c r="DE10" s="319">
        <v>2366660</v>
      </c>
      <c r="DF10" s="320">
        <v>45342658</v>
      </c>
      <c r="DG10" s="322">
        <v>50373171</v>
      </c>
      <c r="DH10" s="318">
        <v>80562</v>
      </c>
      <c r="DI10" s="319">
        <v>435533</v>
      </c>
      <c r="DJ10" s="323">
        <v>516095</v>
      </c>
      <c r="DK10" s="324">
        <v>0</v>
      </c>
      <c r="DL10" s="319">
        <v>3417140</v>
      </c>
      <c r="DM10" s="319">
        <v>7863921</v>
      </c>
      <c r="DN10" s="319">
        <v>15845911</v>
      </c>
      <c r="DO10" s="319">
        <v>12313827</v>
      </c>
      <c r="DP10" s="319">
        <v>5388348</v>
      </c>
      <c r="DQ10" s="320">
        <v>44829147</v>
      </c>
      <c r="DR10" s="322">
        <v>45345242</v>
      </c>
      <c r="DS10" s="318">
        <v>80562</v>
      </c>
      <c r="DT10" s="319">
        <v>381591</v>
      </c>
      <c r="DU10" s="320">
        <v>462153</v>
      </c>
      <c r="DV10" s="318">
        <v>0</v>
      </c>
      <c r="DW10" s="319">
        <v>2593175</v>
      </c>
      <c r="DX10" s="319">
        <v>5866549</v>
      </c>
      <c r="DY10" s="319">
        <v>12496152</v>
      </c>
      <c r="DZ10" s="319">
        <v>10394329</v>
      </c>
      <c r="EA10" s="319">
        <v>4379382</v>
      </c>
      <c r="EB10" s="320">
        <v>35729587</v>
      </c>
      <c r="EC10" s="322">
        <v>36191740</v>
      </c>
      <c r="ED10" s="318">
        <v>0</v>
      </c>
      <c r="EE10" s="323">
        <v>53942</v>
      </c>
      <c r="EF10" s="320">
        <v>53942</v>
      </c>
      <c r="EG10" s="318">
        <v>0</v>
      </c>
      <c r="EH10" s="319">
        <v>823965</v>
      </c>
      <c r="EI10" s="319">
        <v>1997372</v>
      </c>
      <c r="EJ10" s="319">
        <v>3349759</v>
      </c>
      <c r="EK10" s="319">
        <v>1919498</v>
      </c>
      <c r="EL10" s="319">
        <v>1008966</v>
      </c>
      <c r="EM10" s="323">
        <v>9099560</v>
      </c>
      <c r="EN10" s="322">
        <v>9153502</v>
      </c>
      <c r="EO10" s="318">
        <v>0</v>
      </c>
      <c r="EP10" s="319">
        <v>0</v>
      </c>
      <c r="EQ10" s="323">
        <v>0</v>
      </c>
      <c r="ER10" s="324">
        <v>0</v>
      </c>
      <c r="ES10" s="319">
        <v>0</v>
      </c>
      <c r="ET10" s="319">
        <v>0</v>
      </c>
      <c r="EU10" s="319">
        <v>0</v>
      </c>
      <c r="EV10" s="319">
        <v>0</v>
      </c>
      <c r="EW10" s="319">
        <v>0</v>
      </c>
      <c r="EX10" s="320">
        <v>0</v>
      </c>
      <c r="EY10" s="322">
        <v>0</v>
      </c>
      <c r="EZ10" s="318">
        <v>0</v>
      </c>
      <c r="FA10" s="319">
        <v>0</v>
      </c>
      <c r="FB10" s="323">
        <v>0</v>
      </c>
      <c r="FC10" s="325"/>
      <c r="FD10" s="319">
        <v>0</v>
      </c>
      <c r="FE10" s="319">
        <v>0</v>
      </c>
      <c r="FF10" s="319">
        <v>0</v>
      </c>
      <c r="FG10" s="319">
        <v>0</v>
      </c>
      <c r="FH10" s="319">
        <v>0</v>
      </c>
      <c r="FI10" s="320">
        <v>0</v>
      </c>
      <c r="FJ10" s="322">
        <v>0</v>
      </c>
      <c r="FK10" s="318">
        <v>2260292</v>
      </c>
      <c r="FL10" s="319">
        <v>4741364</v>
      </c>
      <c r="FM10" s="320">
        <v>7001656</v>
      </c>
      <c r="FN10" s="318">
        <v>0</v>
      </c>
      <c r="FO10" s="319">
        <v>4654435</v>
      </c>
      <c r="FP10" s="319">
        <v>16548336</v>
      </c>
      <c r="FQ10" s="319">
        <v>11872268</v>
      </c>
      <c r="FR10" s="319">
        <v>10131539</v>
      </c>
      <c r="FS10" s="319">
        <v>6524402</v>
      </c>
      <c r="FT10" s="320">
        <v>49730980</v>
      </c>
      <c r="FU10" s="322">
        <v>56732636</v>
      </c>
      <c r="FV10" s="326">
        <v>880648</v>
      </c>
      <c r="FW10" s="319">
        <v>2835784</v>
      </c>
      <c r="FX10" s="323">
        <v>3716432</v>
      </c>
      <c r="FY10" s="324">
        <v>0</v>
      </c>
      <c r="FZ10" s="319">
        <v>3007328</v>
      </c>
      <c r="GA10" s="319">
        <v>14944966</v>
      </c>
      <c r="GB10" s="319">
        <v>10637168</v>
      </c>
      <c r="GC10" s="319">
        <v>9089879</v>
      </c>
      <c r="GD10" s="319">
        <v>6172258</v>
      </c>
      <c r="GE10" s="320">
        <v>43851599</v>
      </c>
      <c r="GF10" s="327">
        <v>47568031</v>
      </c>
      <c r="GG10" s="326">
        <v>51348</v>
      </c>
      <c r="GH10" s="319">
        <v>348494</v>
      </c>
      <c r="GI10" s="323">
        <v>399842</v>
      </c>
      <c r="GJ10" s="324">
        <v>0</v>
      </c>
      <c r="GK10" s="319">
        <v>223632</v>
      </c>
      <c r="GL10" s="319">
        <v>474097</v>
      </c>
      <c r="GM10" s="319">
        <v>226884</v>
      </c>
      <c r="GN10" s="319">
        <v>410620</v>
      </c>
      <c r="GO10" s="319">
        <v>163944</v>
      </c>
      <c r="GP10" s="320">
        <v>1499177</v>
      </c>
      <c r="GQ10" s="322">
        <v>1899019</v>
      </c>
      <c r="GR10" s="318">
        <v>1328296</v>
      </c>
      <c r="GS10" s="319">
        <v>1557086</v>
      </c>
      <c r="GT10" s="320">
        <v>2885382</v>
      </c>
      <c r="GU10" s="318">
        <v>0</v>
      </c>
      <c r="GV10" s="319">
        <v>1423475</v>
      </c>
      <c r="GW10" s="319">
        <v>1129273</v>
      </c>
      <c r="GX10" s="319">
        <v>1008216</v>
      </c>
      <c r="GY10" s="319">
        <v>631040</v>
      </c>
      <c r="GZ10" s="319">
        <v>188200</v>
      </c>
      <c r="HA10" s="323">
        <v>4380204</v>
      </c>
      <c r="HB10" s="322">
        <v>7265586</v>
      </c>
      <c r="HC10" s="318">
        <v>4497166</v>
      </c>
      <c r="HD10" s="319">
        <v>5316230</v>
      </c>
      <c r="HE10" s="323">
        <v>9813396</v>
      </c>
      <c r="HF10" s="324">
        <v>0</v>
      </c>
      <c r="HG10" s="319">
        <v>32366229</v>
      </c>
      <c r="HH10" s="319">
        <v>46053688</v>
      </c>
      <c r="HI10" s="319">
        <v>43861800</v>
      </c>
      <c r="HJ10" s="319">
        <v>40679978</v>
      </c>
      <c r="HK10" s="319">
        <v>26636232</v>
      </c>
      <c r="HL10" s="320">
        <v>189597927</v>
      </c>
      <c r="HM10" s="321">
        <v>199411323</v>
      </c>
      <c r="HN10" s="411"/>
      <c r="HO10" s="412"/>
      <c r="HP10" s="413"/>
      <c r="HQ10" s="414"/>
      <c r="HR10" s="412"/>
      <c r="HS10" s="412"/>
      <c r="HT10" s="412"/>
      <c r="HU10" s="412"/>
      <c r="HV10" s="412"/>
      <c r="HW10" s="415"/>
      <c r="HX10" s="416"/>
      <c r="HY10" s="328">
        <v>121584</v>
      </c>
      <c r="HZ10" s="329">
        <v>1055805</v>
      </c>
      <c r="IA10" s="330">
        <v>1177389</v>
      </c>
      <c r="IB10" s="331">
        <v>0</v>
      </c>
      <c r="IC10" s="332">
        <v>29271412</v>
      </c>
      <c r="ID10" s="333">
        <v>49145346</v>
      </c>
      <c r="IE10" s="334">
        <v>48141177</v>
      </c>
      <c r="IF10" s="332">
        <v>34157534</v>
      </c>
      <c r="IG10" s="334">
        <v>23266849</v>
      </c>
      <c r="IH10" s="335">
        <v>183982318</v>
      </c>
      <c r="II10" s="336">
        <v>185159707</v>
      </c>
      <c r="IJ10" s="337">
        <v>0</v>
      </c>
      <c r="IK10" s="338">
        <v>0</v>
      </c>
      <c r="IL10" s="339">
        <v>0</v>
      </c>
      <c r="IM10" s="340"/>
      <c r="IN10" s="341">
        <v>460062</v>
      </c>
      <c r="IO10" s="341">
        <v>1917808</v>
      </c>
      <c r="IP10" s="341">
        <v>1632389</v>
      </c>
      <c r="IQ10" s="341">
        <v>3860244</v>
      </c>
      <c r="IR10" s="341">
        <v>1460477</v>
      </c>
      <c r="IS10" s="342">
        <v>9330980</v>
      </c>
      <c r="IT10" s="343">
        <v>9330980</v>
      </c>
      <c r="IU10" s="344">
        <v>0</v>
      </c>
      <c r="IV10" s="341">
        <v>0</v>
      </c>
      <c r="IW10" s="345">
        <v>0</v>
      </c>
      <c r="IX10" s="340"/>
      <c r="IY10" s="341">
        <v>159900</v>
      </c>
      <c r="IZ10" s="341">
        <v>575775</v>
      </c>
      <c r="JA10" s="341">
        <v>722261</v>
      </c>
      <c r="JB10" s="341">
        <v>987277</v>
      </c>
      <c r="JC10" s="341">
        <v>652577</v>
      </c>
      <c r="JD10" s="345">
        <v>3097790</v>
      </c>
      <c r="JE10" s="347">
        <v>3097790</v>
      </c>
      <c r="JF10" s="344">
        <v>0</v>
      </c>
      <c r="JG10" s="341">
        <v>0</v>
      </c>
      <c r="JH10" s="342">
        <v>0</v>
      </c>
      <c r="JI10" s="348">
        <v>0</v>
      </c>
      <c r="JJ10" s="341">
        <v>12827268</v>
      </c>
      <c r="JK10" s="341">
        <v>17197571</v>
      </c>
      <c r="JL10" s="341">
        <v>15344185</v>
      </c>
      <c r="JM10" s="341">
        <v>8176999</v>
      </c>
      <c r="JN10" s="341">
        <v>4178359</v>
      </c>
      <c r="JO10" s="345">
        <v>57724382</v>
      </c>
      <c r="JP10" s="343">
        <v>57724382</v>
      </c>
      <c r="JQ10" s="344">
        <v>0</v>
      </c>
      <c r="JR10" s="341">
        <v>54547</v>
      </c>
      <c r="JS10" s="342">
        <v>54547</v>
      </c>
      <c r="JT10" s="348">
        <v>0</v>
      </c>
      <c r="JU10" s="341">
        <v>2262527</v>
      </c>
      <c r="JV10" s="341">
        <v>4324067</v>
      </c>
      <c r="JW10" s="341">
        <v>4282200</v>
      </c>
      <c r="JX10" s="341">
        <v>3408975</v>
      </c>
      <c r="JY10" s="341">
        <v>1828046</v>
      </c>
      <c r="JZ10" s="345">
        <v>16105815</v>
      </c>
      <c r="KA10" s="343">
        <v>16160362</v>
      </c>
      <c r="KB10" s="349">
        <v>121584</v>
      </c>
      <c r="KC10" s="350">
        <v>782150</v>
      </c>
      <c r="KD10" s="345">
        <v>903734</v>
      </c>
      <c r="KE10" s="348">
        <v>0</v>
      </c>
      <c r="KF10" s="341">
        <v>4121991</v>
      </c>
      <c r="KG10" s="341">
        <v>6507434</v>
      </c>
      <c r="KH10" s="341">
        <v>6628700</v>
      </c>
      <c r="KI10" s="341">
        <v>6784589</v>
      </c>
      <c r="KJ10" s="341">
        <v>2329826</v>
      </c>
      <c r="KK10" s="345">
        <v>26372540</v>
      </c>
      <c r="KL10" s="351">
        <v>27276274</v>
      </c>
      <c r="KM10" s="337">
        <v>0</v>
      </c>
      <c r="KN10" s="338">
        <v>219108</v>
      </c>
      <c r="KO10" s="339">
        <v>219108</v>
      </c>
      <c r="KP10" s="340"/>
      <c r="KQ10" s="341">
        <v>8877710</v>
      </c>
      <c r="KR10" s="341">
        <v>17399811</v>
      </c>
      <c r="KS10" s="341">
        <v>16941459</v>
      </c>
      <c r="KT10" s="341">
        <v>9474147</v>
      </c>
      <c r="KU10" s="341">
        <v>4244198</v>
      </c>
      <c r="KV10" s="345">
        <v>56937325</v>
      </c>
      <c r="KW10" s="343">
        <v>57156433</v>
      </c>
      <c r="KX10" s="344">
        <v>0</v>
      </c>
      <c r="KY10" s="341">
        <v>0</v>
      </c>
      <c r="KZ10" s="345">
        <v>0</v>
      </c>
      <c r="LA10" s="340"/>
      <c r="LB10" s="341">
        <v>0</v>
      </c>
      <c r="LC10" s="341">
        <v>0</v>
      </c>
      <c r="LD10" s="341">
        <v>0</v>
      </c>
      <c r="LE10" s="341">
        <v>0</v>
      </c>
      <c r="LF10" s="341">
        <v>0</v>
      </c>
      <c r="LG10" s="345">
        <v>0</v>
      </c>
      <c r="LH10" s="347">
        <v>0</v>
      </c>
      <c r="LI10" s="344">
        <v>0</v>
      </c>
      <c r="LJ10" s="341">
        <v>0</v>
      </c>
      <c r="LK10" s="345">
        <v>0</v>
      </c>
      <c r="LL10" s="340"/>
      <c r="LM10" s="341">
        <v>0</v>
      </c>
      <c r="LN10" s="341">
        <v>199614</v>
      </c>
      <c r="LO10" s="341">
        <v>259415</v>
      </c>
      <c r="LP10" s="341">
        <v>850506</v>
      </c>
      <c r="LQ10" s="341">
        <v>911155</v>
      </c>
      <c r="LR10" s="345">
        <v>2220690</v>
      </c>
      <c r="LS10" s="343">
        <v>2220690</v>
      </c>
      <c r="LT10" s="344">
        <v>0</v>
      </c>
      <c r="LU10" s="341">
        <v>0</v>
      </c>
      <c r="LV10" s="345">
        <v>0</v>
      </c>
      <c r="LW10" s="340"/>
      <c r="LX10" s="341">
        <v>561954</v>
      </c>
      <c r="LY10" s="341">
        <v>1023266</v>
      </c>
      <c r="LZ10" s="341">
        <v>2330568</v>
      </c>
      <c r="MA10" s="341">
        <v>614797</v>
      </c>
      <c r="MB10" s="341">
        <v>7662211</v>
      </c>
      <c r="MC10" s="345">
        <v>12192796</v>
      </c>
      <c r="MD10" s="347">
        <v>12192796</v>
      </c>
      <c r="ME10" s="344">
        <v>0</v>
      </c>
      <c r="MF10" s="341">
        <v>0</v>
      </c>
      <c r="MG10" s="345">
        <v>0</v>
      </c>
      <c r="MH10" s="340"/>
      <c r="MI10" s="341">
        <v>7795097</v>
      </c>
      <c r="MJ10" s="341">
        <v>30634167</v>
      </c>
      <c r="MK10" s="341">
        <v>90040443</v>
      </c>
      <c r="ML10" s="341">
        <v>123858070</v>
      </c>
      <c r="MM10" s="341">
        <v>82052707</v>
      </c>
      <c r="MN10" s="345">
        <v>334380484</v>
      </c>
      <c r="MO10" s="351">
        <v>334380484</v>
      </c>
      <c r="MP10" s="344">
        <v>0</v>
      </c>
      <c r="MQ10" s="341">
        <v>0</v>
      </c>
      <c r="MR10" s="345">
        <v>0</v>
      </c>
      <c r="MS10" s="340"/>
      <c r="MT10" s="341">
        <v>622503</v>
      </c>
      <c r="MU10" s="341">
        <v>7281469</v>
      </c>
      <c r="MV10" s="341">
        <v>52419066</v>
      </c>
      <c r="MW10" s="341">
        <v>71925126</v>
      </c>
      <c r="MX10" s="341">
        <v>47837882</v>
      </c>
      <c r="MY10" s="345">
        <v>180086046</v>
      </c>
      <c r="MZ10" s="351">
        <v>180086046</v>
      </c>
      <c r="NA10" s="344">
        <v>0</v>
      </c>
      <c r="NB10" s="341">
        <v>0</v>
      </c>
      <c r="NC10" s="345">
        <v>0</v>
      </c>
      <c r="ND10" s="340"/>
      <c r="NE10" s="341">
        <v>7172594</v>
      </c>
      <c r="NF10" s="341">
        <v>23093093</v>
      </c>
      <c r="NG10" s="341">
        <v>37621377</v>
      </c>
      <c r="NH10" s="341">
        <v>49248826</v>
      </c>
      <c r="NI10" s="341">
        <v>29225497</v>
      </c>
      <c r="NJ10" s="345">
        <v>146361387</v>
      </c>
      <c r="NK10" s="343">
        <v>146361387</v>
      </c>
      <c r="NL10" s="344">
        <v>0</v>
      </c>
      <c r="NM10" s="341">
        <v>0</v>
      </c>
      <c r="NN10" s="345">
        <v>0</v>
      </c>
      <c r="NO10" s="340"/>
      <c r="NP10" s="341">
        <v>0</v>
      </c>
      <c r="NQ10" s="341">
        <v>0</v>
      </c>
      <c r="NR10" s="341">
        <v>0</v>
      </c>
      <c r="NS10" s="341">
        <v>950717</v>
      </c>
      <c r="NT10" s="341">
        <v>3012984</v>
      </c>
      <c r="NU10" s="345">
        <v>3963701</v>
      </c>
      <c r="NV10" s="347">
        <v>3963701</v>
      </c>
      <c r="NW10" s="344">
        <v>0</v>
      </c>
      <c r="NX10" s="341">
        <v>0</v>
      </c>
      <c r="NY10" s="345">
        <v>0</v>
      </c>
      <c r="NZ10" s="340"/>
      <c r="OA10" s="341">
        <v>0</v>
      </c>
      <c r="OB10" s="341">
        <v>259605</v>
      </c>
      <c r="OC10" s="341">
        <v>0</v>
      </c>
      <c r="OD10" s="341">
        <v>1733401</v>
      </c>
      <c r="OE10" s="341">
        <v>1976344</v>
      </c>
      <c r="OF10" s="345">
        <v>3969350</v>
      </c>
      <c r="OG10" s="347">
        <v>3969350</v>
      </c>
      <c r="OH10" s="344">
        <v>12311326</v>
      </c>
      <c r="OI10" s="341">
        <v>24456042</v>
      </c>
      <c r="OJ10" s="342">
        <v>36767368</v>
      </c>
      <c r="OK10" s="348">
        <v>0</v>
      </c>
      <c r="OL10" s="341">
        <v>150061652</v>
      </c>
      <c r="OM10" s="341">
        <v>275693046</v>
      </c>
      <c r="ON10" s="341">
        <v>303894887</v>
      </c>
      <c r="OO10" s="341">
        <v>289683179</v>
      </c>
      <c r="OP10" s="341">
        <v>196353630</v>
      </c>
      <c r="OQ10" s="345">
        <v>1215686394</v>
      </c>
      <c r="OR10" s="351">
        <v>1252453762</v>
      </c>
    </row>
    <row r="11" spans="1:408" ht="20.25" customHeight="1" x14ac:dyDescent="0.2">
      <c r="A11" s="111" t="s">
        <v>6</v>
      </c>
      <c r="B11" s="318">
        <v>4611275</v>
      </c>
      <c r="C11" s="319">
        <v>4288196</v>
      </c>
      <c r="D11" s="320">
        <v>8899471</v>
      </c>
      <c r="E11" s="321">
        <v>0</v>
      </c>
      <c r="F11" s="319">
        <v>43242563</v>
      </c>
      <c r="G11" s="319">
        <v>47931565</v>
      </c>
      <c r="H11" s="319">
        <v>39421616</v>
      </c>
      <c r="I11" s="319">
        <v>44603370</v>
      </c>
      <c r="J11" s="319">
        <v>29325790</v>
      </c>
      <c r="K11" s="321">
        <v>204524904</v>
      </c>
      <c r="L11" s="322">
        <v>213424375</v>
      </c>
      <c r="M11" s="318">
        <v>1357316</v>
      </c>
      <c r="N11" s="319">
        <v>1623976</v>
      </c>
      <c r="O11" s="320">
        <v>2981292</v>
      </c>
      <c r="P11" s="318">
        <v>0</v>
      </c>
      <c r="Q11" s="319">
        <v>14227866</v>
      </c>
      <c r="R11" s="319">
        <v>16276916</v>
      </c>
      <c r="S11" s="319">
        <v>14174960</v>
      </c>
      <c r="T11" s="319">
        <v>17277959</v>
      </c>
      <c r="U11" s="319">
        <v>15420757</v>
      </c>
      <c r="V11" s="320">
        <v>77378458</v>
      </c>
      <c r="W11" s="322">
        <v>80359750</v>
      </c>
      <c r="X11" s="318">
        <v>0</v>
      </c>
      <c r="Y11" s="319">
        <v>0</v>
      </c>
      <c r="Z11" s="320">
        <v>0</v>
      </c>
      <c r="AA11" s="318">
        <v>0</v>
      </c>
      <c r="AB11" s="319">
        <v>5974283</v>
      </c>
      <c r="AC11" s="319">
        <v>6915090</v>
      </c>
      <c r="AD11" s="319">
        <v>7265898</v>
      </c>
      <c r="AE11" s="319">
        <v>9402315</v>
      </c>
      <c r="AF11" s="319">
        <v>8218997</v>
      </c>
      <c r="AG11" s="320">
        <v>37776583</v>
      </c>
      <c r="AH11" s="322">
        <v>37776583</v>
      </c>
      <c r="AI11" s="318">
        <v>0</v>
      </c>
      <c r="AJ11" s="319">
        <v>0</v>
      </c>
      <c r="AK11" s="320">
        <v>0</v>
      </c>
      <c r="AL11" s="318">
        <v>0</v>
      </c>
      <c r="AM11" s="319">
        <v>62048</v>
      </c>
      <c r="AN11" s="319">
        <v>242455</v>
      </c>
      <c r="AO11" s="319">
        <v>557531</v>
      </c>
      <c r="AP11" s="319">
        <v>700883</v>
      </c>
      <c r="AQ11" s="319">
        <v>1935149</v>
      </c>
      <c r="AR11" s="320">
        <v>3498066</v>
      </c>
      <c r="AS11" s="322">
        <v>3498066</v>
      </c>
      <c r="AT11" s="318">
        <v>545124</v>
      </c>
      <c r="AU11" s="319">
        <v>1130532</v>
      </c>
      <c r="AV11" s="320">
        <v>1675656</v>
      </c>
      <c r="AW11" s="318">
        <v>0</v>
      </c>
      <c r="AX11" s="319">
        <v>5036306</v>
      </c>
      <c r="AY11" s="319">
        <v>5800645</v>
      </c>
      <c r="AZ11" s="319">
        <v>3501700</v>
      </c>
      <c r="BA11" s="319">
        <v>4031902</v>
      </c>
      <c r="BB11" s="319">
        <v>3303939</v>
      </c>
      <c r="BC11" s="320">
        <v>21674492</v>
      </c>
      <c r="BD11" s="322">
        <v>23350148</v>
      </c>
      <c r="BE11" s="318">
        <v>44424</v>
      </c>
      <c r="BF11" s="319">
        <v>88204</v>
      </c>
      <c r="BG11" s="323">
        <v>132628</v>
      </c>
      <c r="BH11" s="324">
        <v>0</v>
      </c>
      <c r="BI11" s="319">
        <v>344154</v>
      </c>
      <c r="BJ11" s="319">
        <v>516822</v>
      </c>
      <c r="BK11" s="319">
        <v>300303</v>
      </c>
      <c r="BL11" s="319">
        <v>472739</v>
      </c>
      <c r="BM11" s="319">
        <v>207360</v>
      </c>
      <c r="BN11" s="320">
        <v>1841378</v>
      </c>
      <c r="BO11" s="322">
        <v>1974006</v>
      </c>
      <c r="BP11" s="318">
        <v>767768</v>
      </c>
      <c r="BQ11" s="319">
        <v>405240</v>
      </c>
      <c r="BR11" s="320">
        <v>1173008</v>
      </c>
      <c r="BS11" s="318">
        <v>0</v>
      </c>
      <c r="BT11" s="319">
        <v>2811075</v>
      </c>
      <c r="BU11" s="319">
        <v>2801904</v>
      </c>
      <c r="BV11" s="319">
        <v>2549528</v>
      </c>
      <c r="BW11" s="319">
        <v>2670120</v>
      </c>
      <c r="BX11" s="319">
        <v>1755312</v>
      </c>
      <c r="BY11" s="320">
        <v>12587939</v>
      </c>
      <c r="BZ11" s="322">
        <v>13760947</v>
      </c>
      <c r="CA11" s="318">
        <v>129092</v>
      </c>
      <c r="CB11" s="319">
        <v>513371</v>
      </c>
      <c r="CC11" s="320">
        <v>642463</v>
      </c>
      <c r="CD11" s="318">
        <v>0</v>
      </c>
      <c r="CE11" s="319">
        <v>13801628</v>
      </c>
      <c r="CF11" s="319">
        <v>13822516</v>
      </c>
      <c r="CG11" s="319">
        <v>10142663</v>
      </c>
      <c r="CH11" s="319">
        <v>6664461</v>
      </c>
      <c r="CI11" s="319">
        <v>3203575</v>
      </c>
      <c r="CJ11" s="320">
        <v>47634843</v>
      </c>
      <c r="CK11" s="322">
        <v>48277306</v>
      </c>
      <c r="CL11" s="318">
        <v>0</v>
      </c>
      <c r="CM11" s="319">
        <v>0</v>
      </c>
      <c r="CN11" s="320">
        <v>0</v>
      </c>
      <c r="CO11" s="324">
        <v>0</v>
      </c>
      <c r="CP11" s="319">
        <v>11466849</v>
      </c>
      <c r="CQ11" s="319">
        <v>9412343</v>
      </c>
      <c r="CR11" s="319">
        <v>7598922</v>
      </c>
      <c r="CS11" s="319">
        <v>4938504</v>
      </c>
      <c r="CT11" s="319">
        <v>2205435</v>
      </c>
      <c r="CU11" s="320">
        <v>35622053</v>
      </c>
      <c r="CV11" s="322">
        <v>35622053</v>
      </c>
      <c r="CW11" s="318">
        <v>129092</v>
      </c>
      <c r="CX11" s="319">
        <v>513371</v>
      </c>
      <c r="CY11" s="320">
        <v>642463</v>
      </c>
      <c r="CZ11" s="318">
        <v>0</v>
      </c>
      <c r="DA11" s="319">
        <v>2334779</v>
      </c>
      <c r="DB11" s="319">
        <v>4410173</v>
      </c>
      <c r="DC11" s="319">
        <v>2543741</v>
      </c>
      <c r="DD11" s="319">
        <v>1725957</v>
      </c>
      <c r="DE11" s="319">
        <v>998140</v>
      </c>
      <c r="DF11" s="320">
        <v>12012790</v>
      </c>
      <c r="DG11" s="322">
        <v>12655253</v>
      </c>
      <c r="DH11" s="318">
        <v>18817</v>
      </c>
      <c r="DI11" s="319">
        <v>29332</v>
      </c>
      <c r="DJ11" s="323">
        <v>48149</v>
      </c>
      <c r="DK11" s="324">
        <v>0</v>
      </c>
      <c r="DL11" s="319">
        <v>1188503</v>
      </c>
      <c r="DM11" s="319">
        <v>2445608</v>
      </c>
      <c r="DN11" s="319">
        <v>2760099</v>
      </c>
      <c r="DO11" s="319">
        <v>2372259</v>
      </c>
      <c r="DP11" s="319">
        <v>1842316</v>
      </c>
      <c r="DQ11" s="320">
        <v>10608785</v>
      </c>
      <c r="DR11" s="322">
        <v>10656934</v>
      </c>
      <c r="DS11" s="318">
        <v>18817</v>
      </c>
      <c r="DT11" s="319">
        <v>29332</v>
      </c>
      <c r="DU11" s="320">
        <v>48149</v>
      </c>
      <c r="DV11" s="318">
        <v>0</v>
      </c>
      <c r="DW11" s="319">
        <v>990392</v>
      </c>
      <c r="DX11" s="319">
        <v>1690488</v>
      </c>
      <c r="DY11" s="319">
        <v>2109796</v>
      </c>
      <c r="DZ11" s="319">
        <v>1678012</v>
      </c>
      <c r="EA11" s="319">
        <v>1538042</v>
      </c>
      <c r="EB11" s="320">
        <v>8006730</v>
      </c>
      <c r="EC11" s="322">
        <v>8054879</v>
      </c>
      <c r="ED11" s="318">
        <v>0</v>
      </c>
      <c r="EE11" s="323">
        <v>0</v>
      </c>
      <c r="EF11" s="320">
        <v>0</v>
      </c>
      <c r="EG11" s="318">
        <v>0</v>
      </c>
      <c r="EH11" s="319">
        <v>198111</v>
      </c>
      <c r="EI11" s="319">
        <v>755120</v>
      </c>
      <c r="EJ11" s="319">
        <v>650303</v>
      </c>
      <c r="EK11" s="319">
        <v>694247</v>
      </c>
      <c r="EL11" s="319">
        <v>304274</v>
      </c>
      <c r="EM11" s="323">
        <v>2602055</v>
      </c>
      <c r="EN11" s="322">
        <v>2602055</v>
      </c>
      <c r="EO11" s="318">
        <v>0</v>
      </c>
      <c r="EP11" s="319">
        <v>0</v>
      </c>
      <c r="EQ11" s="323">
        <v>0</v>
      </c>
      <c r="ER11" s="324">
        <v>0</v>
      </c>
      <c r="ES11" s="319">
        <v>0</v>
      </c>
      <c r="ET11" s="319">
        <v>0</v>
      </c>
      <c r="EU11" s="319">
        <v>0</v>
      </c>
      <c r="EV11" s="319">
        <v>0</v>
      </c>
      <c r="EW11" s="319">
        <v>0</v>
      </c>
      <c r="EX11" s="320">
        <v>0</v>
      </c>
      <c r="EY11" s="322">
        <v>0</v>
      </c>
      <c r="EZ11" s="318">
        <v>0</v>
      </c>
      <c r="FA11" s="319">
        <v>0</v>
      </c>
      <c r="FB11" s="323">
        <v>0</v>
      </c>
      <c r="FC11" s="325"/>
      <c r="FD11" s="319">
        <v>0</v>
      </c>
      <c r="FE11" s="319">
        <v>0</v>
      </c>
      <c r="FF11" s="319">
        <v>0</v>
      </c>
      <c r="FG11" s="319">
        <v>0</v>
      </c>
      <c r="FH11" s="319">
        <v>0</v>
      </c>
      <c r="FI11" s="320">
        <v>0</v>
      </c>
      <c r="FJ11" s="322">
        <v>0</v>
      </c>
      <c r="FK11" s="318">
        <v>587488</v>
      </c>
      <c r="FL11" s="319">
        <v>842324</v>
      </c>
      <c r="FM11" s="320">
        <v>1429812</v>
      </c>
      <c r="FN11" s="318">
        <v>0</v>
      </c>
      <c r="FO11" s="319">
        <v>2666800</v>
      </c>
      <c r="FP11" s="319">
        <v>4855564</v>
      </c>
      <c r="FQ11" s="319">
        <v>3567158</v>
      </c>
      <c r="FR11" s="319">
        <v>4232368</v>
      </c>
      <c r="FS11" s="319">
        <v>2239944</v>
      </c>
      <c r="FT11" s="320">
        <v>17561834</v>
      </c>
      <c r="FU11" s="322">
        <v>18991646</v>
      </c>
      <c r="FV11" s="326">
        <v>321984</v>
      </c>
      <c r="FW11" s="319">
        <v>722424</v>
      </c>
      <c r="FX11" s="323">
        <v>1044408</v>
      </c>
      <c r="FY11" s="324">
        <v>0</v>
      </c>
      <c r="FZ11" s="319">
        <v>1846968</v>
      </c>
      <c r="GA11" s="319">
        <v>4080736</v>
      </c>
      <c r="GB11" s="319">
        <v>3313990</v>
      </c>
      <c r="GC11" s="319">
        <v>3892080</v>
      </c>
      <c r="GD11" s="319">
        <v>2177944</v>
      </c>
      <c r="GE11" s="320">
        <v>15311718</v>
      </c>
      <c r="GF11" s="327">
        <v>16356126</v>
      </c>
      <c r="GG11" s="326">
        <v>27120</v>
      </c>
      <c r="GH11" s="319">
        <v>19100</v>
      </c>
      <c r="GI11" s="323">
        <v>46220</v>
      </c>
      <c r="GJ11" s="324">
        <v>0</v>
      </c>
      <c r="GK11" s="319">
        <v>88992</v>
      </c>
      <c r="GL11" s="319">
        <v>160500</v>
      </c>
      <c r="GM11" s="319">
        <v>103088</v>
      </c>
      <c r="GN11" s="319">
        <v>97888</v>
      </c>
      <c r="GO11" s="319">
        <v>62000</v>
      </c>
      <c r="GP11" s="320">
        <v>512468</v>
      </c>
      <c r="GQ11" s="322">
        <v>558688</v>
      </c>
      <c r="GR11" s="318">
        <v>238384</v>
      </c>
      <c r="GS11" s="319">
        <v>100800</v>
      </c>
      <c r="GT11" s="320">
        <v>339184</v>
      </c>
      <c r="GU11" s="318">
        <v>0</v>
      </c>
      <c r="GV11" s="319">
        <v>730840</v>
      </c>
      <c r="GW11" s="319">
        <v>614328</v>
      </c>
      <c r="GX11" s="319">
        <v>150080</v>
      </c>
      <c r="GY11" s="319">
        <v>242400</v>
      </c>
      <c r="GZ11" s="319">
        <v>0</v>
      </c>
      <c r="HA11" s="323">
        <v>1737648</v>
      </c>
      <c r="HB11" s="322">
        <v>2076832</v>
      </c>
      <c r="HC11" s="318">
        <v>2518562</v>
      </c>
      <c r="HD11" s="319">
        <v>1279193</v>
      </c>
      <c r="HE11" s="323">
        <v>3797755</v>
      </c>
      <c r="HF11" s="324">
        <v>0</v>
      </c>
      <c r="HG11" s="319">
        <v>11357766</v>
      </c>
      <c r="HH11" s="319">
        <v>10530961</v>
      </c>
      <c r="HI11" s="319">
        <v>8776736</v>
      </c>
      <c r="HJ11" s="319">
        <v>14056323</v>
      </c>
      <c r="HK11" s="319">
        <v>6619198</v>
      </c>
      <c r="HL11" s="320">
        <v>51340984</v>
      </c>
      <c r="HM11" s="321">
        <v>55138739</v>
      </c>
      <c r="HN11" s="411"/>
      <c r="HO11" s="412"/>
      <c r="HP11" s="413"/>
      <c r="HQ11" s="414"/>
      <c r="HR11" s="412"/>
      <c r="HS11" s="412"/>
      <c r="HT11" s="412"/>
      <c r="HU11" s="412"/>
      <c r="HV11" s="412"/>
      <c r="HW11" s="415"/>
      <c r="HX11" s="416"/>
      <c r="HY11" s="328">
        <v>120566</v>
      </c>
      <c r="HZ11" s="329">
        <v>0</v>
      </c>
      <c r="IA11" s="330">
        <v>120566</v>
      </c>
      <c r="IB11" s="353">
        <v>0</v>
      </c>
      <c r="IC11" s="329">
        <v>13928768</v>
      </c>
      <c r="ID11" s="354">
        <v>16528822</v>
      </c>
      <c r="IE11" s="330">
        <v>18131166</v>
      </c>
      <c r="IF11" s="329">
        <v>14517702</v>
      </c>
      <c r="IG11" s="330">
        <v>5975525</v>
      </c>
      <c r="IH11" s="355">
        <v>69081983</v>
      </c>
      <c r="II11" s="336">
        <v>69202549</v>
      </c>
      <c r="IJ11" s="337">
        <v>0</v>
      </c>
      <c r="IK11" s="338">
        <v>0</v>
      </c>
      <c r="IL11" s="339">
        <v>0</v>
      </c>
      <c r="IM11" s="340"/>
      <c r="IN11" s="341">
        <v>440143</v>
      </c>
      <c r="IO11" s="341">
        <v>897858</v>
      </c>
      <c r="IP11" s="341">
        <v>429122</v>
      </c>
      <c r="IQ11" s="341">
        <v>1765974</v>
      </c>
      <c r="IR11" s="341">
        <v>1174927</v>
      </c>
      <c r="IS11" s="342">
        <v>4708024</v>
      </c>
      <c r="IT11" s="343">
        <v>4708024</v>
      </c>
      <c r="IU11" s="344">
        <v>0</v>
      </c>
      <c r="IV11" s="341">
        <v>0</v>
      </c>
      <c r="IW11" s="345">
        <v>0</v>
      </c>
      <c r="IX11" s="340"/>
      <c r="IY11" s="341">
        <v>190354</v>
      </c>
      <c r="IZ11" s="341">
        <v>135142</v>
      </c>
      <c r="JA11" s="341">
        <v>106062</v>
      </c>
      <c r="JB11" s="341">
        <v>120963</v>
      </c>
      <c r="JC11" s="341">
        <v>85362</v>
      </c>
      <c r="JD11" s="345">
        <v>637883</v>
      </c>
      <c r="JE11" s="347">
        <v>637883</v>
      </c>
      <c r="JF11" s="344">
        <v>0</v>
      </c>
      <c r="JG11" s="341">
        <v>0</v>
      </c>
      <c r="JH11" s="342">
        <v>0</v>
      </c>
      <c r="JI11" s="348">
        <v>0</v>
      </c>
      <c r="JJ11" s="341">
        <v>5194725</v>
      </c>
      <c r="JK11" s="341">
        <v>4270233</v>
      </c>
      <c r="JL11" s="341">
        <v>2754065</v>
      </c>
      <c r="JM11" s="341">
        <v>2067201</v>
      </c>
      <c r="JN11" s="341">
        <v>725714</v>
      </c>
      <c r="JO11" s="345">
        <v>15011938</v>
      </c>
      <c r="JP11" s="343">
        <v>15011938</v>
      </c>
      <c r="JQ11" s="344">
        <v>0</v>
      </c>
      <c r="JR11" s="341">
        <v>0</v>
      </c>
      <c r="JS11" s="342">
        <v>0</v>
      </c>
      <c r="JT11" s="348">
        <v>0</v>
      </c>
      <c r="JU11" s="341">
        <v>1334039</v>
      </c>
      <c r="JV11" s="341">
        <v>1710760</v>
      </c>
      <c r="JW11" s="341">
        <v>2003494</v>
      </c>
      <c r="JX11" s="341">
        <v>718972</v>
      </c>
      <c r="JY11" s="341">
        <v>539393</v>
      </c>
      <c r="JZ11" s="345">
        <v>6306658</v>
      </c>
      <c r="KA11" s="343">
        <v>6306658</v>
      </c>
      <c r="KB11" s="349">
        <v>120566</v>
      </c>
      <c r="KC11" s="350">
        <v>0</v>
      </c>
      <c r="KD11" s="345">
        <v>120566</v>
      </c>
      <c r="KE11" s="348">
        <v>0</v>
      </c>
      <c r="KF11" s="341">
        <v>1297565</v>
      </c>
      <c r="KG11" s="341">
        <v>3035603</v>
      </c>
      <c r="KH11" s="341">
        <v>1702585</v>
      </c>
      <c r="KI11" s="341">
        <v>2631959</v>
      </c>
      <c r="KJ11" s="341">
        <v>577474</v>
      </c>
      <c r="KK11" s="345">
        <v>9245186</v>
      </c>
      <c r="KL11" s="351">
        <v>9365752</v>
      </c>
      <c r="KM11" s="337">
        <v>0</v>
      </c>
      <c r="KN11" s="338">
        <v>0</v>
      </c>
      <c r="KO11" s="339">
        <v>0</v>
      </c>
      <c r="KP11" s="340"/>
      <c r="KQ11" s="341">
        <v>4862448</v>
      </c>
      <c r="KR11" s="341">
        <v>5965213</v>
      </c>
      <c r="KS11" s="341">
        <v>7515339</v>
      </c>
      <c r="KT11" s="341">
        <v>4513612</v>
      </c>
      <c r="KU11" s="341">
        <v>1526224</v>
      </c>
      <c r="KV11" s="345">
        <v>24382836</v>
      </c>
      <c r="KW11" s="343">
        <v>24382836</v>
      </c>
      <c r="KX11" s="344">
        <v>0</v>
      </c>
      <c r="KY11" s="341">
        <v>0</v>
      </c>
      <c r="KZ11" s="345">
        <v>0</v>
      </c>
      <c r="LA11" s="340"/>
      <c r="LB11" s="341">
        <v>0</v>
      </c>
      <c r="LC11" s="341">
        <v>0</v>
      </c>
      <c r="LD11" s="341">
        <v>0</v>
      </c>
      <c r="LE11" s="341">
        <v>0</v>
      </c>
      <c r="LF11" s="341">
        <v>0</v>
      </c>
      <c r="LG11" s="345">
        <v>0</v>
      </c>
      <c r="LH11" s="347">
        <v>0</v>
      </c>
      <c r="LI11" s="344">
        <v>0</v>
      </c>
      <c r="LJ11" s="341">
        <v>0</v>
      </c>
      <c r="LK11" s="345">
        <v>0</v>
      </c>
      <c r="LL11" s="340"/>
      <c r="LM11" s="341">
        <v>0</v>
      </c>
      <c r="LN11" s="341">
        <v>0</v>
      </c>
      <c r="LO11" s="341">
        <v>2048396</v>
      </c>
      <c r="LP11" s="341">
        <v>828328</v>
      </c>
      <c r="LQ11" s="341">
        <v>628971</v>
      </c>
      <c r="LR11" s="345">
        <v>3505695</v>
      </c>
      <c r="LS11" s="343">
        <v>3505695</v>
      </c>
      <c r="LT11" s="344">
        <v>0</v>
      </c>
      <c r="LU11" s="341">
        <v>0</v>
      </c>
      <c r="LV11" s="345">
        <v>0</v>
      </c>
      <c r="LW11" s="340"/>
      <c r="LX11" s="341">
        <v>609494</v>
      </c>
      <c r="LY11" s="341">
        <v>514013</v>
      </c>
      <c r="LZ11" s="341">
        <v>1572103</v>
      </c>
      <c r="MA11" s="341">
        <v>1870693</v>
      </c>
      <c r="MB11" s="341">
        <v>717460</v>
      </c>
      <c r="MC11" s="345">
        <v>5283763</v>
      </c>
      <c r="MD11" s="347">
        <v>5283763</v>
      </c>
      <c r="ME11" s="344">
        <v>0</v>
      </c>
      <c r="MF11" s="341">
        <v>0</v>
      </c>
      <c r="MG11" s="345">
        <v>0</v>
      </c>
      <c r="MH11" s="340"/>
      <c r="MI11" s="341">
        <v>3626915</v>
      </c>
      <c r="MJ11" s="341">
        <v>8314175</v>
      </c>
      <c r="MK11" s="341">
        <v>18171936</v>
      </c>
      <c r="ML11" s="341">
        <v>26256779</v>
      </c>
      <c r="MM11" s="341">
        <v>20668398</v>
      </c>
      <c r="MN11" s="345">
        <v>77038203</v>
      </c>
      <c r="MO11" s="351">
        <v>77038203</v>
      </c>
      <c r="MP11" s="344">
        <v>0</v>
      </c>
      <c r="MQ11" s="341">
        <v>0</v>
      </c>
      <c r="MR11" s="345">
        <v>0</v>
      </c>
      <c r="MS11" s="340"/>
      <c r="MT11" s="341">
        <v>0</v>
      </c>
      <c r="MU11" s="341">
        <v>1093539</v>
      </c>
      <c r="MV11" s="341">
        <v>10626534</v>
      </c>
      <c r="MW11" s="341">
        <v>14199574</v>
      </c>
      <c r="MX11" s="341">
        <v>9763737</v>
      </c>
      <c r="MY11" s="345">
        <v>35683384</v>
      </c>
      <c r="MZ11" s="351">
        <v>35683384</v>
      </c>
      <c r="NA11" s="344">
        <v>0</v>
      </c>
      <c r="NB11" s="341">
        <v>0</v>
      </c>
      <c r="NC11" s="345">
        <v>0</v>
      </c>
      <c r="ND11" s="340"/>
      <c r="NE11" s="341">
        <v>3430832</v>
      </c>
      <c r="NF11" s="341">
        <v>7220636</v>
      </c>
      <c r="NG11" s="341">
        <v>7174147</v>
      </c>
      <c r="NH11" s="341">
        <v>9560146</v>
      </c>
      <c r="NI11" s="341">
        <v>6813034</v>
      </c>
      <c r="NJ11" s="345">
        <v>34198795</v>
      </c>
      <c r="NK11" s="343">
        <v>34198795</v>
      </c>
      <c r="NL11" s="344">
        <v>0</v>
      </c>
      <c r="NM11" s="341">
        <v>0</v>
      </c>
      <c r="NN11" s="345">
        <v>0</v>
      </c>
      <c r="NO11" s="340"/>
      <c r="NP11" s="341">
        <v>196083</v>
      </c>
      <c r="NQ11" s="341">
        <v>0</v>
      </c>
      <c r="NR11" s="341">
        <v>371255</v>
      </c>
      <c r="NS11" s="341">
        <v>2174067</v>
      </c>
      <c r="NT11" s="341">
        <v>2216723</v>
      </c>
      <c r="NU11" s="345">
        <v>4958128</v>
      </c>
      <c r="NV11" s="347">
        <v>4958128</v>
      </c>
      <c r="NW11" s="344">
        <v>0</v>
      </c>
      <c r="NX11" s="341">
        <v>0</v>
      </c>
      <c r="NY11" s="345">
        <v>0</v>
      </c>
      <c r="NZ11" s="340"/>
      <c r="OA11" s="341">
        <v>0</v>
      </c>
      <c r="OB11" s="341">
        <v>0</v>
      </c>
      <c r="OC11" s="341">
        <v>0</v>
      </c>
      <c r="OD11" s="341">
        <v>322992</v>
      </c>
      <c r="OE11" s="341">
        <v>1874904</v>
      </c>
      <c r="OF11" s="345">
        <v>2197896</v>
      </c>
      <c r="OG11" s="347">
        <v>2197896</v>
      </c>
      <c r="OH11" s="344">
        <v>4731841</v>
      </c>
      <c r="OI11" s="341">
        <v>4288196</v>
      </c>
      <c r="OJ11" s="342">
        <v>9020037</v>
      </c>
      <c r="OK11" s="348">
        <v>0</v>
      </c>
      <c r="OL11" s="341">
        <v>60798246</v>
      </c>
      <c r="OM11" s="341">
        <v>72774562</v>
      </c>
      <c r="ON11" s="341">
        <v>75724718</v>
      </c>
      <c r="OO11" s="341">
        <v>85377851</v>
      </c>
      <c r="OP11" s="341">
        <v>55969713</v>
      </c>
      <c r="OQ11" s="345">
        <v>350645090</v>
      </c>
      <c r="OR11" s="351">
        <v>359665127</v>
      </c>
    </row>
    <row r="12" spans="1:408" ht="20.25" customHeight="1" x14ac:dyDescent="0.2">
      <c r="A12" s="111" t="s">
        <v>14</v>
      </c>
      <c r="B12" s="318">
        <v>1667236</v>
      </c>
      <c r="C12" s="319">
        <v>3494801</v>
      </c>
      <c r="D12" s="320">
        <v>5162037</v>
      </c>
      <c r="E12" s="321">
        <v>0</v>
      </c>
      <c r="F12" s="319">
        <v>20094038</v>
      </c>
      <c r="G12" s="319">
        <v>26779341</v>
      </c>
      <c r="H12" s="319">
        <v>22763528</v>
      </c>
      <c r="I12" s="319">
        <v>21205044</v>
      </c>
      <c r="J12" s="319">
        <v>13191766</v>
      </c>
      <c r="K12" s="323">
        <v>104033717</v>
      </c>
      <c r="L12" s="322">
        <v>109195754</v>
      </c>
      <c r="M12" s="318">
        <v>360691</v>
      </c>
      <c r="N12" s="319">
        <v>1080046</v>
      </c>
      <c r="O12" s="320">
        <v>1440737</v>
      </c>
      <c r="P12" s="318">
        <v>0</v>
      </c>
      <c r="Q12" s="319">
        <v>6105747</v>
      </c>
      <c r="R12" s="319">
        <v>9193648</v>
      </c>
      <c r="S12" s="319">
        <v>8121645</v>
      </c>
      <c r="T12" s="319">
        <v>5081152</v>
      </c>
      <c r="U12" s="319">
        <v>5520189</v>
      </c>
      <c r="V12" s="320">
        <v>34022381</v>
      </c>
      <c r="W12" s="322">
        <v>35463118</v>
      </c>
      <c r="X12" s="318">
        <v>0</v>
      </c>
      <c r="Y12" s="319">
        <v>0</v>
      </c>
      <c r="Z12" s="320">
        <v>0</v>
      </c>
      <c r="AA12" s="318">
        <v>0</v>
      </c>
      <c r="AB12" s="319">
        <v>2908071</v>
      </c>
      <c r="AC12" s="319">
        <v>4437928</v>
      </c>
      <c r="AD12" s="319">
        <v>4054795</v>
      </c>
      <c r="AE12" s="319">
        <v>1769970</v>
      </c>
      <c r="AF12" s="319">
        <v>3501868</v>
      </c>
      <c r="AG12" s="320">
        <v>16672632</v>
      </c>
      <c r="AH12" s="322">
        <v>16672632</v>
      </c>
      <c r="AI12" s="318">
        <v>0</v>
      </c>
      <c r="AJ12" s="319">
        <v>0</v>
      </c>
      <c r="AK12" s="320">
        <v>0</v>
      </c>
      <c r="AL12" s="318">
        <v>0</v>
      </c>
      <c r="AM12" s="319">
        <v>0</v>
      </c>
      <c r="AN12" s="319">
        <v>48762</v>
      </c>
      <c r="AO12" s="319">
        <v>154281</v>
      </c>
      <c r="AP12" s="319">
        <v>233994</v>
      </c>
      <c r="AQ12" s="319">
        <v>472697</v>
      </c>
      <c r="AR12" s="320">
        <v>909734</v>
      </c>
      <c r="AS12" s="322">
        <v>909734</v>
      </c>
      <c r="AT12" s="318">
        <v>96186</v>
      </c>
      <c r="AU12" s="319">
        <v>706766</v>
      </c>
      <c r="AV12" s="320">
        <v>802952</v>
      </c>
      <c r="AW12" s="318">
        <v>0</v>
      </c>
      <c r="AX12" s="319">
        <v>1913141</v>
      </c>
      <c r="AY12" s="319">
        <v>3285462</v>
      </c>
      <c r="AZ12" s="319">
        <v>2662433</v>
      </c>
      <c r="BA12" s="319">
        <v>1864073</v>
      </c>
      <c r="BB12" s="319">
        <v>972844</v>
      </c>
      <c r="BC12" s="320">
        <v>10697953</v>
      </c>
      <c r="BD12" s="322">
        <v>11500905</v>
      </c>
      <c r="BE12" s="318">
        <v>21353</v>
      </c>
      <c r="BF12" s="319">
        <v>69400</v>
      </c>
      <c r="BG12" s="323">
        <v>90753</v>
      </c>
      <c r="BH12" s="324">
        <v>0</v>
      </c>
      <c r="BI12" s="319">
        <v>39271</v>
      </c>
      <c r="BJ12" s="319">
        <v>33232</v>
      </c>
      <c r="BK12" s="319">
        <v>58984</v>
      </c>
      <c r="BL12" s="319">
        <v>68179</v>
      </c>
      <c r="BM12" s="319">
        <v>43868</v>
      </c>
      <c r="BN12" s="320">
        <v>243534</v>
      </c>
      <c r="BO12" s="322">
        <v>334287</v>
      </c>
      <c r="BP12" s="318">
        <v>243152</v>
      </c>
      <c r="BQ12" s="319">
        <v>303880</v>
      </c>
      <c r="BR12" s="320">
        <v>547032</v>
      </c>
      <c r="BS12" s="318">
        <v>0</v>
      </c>
      <c r="BT12" s="319">
        <v>1245264</v>
      </c>
      <c r="BU12" s="319">
        <v>1388264</v>
      </c>
      <c r="BV12" s="319">
        <v>1191152</v>
      </c>
      <c r="BW12" s="319">
        <v>1144936</v>
      </c>
      <c r="BX12" s="319">
        <v>528912</v>
      </c>
      <c r="BY12" s="320">
        <v>5498528</v>
      </c>
      <c r="BZ12" s="322">
        <v>6045560</v>
      </c>
      <c r="CA12" s="318">
        <v>64861</v>
      </c>
      <c r="CB12" s="319">
        <v>423834</v>
      </c>
      <c r="CC12" s="320">
        <v>488695</v>
      </c>
      <c r="CD12" s="318">
        <v>0</v>
      </c>
      <c r="CE12" s="319">
        <v>6546722</v>
      </c>
      <c r="CF12" s="319">
        <v>8454673</v>
      </c>
      <c r="CG12" s="319">
        <v>6640322</v>
      </c>
      <c r="CH12" s="319">
        <v>5852439</v>
      </c>
      <c r="CI12" s="319">
        <v>1346759</v>
      </c>
      <c r="CJ12" s="320">
        <v>28840915</v>
      </c>
      <c r="CK12" s="322">
        <v>29329610</v>
      </c>
      <c r="CL12" s="318">
        <v>0</v>
      </c>
      <c r="CM12" s="319">
        <v>0</v>
      </c>
      <c r="CN12" s="320">
        <v>0</v>
      </c>
      <c r="CO12" s="324">
        <v>0</v>
      </c>
      <c r="CP12" s="319">
        <v>6311576</v>
      </c>
      <c r="CQ12" s="319">
        <v>6999303</v>
      </c>
      <c r="CR12" s="319">
        <v>5271724</v>
      </c>
      <c r="CS12" s="319">
        <v>5048752</v>
      </c>
      <c r="CT12" s="319">
        <v>1124205</v>
      </c>
      <c r="CU12" s="320">
        <v>24755560</v>
      </c>
      <c r="CV12" s="322">
        <v>24755560</v>
      </c>
      <c r="CW12" s="318">
        <v>64861</v>
      </c>
      <c r="CX12" s="319">
        <v>423834</v>
      </c>
      <c r="CY12" s="320">
        <v>488695</v>
      </c>
      <c r="CZ12" s="318">
        <v>0</v>
      </c>
      <c r="DA12" s="319">
        <v>235146</v>
      </c>
      <c r="DB12" s="319">
        <v>1455370</v>
      </c>
      <c r="DC12" s="319">
        <v>1368598</v>
      </c>
      <c r="DD12" s="319">
        <v>803687</v>
      </c>
      <c r="DE12" s="319">
        <v>222554</v>
      </c>
      <c r="DF12" s="320">
        <v>4085355</v>
      </c>
      <c r="DG12" s="322">
        <v>4574050</v>
      </c>
      <c r="DH12" s="318">
        <v>0</v>
      </c>
      <c r="DI12" s="319">
        <v>59183</v>
      </c>
      <c r="DJ12" s="323">
        <v>59183</v>
      </c>
      <c r="DK12" s="324">
        <v>0</v>
      </c>
      <c r="DL12" s="319">
        <v>743900</v>
      </c>
      <c r="DM12" s="319">
        <v>867611</v>
      </c>
      <c r="DN12" s="319">
        <v>2189843</v>
      </c>
      <c r="DO12" s="319">
        <v>2533859</v>
      </c>
      <c r="DP12" s="319">
        <v>1101066</v>
      </c>
      <c r="DQ12" s="320">
        <v>7436279</v>
      </c>
      <c r="DR12" s="322">
        <v>7495462</v>
      </c>
      <c r="DS12" s="318">
        <v>0</v>
      </c>
      <c r="DT12" s="319">
        <v>59183</v>
      </c>
      <c r="DU12" s="320">
        <v>59183</v>
      </c>
      <c r="DV12" s="318">
        <v>0</v>
      </c>
      <c r="DW12" s="319">
        <v>743900</v>
      </c>
      <c r="DX12" s="319">
        <v>867611</v>
      </c>
      <c r="DY12" s="319">
        <v>1937128</v>
      </c>
      <c r="DZ12" s="319">
        <v>2498816</v>
      </c>
      <c r="EA12" s="319">
        <v>1101066</v>
      </c>
      <c r="EB12" s="320">
        <v>7148521</v>
      </c>
      <c r="EC12" s="322">
        <v>7207704</v>
      </c>
      <c r="ED12" s="318">
        <v>0</v>
      </c>
      <c r="EE12" s="323">
        <v>0</v>
      </c>
      <c r="EF12" s="320">
        <v>0</v>
      </c>
      <c r="EG12" s="318">
        <v>0</v>
      </c>
      <c r="EH12" s="319">
        <v>0</v>
      </c>
      <c r="EI12" s="319">
        <v>0</v>
      </c>
      <c r="EJ12" s="319">
        <v>252715</v>
      </c>
      <c r="EK12" s="319">
        <v>35043</v>
      </c>
      <c r="EL12" s="319">
        <v>0</v>
      </c>
      <c r="EM12" s="323">
        <v>287758</v>
      </c>
      <c r="EN12" s="322">
        <v>287758</v>
      </c>
      <c r="EO12" s="318">
        <v>0</v>
      </c>
      <c r="EP12" s="319">
        <v>0</v>
      </c>
      <c r="EQ12" s="323">
        <v>0</v>
      </c>
      <c r="ER12" s="324">
        <v>0</v>
      </c>
      <c r="ES12" s="319">
        <v>0</v>
      </c>
      <c r="ET12" s="319">
        <v>0</v>
      </c>
      <c r="EU12" s="319">
        <v>0</v>
      </c>
      <c r="EV12" s="319">
        <v>0</v>
      </c>
      <c r="EW12" s="319">
        <v>0</v>
      </c>
      <c r="EX12" s="320">
        <v>0</v>
      </c>
      <c r="EY12" s="322">
        <v>0</v>
      </c>
      <c r="EZ12" s="318">
        <v>0</v>
      </c>
      <c r="FA12" s="319">
        <v>0</v>
      </c>
      <c r="FB12" s="323">
        <v>0</v>
      </c>
      <c r="FC12" s="325"/>
      <c r="FD12" s="319">
        <v>0</v>
      </c>
      <c r="FE12" s="319">
        <v>0</v>
      </c>
      <c r="FF12" s="319">
        <v>0</v>
      </c>
      <c r="FG12" s="319">
        <v>0</v>
      </c>
      <c r="FH12" s="319">
        <v>0</v>
      </c>
      <c r="FI12" s="320">
        <v>0</v>
      </c>
      <c r="FJ12" s="322">
        <v>0</v>
      </c>
      <c r="FK12" s="318">
        <v>520264</v>
      </c>
      <c r="FL12" s="319">
        <v>765936</v>
      </c>
      <c r="FM12" s="320">
        <v>1286200</v>
      </c>
      <c r="FN12" s="318">
        <v>0</v>
      </c>
      <c r="FO12" s="319">
        <v>1126376</v>
      </c>
      <c r="FP12" s="319">
        <v>3018122</v>
      </c>
      <c r="FQ12" s="319">
        <v>1924200</v>
      </c>
      <c r="FR12" s="319">
        <v>1975352</v>
      </c>
      <c r="FS12" s="319">
        <v>908208</v>
      </c>
      <c r="FT12" s="320">
        <v>8952258</v>
      </c>
      <c r="FU12" s="322">
        <v>10238458</v>
      </c>
      <c r="FV12" s="326">
        <v>164736</v>
      </c>
      <c r="FW12" s="319">
        <v>515224</v>
      </c>
      <c r="FX12" s="323">
        <v>679960</v>
      </c>
      <c r="FY12" s="324">
        <v>0</v>
      </c>
      <c r="FZ12" s="319">
        <v>588288</v>
      </c>
      <c r="GA12" s="319">
        <v>2563580</v>
      </c>
      <c r="GB12" s="319">
        <v>1861696</v>
      </c>
      <c r="GC12" s="319">
        <v>1705144</v>
      </c>
      <c r="GD12" s="319">
        <v>880488</v>
      </c>
      <c r="GE12" s="320">
        <v>7599196</v>
      </c>
      <c r="GF12" s="327">
        <v>8279156</v>
      </c>
      <c r="GG12" s="326">
        <v>37056</v>
      </c>
      <c r="GH12" s="319">
        <v>65296</v>
      </c>
      <c r="GI12" s="323">
        <v>102352</v>
      </c>
      <c r="GJ12" s="324">
        <v>0</v>
      </c>
      <c r="GK12" s="319">
        <v>14432</v>
      </c>
      <c r="GL12" s="319">
        <v>65286</v>
      </c>
      <c r="GM12" s="319">
        <v>39800</v>
      </c>
      <c r="GN12" s="319">
        <v>110208</v>
      </c>
      <c r="GO12" s="319">
        <v>27720</v>
      </c>
      <c r="GP12" s="320">
        <v>257446</v>
      </c>
      <c r="GQ12" s="322">
        <v>359798</v>
      </c>
      <c r="GR12" s="318">
        <v>318472</v>
      </c>
      <c r="GS12" s="319">
        <v>185416</v>
      </c>
      <c r="GT12" s="320">
        <v>503888</v>
      </c>
      <c r="GU12" s="318">
        <v>0</v>
      </c>
      <c r="GV12" s="319">
        <v>523656</v>
      </c>
      <c r="GW12" s="319">
        <v>389256</v>
      </c>
      <c r="GX12" s="319">
        <v>22704</v>
      </c>
      <c r="GY12" s="319">
        <v>160000</v>
      </c>
      <c r="GZ12" s="319">
        <v>0</v>
      </c>
      <c r="HA12" s="323">
        <v>1095616</v>
      </c>
      <c r="HB12" s="322">
        <v>1599504</v>
      </c>
      <c r="HC12" s="318">
        <v>721420</v>
      </c>
      <c r="HD12" s="319">
        <v>1165802</v>
      </c>
      <c r="HE12" s="323">
        <v>1887222</v>
      </c>
      <c r="HF12" s="324">
        <v>0</v>
      </c>
      <c r="HG12" s="319">
        <v>5571293</v>
      </c>
      <c r="HH12" s="319">
        <v>5245287</v>
      </c>
      <c r="HI12" s="319">
        <v>3887518</v>
      </c>
      <c r="HJ12" s="319">
        <v>5762242</v>
      </c>
      <c r="HK12" s="319">
        <v>4315544</v>
      </c>
      <c r="HL12" s="320">
        <v>24781884</v>
      </c>
      <c r="HM12" s="321">
        <v>26669106</v>
      </c>
      <c r="HN12" s="411"/>
      <c r="HO12" s="412"/>
      <c r="HP12" s="413"/>
      <c r="HQ12" s="414"/>
      <c r="HR12" s="412"/>
      <c r="HS12" s="412"/>
      <c r="HT12" s="412"/>
      <c r="HU12" s="412"/>
      <c r="HV12" s="412"/>
      <c r="HW12" s="415"/>
      <c r="HX12" s="416"/>
      <c r="HY12" s="328">
        <v>42545</v>
      </c>
      <c r="HZ12" s="329">
        <v>75890</v>
      </c>
      <c r="IA12" s="330">
        <v>118435</v>
      </c>
      <c r="IB12" s="331">
        <v>0</v>
      </c>
      <c r="IC12" s="332">
        <v>6768040</v>
      </c>
      <c r="ID12" s="333">
        <v>7352616</v>
      </c>
      <c r="IE12" s="334">
        <v>9363158</v>
      </c>
      <c r="IF12" s="332">
        <v>7498232</v>
      </c>
      <c r="IG12" s="334">
        <v>2459948</v>
      </c>
      <c r="IH12" s="335">
        <v>33441994</v>
      </c>
      <c r="II12" s="336">
        <v>33560429</v>
      </c>
      <c r="IJ12" s="337">
        <v>0</v>
      </c>
      <c r="IK12" s="338">
        <v>0</v>
      </c>
      <c r="IL12" s="339">
        <v>0</v>
      </c>
      <c r="IM12" s="340"/>
      <c r="IN12" s="341">
        <v>137926</v>
      </c>
      <c r="IO12" s="341">
        <v>414978</v>
      </c>
      <c r="IP12" s="341">
        <v>144692</v>
      </c>
      <c r="IQ12" s="341">
        <v>221430</v>
      </c>
      <c r="IR12" s="341">
        <v>0</v>
      </c>
      <c r="IS12" s="342">
        <v>919026</v>
      </c>
      <c r="IT12" s="343">
        <v>919026</v>
      </c>
      <c r="IU12" s="344">
        <v>0</v>
      </c>
      <c r="IV12" s="341">
        <v>0</v>
      </c>
      <c r="IW12" s="345">
        <v>0</v>
      </c>
      <c r="IX12" s="340"/>
      <c r="IY12" s="341">
        <v>0</v>
      </c>
      <c r="IZ12" s="341">
        <v>0</v>
      </c>
      <c r="JA12" s="341">
        <v>0</v>
      </c>
      <c r="JB12" s="341">
        <v>0</v>
      </c>
      <c r="JC12" s="341">
        <v>0</v>
      </c>
      <c r="JD12" s="345">
        <v>0</v>
      </c>
      <c r="JE12" s="347">
        <v>0</v>
      </c>
      <c r="JF12" s="344">
        <v>0</v>
      </c>
      <c r="JG12" s="341">
        <v>0</v>
      </c>
      <c r="JH12" s="342">
        <v>0</v>
      </c>
      <c r="JI12" s="348">
        <v>0</v>
      </c>
      <c r="JJ12" s="341">
        <v>3053769</v>
      </c>
      <c r="JK12" s="341">
        <v>3382213</v>
      </c>
      <c r="JL12" s="341">
        <v>3550206</v>
      </c>
      <c r="JM12" s="341">
        <v>1106091</v>
      </c>
      <c r="JN12" s="341">
        <v>288353</v>
      </c>
      <c r="JO12" s="345">
        <v>11380632</v>
      </c>
      <c r="JP12" s="343">
        <v>11380632</v>
      </c>
      <c r="JQ12" s="344">
        <v>0</v>
      </c>
      <c r="JR12" s="341">
        <v>0</v>
      </c>
      <c r="JS12" s="342">
        <v>0</v>
      </c>
      <c r="JT12" s="348">
        <v>0</v>
      </c>
      <c r="JU12" s="341">
        <v>43492</v>
      </c>
      <c r="JV12" s="341">
        <v>84989</v>
      </c>
      <c r="JW12" s="341">
        <v>77067</v>
      </c>
      <c r="JX12" s="341">
        <v>204142</v>
      </c>
      <c r="JY12" s="341">
        <v>348904</v>
      </c>
      <c r="JZ12" s="345">
        <v>758594</v>
      </c>
      <c r="KA12" s="343">
        <v>758594</v>
      </c>
      <c r="KB12" s="349">
        <v>42545</v>
      </c>
      <c r="KC12" s="350">
        <v>75890</v>
      </c>
      <c r="KD12" s="345">
        <v>118435</v>
      </c>
      <c r="KE12" s="348">
        <v>0</v>
      </c>
      <c r="KF12" s="341">
        <v>1124751</v>
      </c>
      <c r="KG12" s="341">
        <v>906309</v>
      </c>
      <c r="KH12" s="341">
        <v>1983273</v>
      </c>
      <c r="KI12" s="341">
        <v>1539853</v>
      </c>
      <c r="KJ12" s="341">
        <v>833327</v>
      </c>
      <c r="KK12" s="345">
        <v>6387513</v>
      </c>
      <c r="KL12" s="351">
        <v>6505948</v>
      </c>
      <c r="KM12" s="337">
        <v>0</v>
      </c>
      <c r="KN12" s="338">
        <v>0</v>
      </c>
      <c r="KO12" s="339">
        <v>0</v>
      </c>
      <c r="KP12" s="340"/>
      <c r="KQ12" s="341">
        <v>2280055</v>
      </c>
      <c r="KR12" s="341">
        <v>2365545</v>
      </c>
      <c r="KS12" s="341">
        <v>3259546</v>
      </c>
      <c r="KT12" s="341">
        <v>4124408</v>
      </c>
      <c r="KU12" s="341">
        <v>989364</v>
      </c>
      <c r="KV12" s="345">
        <v>13018918</v>
      </c>
      <c r="KW12" s="343">
        <v>13018918</v>
      </c>
      <c r="KX12" s="344">
        <v>0</v>
      </c>
      <c r="KY12" s="341">
        <v>0</v>
      </c>
      <c r="KZ12" s="345">
        <v>0</v>
      </c>
      <c r="LA12" s="340"/>
      <c r="LB12" s="341">
        <v>0</v>
      </c>
      <c r="LC12" s="341">
        <v>0</v>
      </c>
      <c r="LD12" s="341">
        <v>0</v>
      </c>
      <c r="LE12" s="341">
        <v>0</v>
      </c>
      <c r="LF12" s="341">
        <v>0</v>
      </c>
      <c r="LG12" s="345">
        <v>0</v>
      </c>
      <c r="LH12" s="347">
        <v>0</v>
      </c>
      <c r="LI12" s="344">
        <v>0</v>
      </c>
      <c r="LJ12" s="341">
        <v>0</v>
      </c>
      <c r="LK12" s="345">
        <v>0</v>
      </c>
      <c r="LL12" s="340"/>
      <c r="LM12" s="341">
        <v>0</v>
      </c>
      <c r="LN12" s="341">
        <v>0</v>
      </c>
      <c r="LO12" s="341">
        <v>348374</v>
      </c>
      <c r="LP12" s="341">
        <v>0</v>
      </c>
      <c r="LQ12" s="341">
        <v>0</v>
      </c>
      <c r="LR12" s="345">
        <v>348374</v>
      </c>
      <c r="LS12" s="343">
        <v>348374</v>
      </c>
      <c r="LT12" s="344">
        <v>0</v>
      </c>
      <c r="LU12" s="341">
        <v>0</v>
      </c>
      <c r="LV12" s="345">
        <v>0</v>
      </c>
      <c r="LW12" s="340"/>
      <c r="LX12" s="341">
        <v>128047</v>
      </c>
      <c r="LY12" s="341">
        <v>198582</v>
      </c>
      <c r="LZ12" s="341">
        <v>0</v>
      </c>
      <c r="MA12" s="341">
        <v>302308</v>
      </c>
      <c r="MB12" s="341">
        <v>0</v>
      </c>
      <c r="MC12" s="345">
        <v>628937</v>
      </c>
      <c r="MD12" s="347">
        <v>628937</v>
      </c>
      <c r="ME12" s="344">
        <v>0</v>
      </c>
      <c r="MF12" s="341">
        <v>0</v>
      </c>
      <c r="MG12" s="345">
        <v>0</v>
      </c>
      <c r="MH12" s="340"/>
      <c r="MI12" s="341">
        <v>975193</v>
      </c>
      <c r="MJ12" s="341">
        <v>2733000</v>
      </c>
      <c r="MK12" s="341">
        <v>10838751</v>
      </c>
      <c r="ML12" s="341">
        <v>19596193</v>
      </c>
      <c r="MM12" s="341">
        <v>9569964</v>
      </c>
      <c r="MN12" s="345">
        <v>43713101</v>
      </c>
      <c r="MO12" s="351">
        <v>43713101</v>
      </c>
      <c r="MP12" s="344">
        <v>0</v>
      </c>
      <c r="MQ12" s="341">
        <v>0</v>
      </c>
      <c r="MR12" s="345">
        <v>0</v>
      </c>
      <c r="MS12" s="340"/>
      <c r="MT12" s="341">
        <v>213776</v>
      </c>
      <c r="MU12" s="341">
        <v>0</v>
      </c>
      <c r="MV12" s="341">
        <v>7635952</v>
      </c>
      <c r="MW12" s="341">
        <v>13527293</v>
      </c>
      <c r="MX12" s="341">
        <v>6380573</v>
      </c>
      <c r="MY12" s="345">
        <v>27757594</v>
      </c>
      <c r="MZ12" s="351">
        <v>27757594</v>
      </c>
      <c r="NA12" s="344">
        <v>0</v>
      </c>
      <c r="NB12" s="341">
        <v>0</v>
      </c>
      <c r="NC12" s="345">
        <v>0</v>
      </c>
      <c r="ND12" s="340"/>
      <c r="NE12" s="341">
        <v>761417</v>
      </c>
      <c r="NF12" s="341">
        <v>2733000</v>
      </c>
      <c r="NG12" s="341">
        <v>3190071</v>
      </c>
      <c r="NH12" s="341">
        <v>5445582</v>
      </c>
      <c r="NI12" s="341">
        <v>1482485</v>
      </c>
      <c r="NJ12" s="345">
        <v>13612555</v>
      </c>
      <c r="NK12" s="343">
        <v>13612555</v>
      </c>
      <c r="NL12" s="344">
        <v>0</v>
      </c>
      <c r="NM12" s="341">
        <v>0</v>
      </c>
      <c r="NN12" s="345">
        <v>0</v>
      </c>
      <c r="NO12" s="340"/>
      <c r="NP12" s="341">
        <v>0</v>
      </c>
      <c r="NQ12" s="341">
        <v>0</v>
      </c>
      <c r="NR12" s="341">
        <v>0</v>
      </c>
      <c r="NS12" s="341">
        <v>280629</v>
      </c>
      <c r="NT12" s="341">
        <v>1337181</v>
      </c>
      <c r="NU12" s="345">
        <v>1617810</v>
      </c>
      <c r="NV12" s="347">
        <v>1617810</v>
      </c>
      <c r="NW12" s="344">
        <v>0</v>
      </c>
      <c r="NX12" s="341">
        <v>0</v>
      </c>
      <c r="NY12" s="345">
        <v>0</v>
      </c>
      <c r="NZ12" s="340"/>
      <c r="OA12" s="341">
        <v>0</v>
      </c>
      <c r="OB12" s="341">
        <v>0</v>
      </c>
      <c r="OC12" s="341">
        <v>12728</v>
      </c>
      <c r="OD12" s="341">
        <v>342689</v>
      </c>
      <c r="OE12" s="341">
        <v>369725</v>
      </c>
      <c r="OF12" s="345">
        <v>725142</v>
      </c>
      <c r="OG12" s="347">
        <v>725142</v>
      </c>
      <c r="OH12" s="344">
        <v>1709781</v>
      </c>
      <c r="OI12" s="341">
        <v>3570691</v>
      </c>
      <c r="OJ12" s="342">
        <v>5280472</v>
      </c>
      <c r="OK12" s="348">
        <v>0</v>
      </c>
      <c r="OL12" s="341">
        <v>27837271</v>
      </c>
      <c r="OM12" s="341">
        <v>36864957</v>
      </c>
      <c r="ON12" s="341">
        <v>42965437</v>
      </c>
      <c r="OO12" s="341">
        <v>48299469</v>
      </c>
      <c r="OP12" s="341">
        <v>25221678</v>
      </c>
      <c r="OQ12" s="345">
        <v>181188812</v>
      </c>
      <c r="OR12" s="351">
        <v>186469284</v>
      </c>
    </row>
    <row r="13" spans="1:408" ht="20.25" customHeight="1" x14ac:dyDescent="0.2">
      <c r="A13" s="111" t="s">
        <v>7</v>
      </c>
      <c r="B13" s="318">
        <v>1263289</v>
      </c>
      <c r="C13" s="319">
        <v>970228</v>
      </c>
      <c r="D13" s="320">
        <v>2233517</v>
      </c>
      <c r="E13" s="321">
        <v>0</v>
      </c>
      <c r="F13" s="319">
        <v>23270088</v>
      </c>
      <c r="G13" s="319">
        <v>24231052</v>
      </c>
      <c r="H13" s="319">
        <v>22120003</v>
      </c>
      <c r="I13" s="319">
        <v>18346746</v>
      </c>
      <c r="J13" s="319">
        <v>11282934</v>
      </c>
      <c r="K13" s="321">
        <v>99250823</v>
      </c>
      <c r="L13" s="322">
        <v>101484340</v>
      </c>
      <c r="M13" s="318">
        <v>194827</v>
      </c>
      <c r="N13" s="319">
        <v>242251</v>
      </c>
      <c r="O13" s="320">
        <v>437078</v>
      </c>
      <c r="P13" s="318">
        <v>0</v>
      </c>
      <c r="Q13" s="319">
        <v>6679654</v>
      </c>
      <c r="R13" s="319">
        <v>6688382</v>
      </c>
      <c r="S13" s="319">
        <v>7435087</v>
      </c>
      <c r="T13" s="319">
        <v>6871169</v>
      </c>
      <c r="U13" s="319">
        <v>4107997</v>
      </c>
      <c r="V13" s="320">
        <v>31782289</v>
      </c>
      <c r="W13" s="322">
        <v>32219367</v>
      </c>
      <c r="X13" s="318">
        <v>0</v>
      </c>
      <c r="Y13" s="319">
        <v>0</v>
      </c>
      <c r="Z13" s="320">
        <v>0</v>
      </c>
      <c r="AA13" s="318">
        <v>0</v>
      </c>
      <c r="AB13" s="319">
        <v>3388961</v>
      </c>
      <c r="AC13" s="319">
        <v>3701035</v>
      </c>
      <c r="AD13" s="319">
        <v>4244366</v>
      </c>
      <c r="AE13" s="319">
        <v>4274878</v>
      </c>
      <c r="AF13" s="319">
        <v>2040750</v>
      </c>
      <c r="AG13" s="320">
        <v>17649990</v>
      </c>
      <c r="AH13" s="322">
        <v>17649990</v>
      </c>
      <c r="AI13" s="318">
        <v>0</v>
      </c>
      <c r="AJ13" s="319">
        <v>0</v>
      </c>
      <c r="AK13" s="320">
        <v>0</v>
      </c>
      <c r="AL13" s="318">
        <v>0</v>
      </c>
      <c r="AM13" s="319">
        <v>69429</v>
      </c>
      <c r="AN13" s="319">
        <v>106544</v>
      </c>
      <c r="AO13" s="319">
        <v>452080</v>
      </c>
      <c r="AP13" s="319">
        <v>521632</v>
      </c>
      <c r="AQ13" s="319">
        <v>859314</v>
      </c>
      <c r="AR13" s="320">
        <v>2008999</v>
      </c>
      <c r="AS13" s="322">
        <v>2008999</v>
      </c>
      <c r="AT13" s="318">
        <v>35883</v>
      </c>
      <c r="AU13" s="319">
        <v>90794</v>
      </c>
      <c r="AV13" s="320">
        <v>126677</v>
      </c>
      <c r="AW13" s="318">
        <v>0</v>
      </c>
      <c r="AX13" s="319">
        <v>1674375</v>
      </c>
      <c r="AY13" s="319">
        <v>1587089</v>
      </c>
      <c r="AZ13" s="319">
        <v>1424120</v>
      </c>
      <c r="BA13" s="319">
        <v>924024</v>
      </c>
      <c r="BB13" s="319">
        <v>561474</v>
      </c>
      <c r="BC13" s="320">
        <v>6171082</v>
      </c>
      <c r="BD13" s="322">
        <v>6297759</v>
      </c>
      <c r="BE13" s="318">
        <v>0</v>
      </c>
      <c r="BF13" s="319">
        <v>39625</v>
      </c>
      <c r="BG13" s="323">
        <v>39625</v>
      </c>
      <c r="BH13" s="324">
        <v>0</v>
      </c>
      <c r="BI13" s="319">
        <v>66185</v>
      </c>
      <c r="BJ13" s="319">
        <v>108570</v>
      </c>
      <c r="BK13" s="319">
        <v>89985</v>
      </c>
      <c r="BL13" s="319">
        <v>126595</v>
      </c>
      <c r="BM13" s="319">
        <v>92459</v>
      </c>
      <c r="BN13" s="320">
        <v>483794</v>
      </c>
      <c r="BO13" s="322">
        <v>523419</v>
      </c>
      <c r="BP13" s="318">
        <v>158944</v>
      </c>
      <c r="BQ13" s="319">
        <v>111832</v>
      </c>
      <c r="BR13" s="320">
        <v>270776</v>
      </c>
      <c r="BS13" s="318">
        <v>0</v>
      </c>
      <c r="BT13" s="319">
        <v>1480704</v>
      </c>
      <c r="BU13" s="319">
        <v>1185144</v>
      </c>
      <c r="BV13" s="319">
        <v>1224536</v>
      </c>
      <c r="BW13" s="319">
        <v>1024040</v>
      </c>
      <c r="BX13" s="319">
        <v>554000</v>
      </c>
      <c r="BY13" s="320">
        <v>5468424</v>
      </c>
      <c r="BZ13" s="322">
        <v>5739200</v>
      </c>
      <c r="CA13" s="318">
        <v>21977</v>
      </c>
      <c r="CB13" s="319">
        <v>76196</v>
      </c>
      <c r="CC13" s="320">
        <v>98173</v>
      </c>
      <c r="CD13" s="318">
        <v>0</v>
      </c>
      <c r="CE13" s="319">
        <v>6928584</v>
      </c>
      <c r="CF13" s="319">
        <v>7345924</v>
      </c>
      <c r="CG13" s="319">
        <v>5214550</v>
      </c>
      <c r="CH13" s="319">
        <v>2537681</v>
      </c>
      <c r="CI13" s="319">
        <v>1258432</v>
      </c>
      <c r="CJ13" s="320">
        <v>23285171</v>
      </c>
      <c r="CK13" s="322">
        <v>23383344</v>
      </c>
      <c r="CL13" s="318">
        <v>0</v>
      </c>
      <c r="CM13" s="319">
        <v>0</v>
      </c>
      <c r="CN13" s="320">
        <v>0</v>
      </c>
      <c r="CO13" s="324">
        <v>0</v>
      </c>
      <c r="CP13" s="319">
        <v>5754675</v>
      </c>
      <c r="CQ13" s="319">
        <v>6374391</v>
      </c>
      <c r="CR13" s="319">
        <v>3977350</v>
      </c>
      <c r="CS13" s="319">
        <v>2043439</v>
      </c>
      <c r="CT13" s="319">
        <v>1112252</v>
      </c>
      <c r="CU13" s="320">
        <v>19262107</v>
      </c>
      <c r="CV13" s="322">
        <v>19262107</v>
      </c>
      <c r="CW13" s="318">
        <v>21977</v>
      </c>
      <c r="CX13" s="319">
        <v>76196</v>
      </c>
      <c r="CY13" s="320">
        <v>98173</v>
      </c>
      <c r="CZ13" s="318">
        <v>0</v>
      </c>
      <c r="DA13" s="319">
        <v>1173909</v>
      </c>
      <c r="DB13" s="319">
        <v>971533</v>
      </c>
      <c r="DC13" s="319">
        <v>1237200</v>
      </c>
      <c r="DD13" s="319">
        <v>494242</v>
      </c>
      <c r="DE13" s="319">
        <v>146180</v>
      </c>
      <c r="DF13" s="320">
        <v>4023064</v>
      </c>
      <c r="DG13" s="322">
        <v>4121237</v>
      </c>
      <c r="DH13" s="318">
        <v>0</v>
      </c>
      <c r="DI13" s="319">
        <v>0</v>
      </c>
      <c r="DJ13" s="323">
        <v>0</v>
      </c>
      <c r="DK13" s="324">
        <v>0</v>
      </c>
      <c r="DL13" s="319">
        <v>815628</v>
      </c>
      <c r="DM13" s="319">
        <v>1286651</v>
      </c>
      <c r="DN13" s="319">
        <v>1893366</v>
      </c>
      <c r="DO13" s="319">
        <v>965425</v>
      </c>
      <c r="DP13" s="319">
        <v>1232890</v>
      </c>
      <c r="DQ13" s="320">
        <v>6193960</v>
      </c>
      <c r="DR13" s="322">
        <v>6193960</v>
      </c>
      <c r="DS13" s="318">
        <v>0</v>
      </c>
      <c r="DT13" s="319">
        <v>0</v>
      </c>
      <c r="DU13" s="320">
        <v>0</v>
      </c>
      <c r="DV13" s="318">
        <v>0</v>
      </c>
      <c r="DW13" s="319">
        <v>815628</v>
      </c>
      <c r="DX13" s="319">
        <v>1286651</v>
      </c>
      <c r="DY13" s="319">
        <v>1688474</v>
      </c>
      <c r="DZ13" s="319">
        <v>804613</v>
      </c>
      <c r="EA13" s="319">
        <v>1232890</v>
      </c>
      <c r="EB13" s="320">
        <v>5828256</v>
      </c>
      <c r="EC13" s="322">
        <v>5828256</v>
      </c>
      <c r="ED13" s="318">
        <v>0</v>
      </c>
      <c r="EE13" s="323">
        <v>0</v>
      </c>
      <c r="EF13" s="320">
        <v>0</v>
      </c>
      <c r="EG13" s="318">
        <v>0</v>
      </c>
      <c r="EH13" s="319">
        <v>0</v>
      </c>
      <c r="EI13" s="319">
        <v>0</v>
      </c>
      <c r="EJ13" s="319">
        <v>204892</v>
      </c>
      <c r="EK13" s="319">
        <v>160812</v>
      </c>
      <c r="EL13" s="319">
        <v>0</v>
      </c>
      <c r="EM13" s="323">
        <v>365704</v>
      </c>
      <c r="EN13" s="322">
        <v>365704</v>
      </c>
      <c r="EO13" s="318">
        <v>0</v>
      </c>
      <c r="EP13" s="319">
        <v>0</v>
      </c>
      <c r="EQ13" s="323">
        <v>0</v>
      </c>
      <c r="ER13" s="324">
        <v>0</v>
      </c>
      <c r="ES13" s="319">
        <v>0</v>
      </c>
      <c r="ET13" s="319">
        <v>0</v>
      </c>
      <c r="EU13" s="319">
        <v>0</v>
      </c>
      <c r="EV13" s="319">
        <v>0</v>
      </c>
      <c r="EW13" s="319">
        <v>0</v>
      </c>
      <c r="EX13" s="320">
        <v>0</v>
      </c>
      <c r="EY13" s="322">
        <v>0</v>
      </c>
      <c r="EZ13" s="318">
        <v>0</v>
      </c>
      <c r="FA13" s="319">
        <v>0</v>
      </c>
      <c r="FB13" s="323">
        <v>0</v>
      </c>
      <c r="FC13" s="325"/>
      <c r="FD13" s="319">
        <v>0</v>
      </c>
      <c r="FE13" s="319">
        <v>0</v>
      </c>
      <c r="FF13" s="319">
        <v>0</v>
      </c>
      <c r="FG13" s="319">
        <v>0</v>
      </c>
      <c r="FH13" s="319">
        <v>0</v>
      </c>
      <c r="FI13" s="320">
        <v>0</v>
      </c>
      <c r="FJ13" s="322">
        <v>0</v>
      </c>
      <c r="FK13" s="318">
        <v>616816</v>
      </c>
      <c r="FL13" s="319">
        <v>124096</v>
      </c>
      <c r="FM13" s="320">
        <v>740912</v>
      </c>
      <c r="FN13" s="318">
        <v>0</v>
      </c>
      <c r="FO13" s="319">
        <v>1234344</v>
      </c>
      <c r="FP13" s="319">
        <v>2617862</v>
      </c>
      <c r="FQ13" s="319">
        <v>1646232</v>
      </c>
      <c r="FR13" s="319">
        <v>1202120</v>
      </c>
      <c r="FS13" s="319">
        <v>604584</v>
      </c>
      <c r="FT13" s="320">
        <v>7305142</v>
      </c>
      <c r="FU13" s="322">
        <v>8046054</v>
      </c>
      <c r="FV13" s="326">
        <v>66320</v>
      </c>
      <c r="FW13" s="319">
        <v>108256</v>
      </c>
      <c r="FX13" s="323">
        <v>174576</v>
      </c>
      <c r="FY13" s="324">
        <v>0</v>
      </c>
      <c r="FZ13" s="319">
        <v>771216</v>
      </c>
      <c r="GA13" s="319">
        <v>2305734</v>
      </c>
      <c r="GB13" s="319">
        <v>1513704</v>
      </c>
      <c r="GC13" s="319">
        <v>1097488</v>
      </c>
      <c r="GD13" s="319">
        <v>604584</v>
      </c>
      <c r="GE13" s="320">
        <v>6292726</v>
      </c>
      <c r="GF13" s="327">
        <v>6467302</v>
      </c>
      <c r="GG13" s="326">
        <v>25696</v>
      </c>
      <c r="GH13" s="319">
        <v>15840</v>
      </c>
      <c r="GI13" s="323">
        <v>41536</v>
      </c>
      <c r="GJ13" s="324">
        <v>0</v>
      </c>
      <c r="GK13" s="319">
        <v>74008</v>
      </c>
      <c r="GL13" s="319">
        <v>46288</v>
      </c>
      <c r="GM13" s="319">
        <v>82368</v>
      </c>
      <c r="GN13" s="319">
        <v>16632</v>
      </c>
      <c r="GO13" s="319">
        <v>0</v>
      </c>
      <c r="GP13" s="320">
        <v>219296</v>
      </c>
      <c r="GQ13" s="322">
        <v>260832</v>
      </c>
      <c r="GR13" s="318">
        <v>524800</v>
      </c>
      <c r="GS13" s="319">
        <v>0</v>
      </c>
      <c r="GT13" s="320">
        <v>524800</v>
      </c>
      <c r="GU13" s="318">
        <v>0</v>
      </c>
      <c r="GV13" s="319">
        <v>389120</v>
      </c>
      <c r="GW13" s="319">
        <v>265840</v>
      </c>
      <c r="GX13" s="319">
        <v>50160</v>
      </c>
      <c r="GY13" s="319">
        <v>88000</v>
      </c>
      <c r="GZ13" s="319">
        <v>0</v>
      </c>
      <c r="HA13" s="323">
        <v>793120</v>
      </c>
      <c r="HB13" s="322">
        <v>1317920</v>
      </c>
      <c r="HC13" s="318">
        <v>429669</v>
      </c>
      <c r="HD13" s="319">
        <v>527685</v>
      </c>
      <c r="HE13" s="323">
        <v>957354</v>
      </c>
      <c r="HF13" s="324">
        <v>0</v>
      </c>
      <c r="HG13" s="319">
        <v>7611878</v>
      </c>
      <c r="HH13" s="319">
        <v>6292233</v>
      </c>
      <c r="HI13" s="319">
        <v>5930768</v>
      </c>
      <c r="HJ13" s="319">
        <v>6770351</v>
      </c>
      <c r="HK13" s="319">
        <v>4079031</v>
      </c>
      <c r="HL13" s="320">
        <v>30684261</v>
      </c>
      <c r="HM13" s="321">
        <v>31641615</v>
      </c>
      <c r="HN13" s="411"/>
      <c r="HO13" s="412"/>
      <c r="HP13" s="413"/>
      <c r="HQ13" s="414"/>
      <c r="HR13" s="412"/>
      <c r="HS13" s="412"/>
      <c r="HT13" s="412"/>
      <c r="HU13" s="412"/>
      <c r="HV13" s="412"/>
      <c r="HW13" s="415"/>
      <c r="HX13" s="416"/>
      <c r="HY13" s="328">
        <v>42106</v>
      </c>
      <c r="HZ13" s="329">
        <v>0</v>
      </c>
      <c r="IA13" s="330">
        <v>42106</v>
      </c>
      <c r="IB13" s="353">
        <v>0</v>
      </c>
      <c r="IC13" s="329">
        <v>8189064</v>
      </c>
      <c r="ID13" s="354">
        <v>5141204</v>
      </c>
      <c r="IE13" s="330">
        <v>5890159</v>
      </c>
      <c r="IF13" s="329">
        <v>2718680</v>
      </c>
      <c r="IG13" s="330">
        <v>1129365</v>
      </c>
      <c r="IH13" s="355">
        <v>23068472</v>
      </c>
      <c r="II13" s="336">
        <v>23110578</v>
      </c>
      <c r="IJ13" s="337">
        <v>0</v>
      </c>
      <c r="IK13" s="338">
        <v>0</v>
      </c>
      <c r="IL13" s="339">
        <v>0</v>
      </c>
      <c r="IM13" s="340"/>
      <c r="IN13" s="341">
        <v>0</v>
      </c>
      <c r="IO13" s="341">
        <v>0</v>
      </c>
      <c r="IP13" s="341">
        <v>0</v>
      </c>
      <c r="IQ13" s="341">
        <v>0</v>
      </c>
      <c r="IR13" s="341">
        <v>0</v>
      </c>
      <c r="IS13" s="342">
        <v>0</v>
      </c>
      <c r="IT13" s="343">
        <v>0</v>
      </c>
      <c r="IU13" s="344">
        <v>0</v>
      </c>
      <c r="IV13" s="341">
        <v>0</v>
      </c>
      <c r="IW13" s="345">
        <v>0</v>
      </c>
      <c r="IX13" s="340"/>
      <c r="IY13" s="341">
        <v>0</v>
      </c>
      <c r="IZ13" s="341">
        <v>0</v>
      </c>
      <c r="JA13" s="341">
        <v>0</v>
      </c>
      <c r="JB13" s="341">
        <v>0</v>
      </c>
      <c r="JC13" s="341">
        <v>0</v>
      </c>
      <c r="JD13" s="345">
        <v>0</v>
      </c>
      <c r="JE13" s="347">
        <v>0</v>
      </c>
      <c r="JF13" s="344">
        <v>0</v>
      </c>
      <c r="JG13" s="341">
        <v>0</v>
      </c>
      <c r="JH13" s="342">
        <v>0</v>
      </c>
      <c r="JI13" s="348">
        <v>0</v>
      </c>
      <c r="JJ13" s="341">
        <v>3480572</v>
      </c>
      <c r="JK13" s="341">
        <v>2338802</v>
      </c>
      <c r="JL13" s="341">
        <v>1208972</v>
      </c>
      <c r="JM13" s="341">
        <v>159514</v>
      </c>
      <c r="JN13" s="341">
        <v>47609</v>
      </c>
      <c r="JO13" s="345">
        <v>7235469</v>
      </c>
      <c r="JP13" s="343">
        <v>7235469</v>
      </c>
      <c r="JQ13" s="344">
        <v>0</v>
      </c>
      <c r="JR13" s="341">
        <v>0</v>
      </c>
      <c r="JS13" s="342">
        <v>0</v>
      </c>
      <c r="JT13" s="348">
        <v>0</v>
      </c>
      <c r="JU13" s="341">
        <v>805378</v>
      </c>
      <c r="JV13" s="341">
        <v>832578</v>
      </c>
      <c r="JW13" s="341">
        <v>729727</v>
      </c>
      <c r="JX13" s="341">
        <v>0</v>
      </c>
      <c r="JY13" s="341">
        <v>0</v>
      </c>
      <c r="JZ13" s="345">
        <v>2367683</v>
      </c>
      <c r="KA13" s="343">
        <v>2367683</v>
      </c>
      <c r="KB13" s="349">
        <v>42106</v>
      </c>
      <c r="KC13" s="350">
        <v>0</v>
      </c>
      <c r="KD13" s="345">
        <v>42106</v>
      </c>
      <c r="KE13" s="348">
        <v>0</v>
      </c>
      <c r="KF13" s="341">
        <v>851320</v>
      </c>
      <c r="KG13" s="341">
        <v>774149</v>
      </c>
      <c r="KH13" s="341">
        <v>0</v>
      </c>
      <c r="KI13" s="341">
        <v>228732</v>
      </c>
      <c r="KJ13" s="341">
        <v>0</v>
      </c>
      <c r="KK13" s="345">
        <v>1854201</v>
      </c>
      <c r="KL13" s="351">
        <v>1896307</v>
      </c>
      <c r="KM13" s="337">
        <v>0</v>
      </c>
      <c r="KN13" s="338">
        <v>0</v>
      </c>
      <c r="KO13" s="339">
        <v>0</v>
      </c>
      <c r="KP13" s="340"/>
      <c r="KQ13" s="341">
        <v>2919675</v>
      </c>
      <c r="KR13" s="341">
        <v>1195675</v>
      </c>
      <c r="KS13" s="341">
        <v>3951460</v>
      </c>
      <c r="KT13" s="341">
        <v>1751190</v>
      </c>
      <c r="KU13" s="341">
        <v>734248</v>
      </c>
      <c r="KV13" s="345">
        <v>10552248</v>
      </c>
      <c r="KW13" s="343">
        <v>10552248</v>
      </c>
      <c r="KX13" s="344">
        <v>0</v>
      </c>
      <c r="KY13" s="341">
        <v>0</v>
      </c>
      <c r="KZ13" s="345">
        <v>0</v>
      </c>
      <c r="LA13" s="340"/>
      <c r="LB13" s="341">
        <v>0</v>
      </c>
      <c r="LC13" s="341">
        <v>0</v>
      </c>
      <c r="LD13" s="341">
        <v>0</v>
      </c>
      <c r="LE13" s="341">
        <v>0</v>
      </c>
      <c r="LF13" s="341">
        <v>0</v>
      </c>
      <c r="LG13" s="345">
        <v>0</v>
      </c>
      <c r="LH13" s="347">
        <v>0</v>
      </c>
      <c r="LI13" s="344">
        <v>0</v>
      </c>
      <c r="LJ13" s="341">
        <v>0</v>
      </c>
      <c r="LK13" s="345">
        <v>0</v>
      </c>
      <c r="LL13" s="340"/>
      <c r="LM13" s="341">
        <v>0</v>
      </c>
      <c r="LN13" s="341">
        <v>0</v>
      </c>
      <c r="LO13" s="341">
        <v>0</v>
      </c>
      <c r="LP13" s="341">
        <v>0</v>
      </c>
      <c r="LQ13" s="341">
        <v>0</v>
      </c>
      <c r="LR13" s="345">
        <v>0</v>
      </c>
      <c r="LS13" s="343">
        <v>0</v>
      </c>
      <c r="LT13" s="344">
        <v>0</v>
      </c>
      <c r="LU13" s="341">
        <v>0</v>
      </c>
      <c r="LV13" s="345">
        <v>0</v>
      </c>
      <c r="LW13" s="340"/>
      <c r="LX13" s="341">
        <v>132119</v>
      </c>
      <c r="LY13" s="341">
        <v>0</v>
      </c>
      <c r="LZ13" s="341">
        <v>0</v>
      </c>
      <c r="MA13" s="341">
        <v>579244</v>
      </c>
      <c r="MB13" s="341">
        <v>347508</v>
      </c>
      <c r="MC13" s="345">
        <v>1058871</v>
      </c>
      <c r="MD13" s="347">
        <v>1058871</v>
      </c>
      <c r="ME13" s="344">
        <v>0</v>
      </c>
      <c r="MF13" s="341">
        <v>0</v>
      </c>
      <c r="MG13" s="345">
        <v>0</v>
      </c>
      <c r="MH13" s="340"/>
      <c r="MI13" s="341">
        <v>2459713</v>
      </c>
      <c r="MJ13" s="341">
        <v>4951623</v>
      </c>
      <c r="MK13" s="341">
        <v>8763198</v>
      </c>
      <c r="ML13" s="341">
        <v>19980722</v>
      </c>
      <c r="MM13" s="341">
        <v>8063040</v>
      </c>
      <c r="MN13" s="345">
        <v>44218296</v>
      </c>
      <c r="MO13" s="351">
        <v>44218296</v>
      </c>
      <c r="MP13" s="344">
        <v>0</v>
      </c>
      <c r="MQ13" s="341">
        <v>0</v>
      </c>
      <c r="MR13" s="345">
        <v>0</v>
      </c>
      <c r="MS13" s="340"/>
      <c r="MT13" s="341">
        <v>0</v>
      </c>
      <c r="MU13" s="341">
        <v>1324788</v>
      </c>
      <c r="MV13" s="341">
        <v>3950023</v>
      </c>
      <c r="MW13" s="341">
        <v>13655047</v>
      </c>
      <c r="MX13" s="341">
        <v>5260924</v>
      </c>
      <c r="MY13" s="345">
        <v>24190782</v>
      </c>
      <c r="MZ13" s="351">
        <v>24190782</v>
      </c>
      <c r="NA13" s="344">
        <v>0</v>
      </c>
      <c r="NB13" s="341">
        <v>0</v>
      </c>
      <c r="NC13" s="345">
        <v>0</v>
      </c>
      <c r="ND13" s="340"/>
      <c r="NE13" s="341">
        <v>2459713</v>
      </c>
      <c r="NF13" s="341">
        <v>3626835</v>
      </c>
      <c r="NG13" s="341">
        <v>4813175</v>
      </c>
      <c r="NH13" s="341">
        <v>6325675</v>
      </c>
      <c r="NI13" s="341">
        <v>2802116</v>
      </c>
      <c r="NJ13" s="345">
        <v>20027514</v>
      </c>
      <c r="NK13" s="343">
        <v>20027514</v>
      </c>
      <c r="NL13" s="344">
        <v>0</v>
      </c>
      <c r="NM13" s="341">
        <v>0</v>
      </c>
      <c r="NN13" s="345">
        <v>0</v>
      </c>
      <c r="NO13" s="340"/>
      <c r="NP13" s="341">
        <v>0</v>
      </c>
      <c r="NQ13" s="341">
        <v>0</v>
      </c>
      <c r="NR13" s="341">
        <v>0</v>
      </c>
      <c r="NS13" s="341">
        <v>0</v>
      </c>
      <c r="NT13" s="341">
        <v>0</v>
      </c>
      <c r="NU13" s="345">
        <v>0</v>
      </c>
      <c r="NV13" s="347">
        <v>0</v>
      </c>
      <c r="NW13" s="344">
        <v>0</v>
      </c>
      <c r="NX13" s="341">
        <v>0</v>
      </c>
      <c r="NY13" s="345">
        <v>0</v>
      </c>
      <c r="NZ13" s="340"/>
      <c r="OA13" s="341">
        <v>0</v>
      </c>
      <c r="OB13" s="341">
        <v>0</v>
      </c>
      <c r="OC13" s="341">
        <v>0</v>
      </c>
      <c r="OD13" s="341">
        <v>0</v>
      </c>
      <c r="OE13" s="341">
        <v>0</v>
      </c>
      <c r="OF13" s="345">
        <v>0</v>
      </c>
      <c r="OG13" s="347">
        <v>0</v>
      </c>
      <c r="OH13" s="344">
        <v>1305395</v>
      </c>
      <c r="OI13" s="341">
        <v>970228</v>
      </c>
      <c r="OJ13" s="342">
        <v>2275623</v>
      </c>
      <c r="OK13" s="348">
        <v>0</v>
      </c>
      <c r="OL13" s="341">
        <v>33918865</v>
      </c>
      <c r="OM13" s="341">
        <v>34323879</v>
      </c>
      <c r="ON13" s="341">
        <v>36773360</v>
      </c>
      <c r="OO13" s="341">
        <v>41046148</v>
      </c>
      <c r="OP13" s="341">
        <v>20475339</v>
      </c>
      <c r="OQ13" s="345">
        <v>166537591</v>
      </c>
      <c r="OR13" s="351">
        <v>168813214</v>
      </c>
    </row>
    <row r="14" spans="1:408" ht="20.25" customHeight="1" x14ac:dyDescent="0.2">
      <c r="A14" s="111" t="s">
        <v>8</v>
      </c>
      <c r="B14" s="318">
        <v>661140</v>
      </c>
      <c r="C14" s="319">
        <v>1030268</v>
      </c>
      <c r="D14" s="320">
        <v>1691408</v>
      </c>
      <c r="E14" s="321">
        <v>0</v>
      </c>
      <c r="F14" s="319">
        <v>6887812</v>
      </c>
      <c r="G14" s="319">
        <v>9574000</v>
      </c>
      <c r="H14" s="319">
        <v>8194670</v>
      </c>
      <c r="I14" s="319">
        <v>6786295</v>
      </c>
      <c r="J14" s="319">
        <v>5723786</v>
      </c>
      <c r="K14" s="321">
        <v>37166563</v>
      </c>
      <c r="L14" s="322">
        <v>38857971</v>
      </c>
      <c r="M14" s="318">
        <v>183906</v>
      </c>
      <c r="N14" s="319">
        <v>238374</v>
      </c>
      <c r="O14" s="320">
        <v>422280</v>
      </c>
      <c r="P14" s="318">
        <v>0</v>
      </c>
      <c r="Q14" s="319">
        <v>2198301</v>
      </c>
      <c r="R14" s="319">
        <v>2862049</v>
      </c>
      <c r="S14" s="319">
        <v>3814049</v>
      </c>
      <c r="T14" s="319">
        <v>2433303</v>
      </c>
      <c r="U14" s="319">
        <v>2854184</v>
      </c>
      <c r="V14" s="320">
        <v>14161886</v>
      </c>
      <c r="W14" s="322">
        <v>14584166</v>
      </c>
      <c r="X14" s="318">
        <v>0</v>
      </c>
      <c r="Y14" s="319">
        <v>0</v>
      </c>
      <c r="Z14" s="320">
        <v>0</v>
      </c>
      <c r="AA14" s="318">
        <v>0</v>
      </c>
      <c r="AB14" s="319">
        <v>882788</v>
      </c>
      <c r="AC14" s="319">
        <v>1357726</v>
      </c>
      <c r="AD14" s="319">
        <v>2314498</v>
      </c>
      <c r="AE14" s="319">
        <v>847970</v>
      </c>
      <c r="AF14" s="319">
        <v>1935526</v>
      </c>
      <c r="AG14" s="320">
        <v>7338508</v>
      </c>
      <c r="AH14" s="322">
        <v>7338508</v>
      </c>
      <c r="AI14" s="318">
        <v>0</v>
      </c>
      <c r="AJ14" s="319">
        <v>0</v>
      </c>
      <c r="AK14" s="320">
        <v>0</v>
      </c>
      <c r="AL14" s="318">
        <v>0</v>
      </c>
      <c r="AM14" s="319">
        <v>0</v>
      </c>
      <c r="AN14" s="319">
        <v>57865</v>
      </c>
      <c r="AO14" s="319">
        <v>46292</v>
      </c>
      <c r="AP14" s="319">
        <v>246612</v>
      </c>
      <c r="AQ14" s="319">
        <v>398198</v>
      </c>
      <c r="AR14" s="320">
        <v>748967</v>
      </c>
      <c r="AS14" s="322">
        <v>748967</v>
      </c>
      <c r="AT14" s="318">
        <v>75634</v>
      </c>
      <c r="AU14" s="319">
        <v>131280</v>
      </c>
      <c r="AV14" s="320">
        <v>206914</v>
      </c>
      <c r="AW14" s="318">
        <v>0</v>
      </c>
      <c r="AX14" s="319">
        <v>802325</v>
      </c>
      <c r="AY14" s="319">
        <v>806167</v>
      </c>
      <c r="AZ14" s="319">
        <v>722007</v>
      </c>
      <c r="BA14" s="319">
        <v>723761</v>
      </c>
      <c r="BB14" s="319">
        <v>255450</v>
      </c>
      <c r="BC14" s="320">
        <v>3309710</v>
      </c>
      <c r="BD14" s="322">
        <v>3516624</v>
      </c>
      <c r="BE14" s="318">
        <v>0</v>
      </c>
      <c r="BF14" s="319">
        <v>36982</v>
      </c>
      <c r="BG14" s="323">
        <v>36982</v>
      </c>
      <c r="BH14" s="324">
        <v>0</v>
      </c>
      <c r="BI14" s="319">
        <v>90316</v>
      </c>
      <c r="BJ14" s="319">
        <v>194731</v>
      </c>
      <c r="BK14" s="319">
        <v>353100</v>
      </c>
      <c r="BL14" s="319">
        <v>191248</v>
      </c>
      <c r="BM14" s="319">
        <v>15698</v>
      </c>
      <c r="BN14" s="320">
        <v>845093</v>
      </c>
      <c r="BO14" s="322">
        <v>882075</v>
      </c>
      <c r="BP14" s="318">
        <v>108272</v>
      </c>
      <c r="BQ14" s="319">
        <v>70112</v>
      </c>
      <c r="BR14" s="320">
        <v>178384</v>
      </c>
      <c r="BS14" s="318">
        <v>0</v>
      </c>
      <c r="BT14" s="319">
        <v>422872</v>
      </c>
      <c r="BU14" s="319">
        <v>445560</v>
      </c>
      <c r="BV14" s="319">
        <v>378152</v>
      </c>
      <c r="BW14" s="319">
        <v>423712</v>
      </c>
      <c r="BX14" s="319">
        <v>249312</v>
      </c>
      <c r="BY14" s="320">
        <v>1919608</v>
      </c>
      <c r="BZ14" s="322">
        <v>2097992</v>
      </c>
      <c r="CA14" s="318">
        <v>142160</v>
      </c>
      <c r="CB14" s="319">
        <v>73452</v>
      </c>
      <c r="CC14" s="320">
        <v>215612</v>
      </c>
      <c r="CD14" s="318">
        <v>0</v>
      </c>
      <c r="CE14" s="319">
        <v>1990782</v>
      </c>
      <c r="CF14" s="319">
        <v>3790997</v>
      </c>
      <c r="CG14" s="319">
        <v>2130824</v>
      </c>
      <c r="CH14" s="319">
        <v>1510758</v>
      </c>
      <c r="CI14" s="319">
        <v>932733</v>
      </c>
      <c r="CJ14" s="320">
        <v>10356094</v>
      </c>
      <c r="CK14" s="322">
        <v>10571706</v>
      </c>
      <c r="CL14" s="318">
        <v>0</v>
      </c>
      <c r="CM14" s="319">
        <v>0</v>
      </c>
      <c r="CN14" s="320">
        <v>0</v>
      </c>
      <c r="CO14" s="324">
        <v>0</v>
      </c>
      <c r="CP14" s="319">
        <v>1796234</v>
      </c>
      <c r="CQ14" s="319">
        <v>3146537</v>
      </c>
      <c r="CR14" s="319">
        <v>1618049</v>
      </c>
      <c r="CS14" s="319">
        <v>919292</v>
      </c>
      <c r="CT14" s="319">
        <v>772905</v>
      </c>
      <c r="CU14" s="320">
        <v>8253017</v>
      </c>
      <c r="CV14" s="322">
        <v>8253017</v>
      </c>
      <c r="CW14" s="318">
        <v>142160</v>
      </c>
      <c r="CX14" s="319">
        <v>73452</v>
      </c>
      <c r="CY14" s="320">
        <v>215612</v>
      </c>
      <c r="CZ14" s="318">
        <v>0</v>
      </c>
      <c r="DA14" s="319">
        <v>194548</v>
      </c>
      <c r="DB14" s="319">
        <v>644460</v>
      </c>
      <c r="DC14" s="319">
        <v>512775</v>
      </c>
      <c r="DD14" s="319">
        <v>591466</v>
      </c>
      <c r="DE14" s="319">
        <v>159828</v>
      </c>
      <c r="DF14" s="320">
        <v>2103077</v>
      </c>
      <c r="DG14" s="322">
        <v>2318689</v>
      </c>
      <c r="DH14" s="318">
        <v>0</v>
      </c>
      <c r="DI14" s="319">
        <v>115118</v>
      </c>
      <c r="DJ14" s="323">
        <v>115118</v>
      </c>
      <c r="DK14" s="324">
        <v>0</v>
      </c>
      <c r="DL14" s="319">
        <v>180107</v>
      </c>
      <c r="DM14" s="319">
        <v>283909</v>
      </c>
      <c r="DN14" s="319">
        <v>559788</v>
      </c>
      <c r="DO14" s="319">
        <v>407437</v>
      </c>
      <c r="DP14" s="319">
        <v>353127</v>
      </c>
      <c r="DQ14" s="320">
        <v>1784368</v>
      </c>
      <c r="DR14" s="322">
        <v>1899486</v>
      </c>
      <c r="DS14" s="318">
        <v>0</v>
      </c>
      <c r="DT14" s="319">
        <v>115118</v>
      </c>
      <c r="DU14" s="320">
        <v>115118</v>
      </c>
      <c r="DV14" s="318">
        <v>0</v>
      </c>
      <c r="DW14" s="319">
        <v>180107</v>
      </c>
      <c r="DX14" s="319">
        <v>283909</v>
      </c>
      <c r="DY14" s="319">
        <v>559788</v>
      </c>
      <c r="DZ14" s="319">
        <v>407437</v>
      </c>
      <c r="EA14" s="319">
        <v>353127</v>
      </c>
      <c r="EB14" s="320">
        <v>1784368</v>
      </c>
      <c r="EC14" s="322">
        <v>1899486</v>
      </c>
      <c r="ED14" s="318">
        <v>0</v>
      </c>
      <c r="EE14" s="323">
        <v>0</v>
      </c>
      <c r="EF14" s="320">
        <v>0</v>
      </c>
      <c r="EG14" s="318">
        <v>0</v>
      </c>
      <c r="EH14" s="319">
        <v>0</v>
      </c>
      <c r="EI14" s="319">
        <v>0</v>
      </c>
      <c r="EJ14" s="319">
        <v>0</v>
      </c>
      <c r="EK14" s="319">
        <v>0</v>
      </c>
      <c r="EL14" s="319">
        <v>0</v>
      </c>
      <c r="EM14" s="323">
        <v>0</v>
      </c>
      <c r="EN14" s="322">
        <v>0</v>
      </c>
      <c r="EO14" s="318">
        <v>0</v>
      </c>
      <c r="EP14" s="319">
        <v>0</v>
      </c>
      <c r="EQ14" s="323">
        <v>0</v>
      </c>
      <c r="ER14" s="324">
        <v>0</v>
      </c>
      <c r="ES14" s="319">
        <v>0</v>
      </c>
      <c r="ET14" s="319">
        <v>0</v>
      </c>
      <c r="EU14" s="319">
        <v>0</v>
      </c>
      <c r="EV14" s="319">
        <v>0</v>
      </c>
      <c r="EW14" s="319">
        <v>0</v>
      </c>
      <c r="EX14" s="320">
        <v>0</v>
      </c>
      <c r="EY14" s="322">
        <v>0</v>
      </c>
      <c r="EZ14" s="318">
        <v>0</v>
      </c>
      <c r="FA14" s="319">
        <v>0</v>
      </c>
      <c r="FB14" s="323">
        <v>0</v>
      </c>
      <c r="FC14" s="325"/>
      <c r="FD14" s="319">
        <v>0</v>
      </c>
      <c r="FE14" s="319">
        <v>0</v>
      </c>
      <c r="FF14" s="319">
        <v>0</v>
      </c>
      <c r="FG14" s="319">
        <v>0</v>
      </c>
      <c r="FH14" s="319">
        <v>0</v>
      </c>
      <c r="FI14" s="320">
        <v>0</v>
      </c>
      <c r="FJ14" s="322">
        <v>0</v>
      </c>
      <c r="FK14" s="318">
        <v>113248</v>
      </c>
      <c r="FL14" s="319">
        <v>72240</v>
      </c>
      <c r="FM14" s="320">
        <v>185488</v>
      </c>
      <c r="FN14" s="318">
        <v>0</v>
      </c>
      <c r="FO14" s="319">
        <v>448440</v>
      </c>
      <c r="FP14" s="319">
        <v>1101448</v>
      </c>
      <c r="FQ14" s="319">
        <v>740728</v>
      </c>
      <c r="FR14" s="319">
        <v>708296</v>
      </c>
      <c r="FS14" s="319">
        <v>448720</v>
      </c>
      <c r="FT14" s="320">
        <v>3447632</v>
      </c>
      <c r="FU14" s="322">
        <v>3633120</v>
      </c>
      <c r="FV14" s="326">
        <v>96968</v>
      </c>
      <c r="FW14" s="319">
        <v>72240</v>
      </c>
      <c r="FX14" s="323">
        <v>169208</v>
      </c>
      <c r="FY14" s="324">
        <v>0</v>
      </c>
      <c r="FZ14" s="319">
        <v>333768</v>
      </c>
      <c r="GA14" s="319">
        <v>975432</v>
      </c>
      <c r="GB14" s="319">
        <v>715384</v>
      </c>
      <c r="GC14" s="319">
        <v>646896</v>
      </c>
      <c r="GD14" s="319">
        <v>414840</v>
      </c>
      <c r="GE14" s="320">
        <v>3086320</v>
      </c>
      <c r="GF14" s="327">
        <v>3255528</v>
      </c>
      <c r="GG14" s="326">
        <v>16280</v>
      </c>
      <c r="GH14" s="319">
        <v>0</v>
      </c>
      <c r="GI14" s="323">
        <v>16280</v>
      </c>
      <c r="GJ14" s="324">
        <v>0</v>
      </c>
      <c r="GK14" s="319">
        <v>101072</v>
      </c>
      <c r="GL14" s="319">
        <v>38016</v>
      </c>
      <c r="GM14" s="319">
        <v>25344</v>
      </c>
      <c r="GN14" s="319">
        <v>61400</v>
      </c>
      <c r="GO14" s="319">
        <v>33880</v>
      </c>
      <c r="GP14" s="320">
        <v>259712</v>
      </c>
      <c r="GQ14" s="322">
        <v>275992</v>
      </c>
      <c r="GR14" s="318">
        <v>0</v>
      </c>
      <c r="GS14" s="319">
        <v>0</v>
      </c>
      <c r="GT14" s="320">
        <v>0</v>
      </c>
      <c r="GU14" s="318">
        <v>0</v>
      </c>
      <c r="GV14" s="319">
        <v>13600</v>
      </c>
      <c r="GW14" s="319">
        <v>88000</v>
      </c>
      <c r="GX14" s="319">
        <v>0</v>
      </c>
      <c r="GY14" s="319">
        <v>0</v>
      </c>
      <c r="GZ14" s="319">
        <v>0</v>
      </c>
      <c r="HA14" s="323">
        <v>101600</v>
      </c>
      <c r="HB14" s="322">
        <v>101600</v>
      </c>
      <c r="HC14" s="318">
        <v>221826</v>
      </c>
      <c r="HD14" s="319">
        <v>531084</v>
      </c>
      <c r="HE14" s="323">
        <v>752910</v>
      </c>
      <c r="HF14" s="324">
        <v>0</v>
      </c>
      <c r="HG14" s="319">
        <v>2070182</v>
      </c>
      <c r="HH14" s="319">
        <v>1535597</v>
      </c>
      <c r="HI14" s="319">
        <v>949281</v>
      </c>
      <c r="HJ14" s="319">
        <v>1726501</v>
      </c>
      <c r="HK14" s="319">
        <v>1135022</v>
      </c>
      <c r="HL14" s="320">
        <v>7416583</v>
      </c>
      <c r="HM14" s="321">
        <v>8169493</v>
      </c>
      <c r="HN14" s="411"/>
      <c r="HO14" s="412"/>
      <c r="HP14" s="413"/>
      <c r="HQ14" s="414"/>
      <c r="HR14" s="412"/>
      <c r="HS14" s="412"/>
      <c r="HT14" s="412"/>
      <c r="HU14" s="412"/>
      <c r="HV14" s="412"/>
      <c r="HW14" s="415"/>
      <c r="HX14" s="416"/>
      <c r="HY14" s="328">
        <v>48251</v>
      </c>
      <c r="HZ14" s="329">
        <v>0</v>
      </c>
      <c r="IA14" s="330">
        <v>48251</v>
      </c>
      <c r="IB14" s="331">
        <v>0</v>
      </c>
      <c r="IC14" s="332">
        <v>3598233</v>
      </c>
      <c r="ID14" s="333">
        <v>3641366</v>
      </c>
      <c r="IE14" s="334">
        <v>2354313</v>
      </c>
      <c r="IF14" s="332">
        <v>3343093</v>
      </c>
      <c r="IG14" s="334">
        <v>438881</v>
      </c>
      <c r="IH14" s="335">
        <v>13375886</v>
      </c>
      <c r="II14" s="336">
        <v>13424137</v>
      </c>
      <c r="IJ14" s="337">
        <v>0</v>
      </c>
      <c r="IK14" s="338">
        <v>0</v>
      </c>
      <c r="IL14" s="339">
        <v>0</v>
      </c>
      <c r="IM14" s="340"/>
      <c r="IN14" s="341">
        <v>177550</v>
      </c>
      <c r="IO14" s="341">
        <v>0</v>
      </c>
      <c r="IP14" s="341">
        <v>0</v>
      </c>
      <c r="IQ14" s="341">
        <v>0</v>
      </c>
      <c r="IR14" s="341">
        <v>0</v>
      </c>
      <c r="IS14" s="342">
        <v>177550</v>
      </c>
      <c r="IT14" s="343">
        <v>177550</v>
      </c>
      <c r="IU14" s="344">
        <v>0</v>
      </c>
      <c r="IV14" s="341">
        <v>0</v>
      </c>
      <c r="IW14" s="345">
        <v>0</v>
      </c>
      <c r="IX14" s="340"/>
      <c r="IY14" s="341">
        <v>0</v>
      </c>
      <c r="IZ14" s="341">
        <v>0</v>
      </c>
      <c r="JA14" s="341">
        <v>0</v>
      </c>
      <c r="JB14" s="341">
        <v>0</v>
      </c>
      <c r="JC14" s="341">
        <v>16503</v>
      </c>
      <c r="JD14" s="345">
        <v>16503</v>
      </c>
      <c r="JE14" s="347">
        <v>16503</v>
      </c>
      <c r="JF14" s="344">
        <v>0</v>
      </c>
      <c r="JG14" s="341">
        <v>0</v>
      </c>
      <c r="JH14" s="342">
        <v>0</v>
      </c>
      <c r="JI14" s="348">
        <v>0</v>
      </c>
      <c r="JJ14" s="341">
        <v>1517315</v>
      </c>
      <c r="JK14" s="341">
        <v>1538276</v>
      </c>
      <c r="JL14" s="341">
        <v>708260</v>
      </c>
      <c r="JM14" s="341">
        <v>569261</v>
      </c>
      <c r="JN14" s="341">
        <v>170868</v>
      </c>
      <c r="JO14" s="345">
        <v>4503980</v>
      </c>
      <c r="JP14" s="343">
        <v>4503980</v>
      </c>
      <c r="JQ14" s="344">
        <v>0</v>
      </c>
      <c r="JR14" s="341">
        <v>0</v>
      </c>
      <c r="JS14" s="342">
        <v>0</v>
      </c>
      <c r="JT14" s="348">
        <v>0</v>
      </c>
      <c r="JU14" s="341">
        <v>0</v>
      </c>
      <c r="JV14" s="341">
        <v>0</v>
      </c>
      <c r="JW14" s="341">
        <v>0</v>
      </c>
      <c r="JX14" s="341">
        <v>0</v>
      </c>
      <c r="JY14" s="341">
        <v>0</v>
      </c>
      <c r="JZ14" s="345">
        <v>0</v>
      </c>
      <c r="KA14" s="343">
        <v>0</v>
      </c>
      <c r="KB14" s="349">
        <v>48251</v>
      </c>
      <c r="KC14" s="350">
        <v>0</v>
      </c>
      <c r="KD14" s="345">
        <v>48251</v>
      </c>
      <c r="KE14" s="348">
        <v>0</v>
      </c>
      <c r="KF14" s="341">
        <v>699114</v>
      </c>
      <c r="KG14" s="341">
        <v>1177839</v>
      </c>
      <c r="KH14" s="341">
        <v>226428</v>
      </c>
      <c r="KI14" s="341">
        <v>512846</v>
      </c>
      <c r="KJ14" s="341">
        <v>0</v>
      </c>
      <c r="KK14" s="345">
        <v>2616227</v>
      </c>
      <c r="KL14" s="351">
        <v>2664478</v>
      </c>
      <c r="KM14" s="337">
        <v>0</v>
      </c>
      <c r="KN14" s="338">
        <v>0</v>
      </c>
      <c r="KO14" s="339">
        <v>0</v>
      </c>
      <c r="KP14" s="340"/>
      <c r="KQ14" s="341">
        <v>902542</v>
      </c>
      <c r="KR14" s="341">
        <v>706284</v>
      </c>
      <c r="KS14" s="341">
        <v>1201521</v>
      </c>
      <c r="KT14" s="341">
        <v>740886</v>
      </c>
      <c r="KU14" s="341">
        <v>251510</v>
      </c>
      <c r="KV14" s="345">
        <v>3802743</v>
      </c>
      <c r="KW14" s="343">
        <v>3802743</v>
      </c>
      <c r="KX14" s="344">
        <v>0</v>
      </c>
      <c r="KY14" s="341">
        <v>0</v>
      </c>
      <c r="KZ14" s="345">
        <v>0</v>
      </c>
      <c r="LA14" s="340"/>
      <c r="LB14" s="341">
        <v>0</v>
      </c>
      <c r="LC14" s="341">
        <v>0</v>
      </c>
      <c r="LD14" s="341">
        <v>0</v>
      </c>
      <c r="LE14" s="341">
        <v>813725</v>
      </c>
      <c r="LF14" s="341">
        <v>0</v>
      </c>
      <c r="LG14" s="345">
        <v>813725</v>
      </c>
      <c r="LH14" s="347">
        <v>813725</v>
      </c>
      <c r="LI14" s="344">
        <v>0</v>
      </c>
      <c r="LJ14" s="341">
        <v>0</v>
      </c>
      <c r="LK14" s="345">
        <v>0</v>
      </c>
      <c r="LL14" s="340"/>
      <c r="LM14" s="341">
        <v>0</v>
      </c>
      <c r="LN14" s="341">
        <v>0</v>
      </c>
      <c r="LO14" s="341">
        <v>218104</v>
      </c>
      <c r="LP14" s="341">
        <v>0</v>
      </c>
      <c r="LQ14" s="341">
        <v>0</v>
      </c>
      <c r="LR14" s="345">
        <v>218104</v>
      </c>
      <c r="LS14" s="343">
        <v>218104</v>
      </c>
      <c r="LT14" s="344">
        <v>0</v>
      </c>
      <c r="LU14" s="341">
        <v>0</v>
      </c>
      <c r="LV14" s="345">
        <v>0</v>
      </c>
      <c r="LW14" s="340"/>
      <c r="LX14" s="341">
        <v>301712</v>
      </c>
      <c r="LY14" s="341">
        <v>218967</v>
      </c>
      <c r="LZ14" s="341">
        <v>0</v>
      </c>
      <c r="MA14" s="341">
        <v>706375</v>
      </c>
      <c r="MB14" s="341">
        <v>0</v>
      </c>
      <c r="MC14" s="345">
        <v>1227054</v>
      </c>
      <c r="MD14" s="347">
        <v>1227054</v>
      </c>
      <c r="ME14" s="344">
        <v>0</v>
      </c>
      <c r="MF14" s="341">
        <v>0</v>
      </c>
      <c r="MG14" s="345">
        <v>0</v>
      </c>
      <c r="MH14" s="340"/>
      <c r="MI14" s="341">
        <v>417991</v>
      </c>
      <c r="MJ14" s="341">
        <v>2056851</v>
      </c>
      <c r="MK14" s="341">
        <v>4461341</v>
      </c>
      <c r="ML14" s="341">
        <v>4467365</v>
      </c>
      <c r="MM14" s="341">
        <v>2329808</v>
      </c>
      <c r="MN14" s="345">
        <v>13733356</v>
      </c>
      <c r="MO14" s="351">
        <v>13733356</v>
      </c>
      <c r="MP14" s="344">
        <v>0</v>
      </c>
      <c r="MQ14" s="341">
        <v>0</v>
      </c>
      <c r="MR14" s="345">
        <v>0</v>
      </c>
      <c r="MS14" s="340"/>
      <c r="MT14" s="341">
        <v>0</v>
      </c>
      <c r="MU14" s="341">
        <v>635481</v>
      </c>
      <c r="MV14" s="341">
        <v>1971588</v>
      </c>
      <c r="MW14" s="341">
        <v>2006753</v>
      </c>
      <c r="MX14" s="341">
        <v>1991153</v>
      </c>
      <c r="MY14" s="345">
        <v>6604975</v>
      </c>
      <c r="MZ14" s="351">
        <v>6604975</v>
      </c>
      <c r="NA14" s="344">
        <v>0</v>
      </c>
      <c r="NB14" s="341">
        <v>0</v>
      </c>
      <c r="NC14" s="345">
        <v>0</v>
      </c>
      <c r="ND14" s="340"/>
      <c r="NE14" s="341">
        <v>417991</v>
      </c>
      <c r="NF14" s="341">
        <v>1421370</v>
      </c>
      <c r="NG14" s="341">
        <v>2489753</v>
      </c>
      <c r="NH14" s="341">
        <v>2169964</v>
      </c>
      <c r="NI14" s="341">
        <v>338655</v>
      </c>
      <c r="NJ14" s="345">
        <v>6837733</v>
      </c>
      <c r="NK14" s="343">
        <v>6837733</v>
      </c>
      <c r="NL14" s="344">
        <v>0</v>
      </c>
      <c r="NM14" s="341">
        <v>0</v>
      </c>
      <c r="NN14" s="345">
        <v>0</v>
      </c>
      <c r="NO14" s="340"/>
      <c r="NP14" s="341">
        <v>0</v>
      </c>
      <c r="NQ14" s="341">
        <v>0</v>
      </c>
      <c r="NR14" s="341">
        <v>0</v>
      </c>
      <c r="NS14" s="341">
        <v>0</v>
      </c>
      <c r="NT14" s="341">
        <v>0</v>
      </c>
      <c r="NU14" s="345">
        <v>0</v>
      </c>
      <c r="NV14" s="347">
        <v>0</v>
      </c>
      <c r="NW14" s="344">
        <v>0</v>
      </c>
      <c r="NX14" s="341">
        <v>0</v>
      </c>
      <c r="NY14" s="345">
        <v>0</v>
      </c>
      <c r="NZ14" s="340"/>
      <c r="OA14" s="341">
        <v>0</v>
      </c>
      <c r="OB14" s="341">
        <v>0</v>
      </c>
      <c r="OC14" s="341">
        <v>0</v>
      </c>
      <c r="OD14" s="341">
        <v>290648</v>
      </c>
      <c r="OE14" s="341">
        <v>0</v>
      </c>
      <c r="OF14" s="345">
        <v>290648</v>
      </c>
      <c r="OG14" s="347">
        <v>290648</v>
      </c>
      <c r="OH14" s="344">
        <v>709391</v>
      </c>
      <c r="OI14" s="341">
        <v>1030268</v>
      </c>
      <c r="OJ14" s="342">
        <v>1739659</v>
      </c>
      <c r="OK14" s="348">
        <v>0</v>
      </c>
      <c r="OL14" s="341">
        <v>10904036</v>
      </c>
      <c r="OM14" s="341">
        <v>15272217</v>
      </c>
      <c r="ON14" s="341">
        <v>15010324</v>
      </c>
      <c r="OO14" s="341">
        <v>14596753</v>
      </c>
      <c r="OP14" s="341">
        <v>8492475</v>
      </c>
      <c r="OQ14" s="345">
        <v>64275805</v>
      </c>
      <c r="OR14" s="351">
        <v>66015464</v>
      </c>
    </row>
    <row r="15" spans="1:408" ht="20.25" customHeight="1" x14ac:dyDescent="0.2">
      <c r="A15" s="111" t="s">
        <v>9</v>
      </c>
      <c r="B15" s="318">
        <v>1373073</v>
      </c>
      <c r="C15" s="319">
        <v>820001</v>
      </c>
      <c r="D15" s="320">
        <v>2193074</v>
      </c>
      <c r="E15" s="324">
        <v>0</v>
      </c>
      <c r="F15" s="319">
        <v>11334216</v>
      </c>
      <c r="G15" s="319">
        <v>13004113</v>
      </c>
      <c r="H15" s="319">
        <v>12978009</v>
      </c>
      <c r="I15" s="319">
        <v>10948301</v>
      </c>
      <c r="J15" s="319">
        <v>8396022</v>
      </c>
      <c r="K15" s="321">
        <v>56660661</v>
      </c>
      <c r="L15" s="322">
        <v>58853735</v>
      </c>
      <c r="M15" s="318">
        <v>199442</v>
      </c>
      <c r="N15" s="319">
        <v>300437</v>
      </c>
      <c r="O15" s="320">
        <v>499879</v>
      </c>
      <c r="P15" s="318">
        <v>0</v>
      </c>
      <c r="Q15" s="319">
        <v>3671881</v>
      </c>
      <c r="R15" s="319">
        <v>4581880</v>
      </c>
      <c r="S15" s="319">
        <v>4872831</v>
      </c>
      <c r="T15" s="319">
        <v>5377073</v>
      </c>
      <c r="U15" s="319">
        <v>3983349</v>
      </c>
      <c r="V15" s="320">
        <v>22487014</v>
      </c>
      <c r="W15" s="322">
        <v>22986893</v>
      </c>
      <c r="X15" s="318">
        <v>0</v>
      </c>
      <c r="Y15" s="319">
        <v>0</v>
      </c>
      <c r="Z15" s="320">
        <v>0</v>
      </c>
      <c r="AA15" s="318">
        <v>0</v>
      </c>
      <c r="AB15" s="319">
        <v>1574974</v>
      </c>
      <c r="AC15" s="319">
        <v>2388595</v>
      </c>
      <c r="AD15" s="319">
        <v>2630469</v>
      </c>
      <c r="AE15" s="319">
        <v>3442465</v>
      </c>
      <c r="AF15" s="319">
        <v>1994180</v>
      </c>
      <c r="AG15" s="320">
        <v>12030683</v>
      </c>
      <c r="AH15" s="322">
        <v>12030683</v>
      </c>
      <c r="AI15" s="318">
        <v>0</v>
      </c>
      <c r="AJ15" s="319">
        <v>0</v>
      </c>
      <c r="AK15" s="320">
        <v>0</v>
      </c>
      <c r="AL15" s="318">
        <v>0</v>
      </c>
      <c r="AM15" s="319">
        <v>11951</v>
      </c>
      <c r="AN15" s="319">
        <v>0</v>
      </c>
      <c r="AO15" s="319">
        <v>46897</v>
      </c>
      <c r="AP15" s="319">
        <v>127949</v>
      </c>
      <c r="AQ15" s="319">
        <v>335407</v>
      </c>
      <c r="AR15" s="320">
        <v>522204</v>
      </c>
      <c r="AS15" s="322">
        <v>522204</v>
      </c>
      <c r="AT15" s="318">
        <v>7956</v>
      </c>
      <c r="AU15" s="319">
        <v>123367</v>
      </c>
      <c r="AV15" s="320">
        <v>131323</v>
      </c>
      <c r="AW15" s="318">
        <v>0</v>
      </c>
      <c r="AX15" s="319">
        <v>1337790</v>
      </c>
      <c r="AY15" s="319">
        <v>1324519</v>
      </c>
      <c r="AZ15" s="319">
        <v>1172793</v>
      </c>
      <c r="BA15" s="319">
        <v>1102676</v>
      </c>
      <c r="BB15" s="319">
        <v>959349</v>
      </c>
      <c r="BC15" s="320">
        <v>5897127</v>
      </c>
      <c r="BD15" s="322">
        <v>6028450</v>
      </c>
      <c r="BE15" s="318">
        <v>21694</v>
      </c>
      <c r="BF15" s="319">
        <v>21694</v>
      </c>
      <c r="BG15" s="323">
        <v>43388</v>
      </c>
      <c r="BH15" s="324">
        <v>0</v>
      </c>
      <c r="BI15" s="319">
        <v>24406</v>
      </c>
      <c r="BJ15" s="319">
        <v>281862</v>
      </c>
      <c r="BK15" s="319">
        <v>118032</v>
      </c>
      <c r="BL15" s="319">
        <v>160927</v>
      </c>
      <c r="BM15" s="319">
        <v>175165</v>
      </c>
      <c r="BN15" s="320">
        <v>760392</v>
      </c>
      <c r="BO15" s="322">
        <v>803780</v>
      </c>
      <c r="BP15" s="318">
        <v>169792</v>
      </c>
      <c r="BQ15" s="319">
        <v>155376</v>
      </c>
      <c r="BR15" s="320">
        <v>325168</v>
      </c>
      <c r="BS15" s="318">
        <v>0</v>
      </c>
      <c r="BT15" s="319">
        <v>722760</v>
      </c>
      <c r="BU15" s="319">
        <v>586904</v>
      </c>
      <c r="BV15" s="319">
        <v>904640</v>
      </c>
      <c r="BW15" s="319">
        <v>543056</v>
      </c>
      <c r="BX15" s="319">
        <v>519248</v>
      </c>
      <c r="BY15" s="320">
        <v>3276608</v>
      </c>
      <c r="BZ15" s="322">
        <v>3601776</v>
      </c>
      <c r="CA15" s="318">
        <v>102581</v>
      </c>
      <c r="CB15" s="319">
        <v>116293</v>
      </c>
      <c r="CC15" s="320">
        <v>218874</v>
      </c>
      <c r="CD15" s="318">
        <v>0</v>
      </c>
      <c r="CE15" s="319">
        <v>3332695</v>
      </c>
      <c r="CF15" s="319">
        <v>3565243</v>
      </c>
      <c r="CG15" s="319">
        <v>3112600</v>
      </c>
      <c r="CH15" s="319">
        <v>1854210</v>
      </c>
      <c r="CI15" s="319">
        <v>1127422</v>
      </c>
      <c r="CJ15" s="320">
        <v>12992170</v>
      </c>
      <c r="CK15" s="322">
        <v>13211044</v>
      </c>
      <c r="CL15" s="318">
        <v>0</v>
      </c>
      <c r="CM15" s="319">
        <v>0</v>
      </c>
      <c r="CN15" s="320">
        <v>0</v>
      </c>
      <c r="CO15" s="324">
        <v>0</v>
      </c>
      <c r="CP15" s="319">
        <v>2595376</v>
      </c>
      <c r="CQ15" s="319">
        <v>2588497</v>
      </c>
      <c r="CR15" s="319">
        <v>2349041</v>
      </c>
      <c r="CS15" s="319">
        <v>1167344</v>
      </c>
      <c r="CT15" s="319">
        <v>900617</v>
      </c>
      <c r="CU15" s="320">
        <v>9600875</v>
      </c>
      <c r="CV15" s="322">
        <v>9600875</v>
      </c>
      <c r="CW15" s="318">
        <v>102581</v>
      </c>
      <c r="CX15" s="319">
        <v>116293</v>
      </c>
      <c r="CY15" s="320">
        <v>218874</v>
      </c>
      <c r="CZ15" s="318">
        <v>0</v>
      </c>
      <c r="DA15" s="319">
        <v>737319</v>
      </c>
      <c r="DB15" s="319">
        <v>976746</v>
      </c>
      <c r="DC15" s="319">
        <v>763559</v>
      </c>
      <c r="DD15" s="319">
        <v>686866</v>
      </c>
      <c r="DE15" s="319">
        <v>226805</v>
      </c>
      <c r="DF15" s="320">
        <v>3391295</v>
      </c>
      <c r="DG15" s="322">
        <v>3610169</v>
      </c>
      <c r="DH15" s="318">
        <v>0</v>
      </c>
      <c r="DI15" s="319">
        <v>0</v>
      </c>
      <c r="DJ15" s="323">
        <v>0</v>
      </c>
      <c r="DK15" s="324">
        <v>0</v>
      </c>
      <c r="DL15" s="319">
        <v>238585</v>
      </c>
      <c r="DM15" s="319">
        <v>568972</v>
      </c>
      <c r="DN15" s="319">
        <v>1465964</v>
      </c>
      <c r="DO15" s="319">
        <v>562162</v>
      </c>
      <c r="DP15" s="319">
        <v>482784</v>
      </c>
      <c r="DQ15" s="320">
        <v>3318467</v>
      </c>
      <c r="DR15" s="322">
        <v>3318467</v>
      </c>
      <c r="DS15" s="318">
        <v>0</v>
      </c>
      <c r="DT15" s="319">
        <v>0</v>
      </c>
      <c r="DU15" s="320">
        <v>0</v>
      </c>
      <c r="DV15" s="318">
        <v>0</v>
      </c>
      <c r="DW15" s="319">
        <v>238585</v>
      </c>
      <c r="DX15" s="319">
        <v>474946</v>
      </c>
      <c r="DY15" s="319">
        <v>1250368</v>
      </c>
      <c r="DZ15" s="319">
        <v>533596</v>
      </c>
      <c r="EA15" s="319">
        <v>482784</v>
      </c>
      <c r="EB15" s="320">
        <v>2980279</v>
      </c>
      <c r="EC15" s="322">
        <v>2980279</v>
      </c>
      <c r="ED15" s="318">
        <v>0</v>
      </c>
      <c r="EE15" s="323">
        <v>0</v>
      </c>
      <c r="EF15" s="320">
        <v>0</v>
      </c>
      <c r="EG15" s="318">
        <v>0</v>
      </c>
      <c r="EH15" s="319">
        <v>0</v>
      </c>
      <c r="EI15" s="319">
        <v>94026</v>
      </c>
      <c r="EJ15" s="319">
        <v>215596</v>
      </c>
      <c r="EK15" s="319">
        <v>28566</v>
      </c>
      <c r="EL15" s="319">
        <v>0</v>
      </c>
      <c r="EM15" s="323">
        <v>338188</v>
      </c>
      <c r="EN15" s="322">
        <v>338188</v>
      </c>
      <c r="EO15" s="318">
        <v>0</v>
      </c>
      <c r="EP15" s="319">
        <v>0</v>
      </c>
      <c r="EQ15" s="323">
        <v>0</v>
      </c>
      <c r="ER15" s="324">
        <v>0</v>
      </c>
      <c r="ES15" s="319">
        <v>0</v>
      </c>
      <c r="ET15" s="319">
        <v>0</v>
      </c>
      <c r="EU15" s="319">
        <v>0</v>
      </c>
      <c r="EV15" s="319">
        <v>0</v>
      </c>
      <c r="EW15" s="319">
        <v>0</v>
      </c>
      <c r="EX15" s="320">
        <v>0</v>
      </c>
      <c r="EY15" s="322">
        <v>0</v>
      </c>
      <c r="EZ15" s="318">
        <v>0</v>
      </c>
      <c r="FA15" s="319">
        <v>0</v>
      </c>
      <c r="FB15" s="323">
        <v>0</v>
      </c>
      <c r="FC15" s="325"/>
      <c r="FD15" s="319">
        <v>0</v>
      </c>
      <c r="FE15" s="319">
        <v>0</v>
      </c>
      <c r="FF15" s="319">
        <v>0</v>
      </c>
      <c r="FG15" s="319">
        <v>0</v>
      </c>
      <c r="FH15" s="319">
        <v>0</v>
      </c>
      <c r="FI15" s="320">
        <v>0</v>
      </c>
      <c r="FJ15" s="322">
        <v>0</v>
      </c>
      <c r="FK15" s="318">
        <v>427808</v>
      </c>
      <c r="FL15" s="319">
        <v>118512</v>
      </c>
      <c r="FM15" s="320">
        <v>546320</v>
      </c>
      <c r="FN15" s="318">
        <v>0</v>
      </c>
      <c r="FO15" s="319">
        <v>975256</v>
      </c>
      <c r="FP15" s="319">
        <v>1524552</v>
      </c>
      <c r="FQ15" s="319">
        <v>1038249</v>
      </c>
      <c r="FR15" s="319">
        <v>831112</v>
      </c>
      <c r="FS15" s="319">
        <v>679920</v>
      </c>
      <c r="FT15" s="320">
        <v>5049089</v>
      </c>
      <c r="FU15" s="322">
        <v>5595409</v>
      </c>
      <c r="FV15" s="326">
        <v>147248</v>
      </c>
      <c r="FW15" s="319">
        <v>118512</v>
      </c>
      <c r="FX15" s="323">
        <v>265760</v>
      </c>
      <c r="FY15" s="324">
        <v>0</v>
      </c>
      <c r="FZ15" s="319">
        <v>627896</v>
      </c>
      <c r="GA15" s="319">
        <v>1245832</v>
      </c>
      <c r="GB15" s="319">
        <v>845160</v>
      </c>
      <c r="GC15" s="319">
        <v>831112</v>
      </c>
      <c r="GD15" s="319">
        <v>645920</v>
      </c>
      <c r="GE15" s="320">
        <v>4195920</v>
      </c>
      <c r="GF15" s="327">
        <v>4461680</v>
      </c>
      <c r="GG15" s="326">
        <v>0</v>
      </c>
      <c r="GH15" s="319">
        <v>0</v>
      </c>
      <c r="GI15" s="323">
        <v>0</v>
      </c>
      <c r="GJ15" s="324">
        <v>0</v>
      </c>
      <c r="GK15" s="319">
        <v>62160</v>
      </c>
      <c r="GL15" s="319">
        <v>19360</v>
      </c>
      <c r="GM15" s="319">
        <v>25344</v>
      </c>
      <c r="GN15" s="319">
        <v>0</v>
      </c>
      <c r="GO15" s="319">
        <v>34000</v>
      </c>
      <c r="GP15" s="320">
        <v>140864</v>
      </c>
      <c r="GQ15" s="322">
        <v>140864</v>
      </c>
      <c r="GR15" s="318">
        <v>280560</v>
      </c>
      <c r="GS15" s="319">
        <v>0</v>
      </c>
      <c r="GT15" s="320">
        <v>280560</v>
      </c>
      <c r="GU15" s="318">
        <v>0</v>
      </c>
      <c r="GV15" s="319">
        <v>285200</v>
      </c>
      <c r="GW15" s="319">
        <v>259360</v>
      </c>
      <c r="GX15" s="319">
        <v>167745</v>
      </c>
      <c r="GY15" s="319">
        <v>0</v>
      </c>
      <c r="GZ15" s="319">
        <v>0</v>
      </c>
      <c r="HA15" s="323">
        <v>712305</v>
      </c>
      <c r="HB15" s="322">
        <v>992865</v>
      </c>
      <c r="HC15" s="318">
        <v>643242</v>
      </c>
      <c r="HD15" s="319">
        <v>284759</v>
      </c>
      <c r="HE15" s="323">
        <v>928001</v>
      </c>
      <c r="HF15" s="324">
        <v>0</v>
      </c>
      <c r="HG15" s="319">
        <v>3115799</v>
      </c>
      <c r="HH15" s="319">
        <v>2763466</v>
      </c>
      <c r="HI15" s="319">
        <v>2488365</v>
      </c>
      <c r="HJ15" s="319">
        <v>2323744</v>
      </c>
      <c r="HK15" s="319">
        <v>2122547</v>
      </c>
      <c r="HL15" s="320">
        <v>12813921</v>
      </c>
      <c r="HM15" s="321">
        <v>13741922</v>
      </c>
      <c r="HN15" s="411"/>
      <c r="HO15" s="412"/>
      <c r="HP15" s="413"/>
      <c r="HQ15" s="414"/>
      <c r="HR15" s="412"/>
      <c r="HS15" s="412"/>
      <c r="HT15" s="412"/>
      <c r="HU15" s="412"/>
      <c r="HV15" s="412"/>
      <c r="HW15" s="415"/>
      <c r="HX15" s="416"/>
      <c r="HY15" s="294">
        <v>42834</v>
      </c>
      <c r="HZ15" s="356">
        <v>0</v>
      </c>
      <c r="IA15" s="296">
        <v>42834</v>
      </c>
      <c r="IB15" s="353">
        <v>0</v>
      </c>
      <c r="IC15" s="329">
        <v>2761970</v>
      </c>
      <c r="ID15" s="354">
        <v>2848778</v>
      </c>
      <c r="IE15" s="330">
        <v>4661170</v>
      </c>
      <c r="IF15" s="329">
        <v>2394798</v>
      </c>
      <c r="IG15" s="330">
        <v>895252</v>
      </c>
      <c r="IH15" s="355">
        <v>13561968</v>
      </c>
      <c r="II15" s="301">
        <v>13604802</v>
      </c>
      <c r="IJ15" s="337">
        <v>0</v>
      </c>
      <c r="IK15" s="338">
        <v>0</v>
      </c>
      <c r="IL15" s="339">
        <v>0</v>
      </c>
      <c r="IM15" s="340"/>
      <c r="IN15" s="341">
        <v>30780</v>
      </c>
      <c r="IO15" s="341">
        <v>0</v>
      </c>
      <c r="IP15" s="341">
        <v>0</v>
      </c>
      <c r="IQ15" s="341">
        <v>241703</v>
      </c>
      <c r="IR15" s="341">
        <v>26732</v>
      </c>
      <c r="IS15" s="342">
        <v>299215</v>
      </c>
      <c r="IT15" s="343">
        <v>299215</v>
      </c>
      <c r="IU15" s="344">
        <v>0</v>
      </c>
      <c r="IV15" s="341">
        <v>0</v>
      </c>
      <c r="IW15" s="345">
        <v>0</v>
      </c>
      <c r="IX15" s="340"/>
      <c r="IY15" s="341">
        <v>0</v>
      </c>
      <c r="IZ15" s="341">
        <v>0</v>
      </c>
      <c r="JA15" s="341">
        <v>0</v>
      </c>
      <c r="JB15" s="341">
        <v>0</v>
      </c>
      <c r="JC15" s="341">
        <v>0</v>
      </c>
      <c r="JD15" s="345">
        <v>0</v>
      </c>
      <c r="JE15" s="347">
        <v>0</v>
      </c>
      <c r="JF15" s="344">
        <v>0</v>
      </c>
      <c r="JG15" s="341">
        <v>0</v>
      </c>
      <c r="JH15" s="342">
        <v>0</v>
      </c>
      <c r="JI15" s="348">
        <v>0</v>
      </c>
      <c r="JJ15" s="341">
        <v>1657089</v>
      </c>
      <c r="JK15" s="341">
        <v>1339258</v>
      </c>
      <c r="JL15" s="341">
        <v>1344317</v>
      </c>
      <c r="JM15" s="341">
        <v>1146994</v>
      </c>
      <c r="JN15" s="341">
        <v>123596</v>
      </c>
      <c r="JO15" s="345">
        <v>5611254</v>
      </c>
      <c r="JP15" s="343">
        <v>5611254</v>
      </c>
      <c r="JQ15" s="344">
        <v>0</v>
      </c>
      <c r="JR15" s="341">
        <v>0</v>
      </c>
      <c r="JS15" s="342">
        <v>0</v>
      </c>
      <c r="JT15" s="348">
        <v>0</v>
      </c>
      <c r="JU15" s="341">
        <v>0</v>
      </c>
      <c r="JV15" s="341">
        <v>39559</v>
      </c>
      <c r="JW15" s="341">
        <v>231820</v>
      </c>
      <c r="JX15" s="341">
        <v>0</v>
      </c>
      <c r="JY15" s="341">
        <v>0</v>
      </c>
      <c r="JZ15" s="345">
        <v>271379</v>
      </c>
      <c r="KA15" s="343">
        <v>271379</v>
      </c>
      <c r="KB15" s="349">
        <v>42834</v>
      </c>
      <c r="KC15" s="350">
        <v>0</v>
      </c>
      <c r="KD15" s="345">
        <v>42834</v>
      </c>
      <c r="KE15" s="348">
        <v>0</v>
      </c>
      <c r="KF15" s="341">
        <v>227377</v>
      </c>
      <c r="KG15" s="341">
        <v>157884</v>
      </c>
      <c r="KH15" s="341">
        <v>0</v>
      </c>
      <c r="KI15" s="341">
        <v>373027</v>
      </c>
      <c r="KJ15" s="341">
        <v>0</v>
      </c>
      <c r="KK15" s="345">
        <v>758288</v>
      </c>
      <c r="KL15" s="351">
        <v>801122</v>
      </c>
      <c r="KM15" s="337">
        <v>0</v>
      </c>
      <c r="KN15" s="338">
        <v>0</v>
      </c>
      <c r="KO15" s="339">
        <v>0</v>
      </c>
      <c r="KP15" s="340"/>
      <c r="KQ15" s="341">
        <v>690814</v>
      </c>
      <c r="KR15" s="341">
        <v>948732</v>
      </c>
      <c r="KS15" s="341">
        <v>1951257</v>
      </c>
      <c r="KT15" s="341">
        <v>633074</v>
      </c>
      <c r="KU15" s="341">
        <v>744924</v>
      </c>
      <c r="KV15" s="345">
        <v>4968801</v>
      </c>
      <c r="KW15" s="343">
        <v>4968801</v>
      </c>
      <c r="KX15" s="344">
        <v>0</v>
      </c>
      <c r="KY15" s="341">
        <v>0</v>
      </c>
      <c r="KZ15" s="345">
        <v>0</v>
      </c>
      <c r="LA15" s="340"/>
      <c r="LB15" s="341">
        <v>155910</v>
      </c>
      <c r="LC15" s="341">
        <v>174698</v>
      </c>
      <c r="LD15" s="341">
        <v>388648</v>
      </c>
      <c r="LE15" s="341">
        <v>0</v>
      </c>
      <c r="LF15" s="341">
        <v>0</v>
      </c>
      <c r="LG15" s="345">
        <v>719256</v>
      </c>
      <c r="LH15" s="347">
        <v>719256</v>
      </c>
      <c r="LI15" s="344">
        <v>0</v>
      </c>
      <c r="LJ15" s="341">
        <v>0</v>
      </c>
      <c r="LK15" s="345">
        <v>0</v>
      </c>
      <c r="LL15" s="340"/>
      <c r="LM15" s="341">
        <v>0</v>
      </c>
      <c r="LN15" s="341">
        <v>0</v>
      </c>
      <c r="LO15" s="341">
        <v>0</v>
      </c>
      <c r="LP15" s="341">
        <v>0</v>
      </c>
      <c r="LQ15" s="341">
        <v>0</v>
      </c>
      <c r="LR15" s="345">
        <v>0</v>
      </c>
      <c r="LS15" s="343">
        <v>0</v>
      </c>
      <c r="LT15" s="344">
        <v>0</v>
      </c>
      <c r="LU15" s="341">
        <v>0</v>
      </c>
      <c r="LV15" s="345">
        <v>0</v>
      </c>
      <c r="LW15" s="340"/>
      <c r="LX15" s="341">
        <v>0</v>
      </c>
      <c r="LY15" s="341">
        <v>188647</v>
      </c>
      <c r="LZ15" s="341">
        <v>745128</v>
      </c>
      <c r="MA15" s="341">
        <v>0</v>
      </c>
      <c r="MB15" s="341">
        <v>0</v>
      </c>
      <c r="MC15" s="345">
        <v>933775</v>
      </c>
      <c r="MD15" s="347">
        <v>933775</v>
      </c>
      <c r="ME15" s="344">
        <v>0</v>
      </c>
      <c r="MF15" s="341">
        <v>0</v>
      </c>
      <c r="MG15" s="345">
        <v>0</v>
      </c>
      <c r="MH15" s="340"/>
      <c r="MI15" s="341">
        <v>577929</v>
      </c>
      <c r="MJ15" s="341">
        <v>783288</v>
      </c>
      <c r="MK15" s="341">
        <v>5257304</v>
      </c>
      <c r="ML15" s="341">
        <v>9518269</v>
      </c>
      <c r="MM15" s="341">
        <v>3649974</v>
      </c>
      <c r="MN15" s="345">
        <v>19786764</v>
      </c>
      <c r="MO15" s="351">
        <v>19786764</v>
      </c>
      <c r="MP15" s="344">
        <v>0</v>
      </c>
      <c r="MQ15" s="341">
        <v>0</v>
      </c>
      <c r="MR15" s="345">
        <v>0</v>
      </c>
      <c r="MS15" s="340"/>
      <c r="MT15" s="341">
        <v>0</v>
      </c>
      <c r="MU15" s="341">
        <v>0</v>
      </c>
      <c r="MV15" s="341">
        <v>3606132</v>
      </c>
      <c r="MW15" s="341">
        <v>6027597</v>
      </c>
      <c r="MX15" s="341">
        <v>2362561</v>
      </c>
      <c r="MY15" s="345">
        <v>11996290</v>
      </c>
      <c r="MZ15" s="351">
        <v>11996290</v>
      </c>
      <c r="NA15" s="344">
        <v>0</v>
      </c>
      <c r="NB15" s="341">
        <v>0</v>
      </c>
      <c r="NC15" s="345">
        <v>0</v>
      </c>
      <c r="ND15" s="340"/>
      <c r="NE15" s="341">
        <v>577929</v>
      </c>
      <c r="NF15" s="341">
        <v>783288</v>
      </c>
      <c r="NG15" s="341">
        <v>1339808</v>
      </c>
      <c r="NH15" s="341">
        <v>3490672</v>
      </c>
      <c r="NI15" s="341">
        <v>933678</v>
      </c>
      <c r="NJ15" s="345">
        <v>7125375</v>
      </c>
      <c r="NK15" s="343">
        <v>7125375</v>
      </c>
      <c r="NL15" s="344">
        <v>0</v>
      </c>
      <c r="NM15" s="341">
        <v>0</v>
      </c>
      <c r="NN15" s="345">
        <v>0</v>
      </c>
      <c r="NO15" s="340"/>
      <c r="NP15" s="341">
        <v>0</v>
      </c>
      <c r="NQ15" s="341">
        <v>0</v>
      </c>
      <c r="NR15" s="341">
        <v>0</v>
      </c>
      <c r="NS15" s="341">
        <v>0</v>
      </c>
      <c r="NT15" s="341">
        <v>0</v>
      </c>
      <c r="NU15" s="345">
        <v>0</v>
      </c>
      <c r="NV15" s="347">
        <v>0</v>
      </c>
      <c r="NW15" s="344">
        <v>0</v>
      </c>
      <c r="NX15" s="341">
        <v>0</v>
      </c>
      <c r="NY15" s="345">
        <v>0</v>
      </c>
      <c r="NZ15" s="340"/>
      <c r="OA15" s="341">
        <v>0</v>
      </c>
      <c r="OB15" s="341">
        <v>0</v>
      </c>
      <c r="OC15" s="341">
        <v>311364</v>
      </c>
      <c r="OD15" s="341">
        <v>0</v>
      </c>
      <c r="OE15" s="341">
        <v>353735</v>
      </c>
      <c r="OF15" s="345">
        <v>665099</v>
      </c>
      <c r="OG15" s="347">
        <v>665099</v>
      </c>
      <c r="OH15" s="344">
        <v>1415907</v>
      </c>
      <c r="OI15" s="341">
        <v>820001</v>
      </c>
      <c r="OJ15" s="342">
        <v>2235908</v>
      </c>
      <c r="OK15" s="348">
        <v>0</v>
      </c>
      <c r="OL15" s="341">
        <v>14674115</v>
      </c>
      <c r="OM15" s="341">
        <v>16636179</v>
      </c>
      <c r="ON15" s="341">
        <v>22896483</v>
      </c>
      <c r="OO15" s="341">
        <v>22861368</v>
      </c>
      <c r="OP15" s="341">
        <v>12941248</v>
      </c>
      <c r="OQ15" s="345">
        <v>90009393</v>
      </c>
      <c r="OR15" s="351">
        <v>92245301</v>
      </c>
    </row>
    <row r="16" spans="1:408" ht="20.25" customHeight="1" x14ac:dyDescent="0.2">
      <c r="A16" s="111" t="s">
        <v>10</v>
      </c>
      <c r="B16" s="318">
        <v>1276575</v>
      </c>
      <c r="C16" s="319">
        <v>2753032</v>
      </c>
      <c r="D16" s="320">
        <v>4029607</v>
      </c>
      <c r="E16" s="279">
        <v>0</v>
      </c>
      <c r="F16" s="319">
        <v>20706146</v>
      </c>
      <c r="G16" s="319">
        <v>16253899</v>
      </c>
      <c r="H16" s="319">
        <v>14690622</v>
      </c>
      <c r="I16" s="319">
        <v>14007907</v>
      </c>
      <c r="J16" s="319">
        <v>10919426</v>
      </c>
      <c r="K16" s="321">
        <v>76578000</v>
      </c>
      <c r="L16" s="322">
        <v>80607607</v>
      </c>
      <c r="M16" s="318">
        <v>445919</v>
      </c>
      <c r="N16" s="319">
        <v>1177791</v>
      </c>
      <c r="O16" s="320">
        <v>1623710</v>
      </c>
      <c r="P16" s="318">
        <v>0</v>
      </c>
      <c r="Q16" s="319">
        <v>7198810</v>
      </c>
      <c r="R16" s="319">
        <v>5746023</v>
      </c>
      <c r="S16" s="319">
        <v>4794896</v>
      </c>
      <c r="T16" s="319">
        <v>6571346</v>
      </c>
      <c r="U16" s="319">
        <v>4771937</v>
      </c>
      <c r="V16" s="320">
        <v>29083012</v>
      </c>
      <c r="W16" s="322">
        <v>30706722</v>
      </c>
      <c r="X16" s="318">
        <v>0</v>
      </c>
      <c r="Y16" s="319">
        <v>0</v>
      </c>
      <c r="Z16" s="320">
        <v>0</v>
      </c>
      <c r="AA16" s="318">
        <v>0</v>
      </c>
      <c r="AB16" s="319">
        <v>3131127</v>
      </c>
      <c r="AC16" s="319">
        <v>2731881</v>
      </c>
      <c r="AD16" s="319">
        <v>2921990</v>
      </c>
      <c r="AE16" s="319">
        <v>3661078</v>
      </c>
      <c r="AF16" s="319">
        <v>2266326</v>
      </c>
      <c r="AG16" s="320">
        <v>14712402</v>
      </c>
      <c r="AH16" s="322">
        <v>14712402</v>
      </c>
      <c r="AI16" s="318">
        <v>0</v>
      </c>
      <c r="AJ16" s="319">
        <v>0</v>
      </c>
      <c r="AK16" s="320">
        <v>0</v>
      </c>
      <c r="AL16" s="318">
        <v>0</v>
      </c>
      <c r="AM16" s="319">
        <v>0</v>
      </c>
      <c r="AN16" s="319">
        <v>64021</v>
      </c>
      <c r="AO16" s="319">
        <v>187590</v>
      </c>
      <c r="AP16" s="319">
        <v>581379</v>
      </c>
      <c r="AQ16" s="319">
        <v>572152</v>
      </c>
      <c r="AR16" s="320">
        <v>1405142</v>
      </c>
      <c r="AS16" s="322">
        <v>1405142</v>
      </c>
      <c r="AT16" s="318">
        <v>280007</v>
      </c>
      <c r="AU16" s="319">
        <v>840624</v>
      </c>
      <c r="AV16" s="320">
        <v>1120631</v>
      </c>
      <c r="AW16" s="318">
        <v>0</v>
      </c>
      <c r="AX16" s="319">
        <v>2545222</v>
      </c>
      <c r="AY16" s="319">
        <v>1821081</v>
      </c>
      <c r="AZ16" s="319">
        <v>814349</v>
      </c>
      <c r="BA16" s="319">
        <v>1404267</v>
      </c>
      <c r="BB16" s="319">
        <v>1152937</v>
      </c>
      <c r="BC16" s="320">
        <v>7737856</v>
      </c>
      <c r="BD16" s="322">
        <v>8858487</v>
      </c>
      <c r="BE16" s="318">
        <v>13456</v>
      </c>
      <c r="BF16" s="319">
        <v>95679</v>
      </c>
      <c r="BG16" s="323">
        <v>109135</v>
      </c>
      <c r="BH16" s="324">
        <v>0</v>
      </c>
      <c r="BI16" s="319">
        <v>407565</v>
      </c>
      <c r="BJ16" s="319">
        <v>159768</v>
      </c>
      <c r="BK16" s="319">
        <v>134463</v>
      </c>
      <c r="BL16" s="319">
        <v>63958</v>
      </c>
      <c r="BM16" s="319">
        <v>88186</v>
      </c>
      <c r="BN16" s="320">
        <v>853940</v>
      </c>
      <c r="BO16" s="322">
        <v>963075</v>
      </c>
      <c r="BP16" s="318">
        <v>152456</v>
      </c>
      <c r="BQ16" s="319">
        <v>241488</v>
      </c>
      <c r="BR16" s="320">
        <v>393944</v>
      </c>
      <c r="BS16" s="318">
        <v>0</v>
      </c>
      <c r="BT16" s="319">
        <v>1114896</v>
      </c>
      <c r="BU16" s="319">
        <v>969272</v>
      </c>
      <c r="BV16" s="319">
        <v>736504</v>
      </c>
      <c r="BW16" s="319">
        <v>860664</v>
      </c>
      <c r="BX16" s="319">
        <v>692336</v>
      </c>
      <c r="BY16" s="320">
        <v>4373672</v>
      </c>
      <c r="BZ16" s="322">
        <v>4767616</v>
      </c>
      <c r="CA16" s="318">
        <v>83967</v>
      </c>
      <c r="CB16" s="319">
        <v>115896</v>
      </c>
      <c r="CC16" s="320">
        <v>199863</v>
      </c>
      <c r="CD16" s="318">
        <v>0</v>
      </c>
      <c r="CE16" s="319">
        <v>7216666</v>
      </c>
      <c r="CF16" s="319">
        <v>4743576</v>
      </c>
      <c r="CG16" s="319">
        <v>3920837</v>
      </c>
      <c r="CH16" s="319">
        <v>1674694</v>
      </c>
      <c r="CI16" s="319">
        <v>1177677</v>
      </c>
      <c r="CJ16" s="320">
        <v>18733450</v>
      </c>
      <c r="CK16" s="322">
        <v>18933313</v>
      </c>
      <c r="CL16" s="318">
        <v>0</v>
      </c>
      <c r="CM16" s="319">
        <v>0</v>
      </c>
      <c r="CN16" s="320">
        <v>0</v>
      </c>
      <c r="CO16" s="324">
        <v>0</v>
      </c>
      <c r="CP16" s="319">
        <v>6485942</v>
      </c>
      <c r="CQ16" s="319">
        <v>3953046</v>
      </c>
      <c r="CR16" s="319">
        <v>3234795</v>
      </c>
      <c r="CS16" s="319">
        <v>1305119</v>
      </c>
      <c r="CT16" s="319">
        <v>1103049</v>
      </c>
      <c r="CU16" s="320">
        <v>16081951</v>
      </c>
      <c r="CV16" s="322">
        <v>16081951</v>
      </c>
      <c r="CW16" s="318">
        <v>83967</v>
      </c>
      <c r="CX16" s="319">
        <v>115896</v>
      </c>
      <c r="CY16" s="320">
        <v>199863</v>
      </c>
      <c r="CZ16" s="318">
        <v>0</v>
      </c>
      <c r="DA16" s="319">
        <v>730724</v>
      </c>
      <c r="DB16" s="319">
        <v>790530</v>
      </c>
      <c r="DC16" s="319">
        <v>686042</v>
      </c>
      <c r="DD16" s="319">
        <v>369575</v>
      </c>
      <c r="DE16" s="319">
        <v>74628</v>
      </c>
      <c r="DF16" s="320">
        <v>2651499</v>
      </c>
      <c r="DG16" s="322">
        <v>2851362</v>
      </c>
      <c r="DH16" s="318">
        <v>0</v>
      </c>
      <c r="DI16" s="319">
        <v>169371</v>
      </c>
      <c r="DJ16" s="323">
        <v>169371</v>
      </c>
      <c r="DK16" s="324">
        <v>0</v>
      </c>
      <c r="DL16" s="319">
        <v>570021</v>
      </c>
      <c r="DM16" s="319">
        <v>813445</v>
      </c>
      <c r="DN16" s="319">
        <v>2109165</v>
      </c>
      <c r="DO16" s="319">
        <v>1937937</v>
      </c>
      <c r="DP16" s="319">
        <v>877532</v>
      </c>
      <c r="DQ16" s="320">
        <v>6308100</v>
      </c>
      <c r="DR16" s="322">
        <v>6477471</v>
      </c>
      <c r="DS16" s="318">
        <v>0</v>
      </c>
      <c r="DT16" s="319">
        <v>169371</v>
      </c>
      <c r="DU16" s="320">
        <v>169371</v>
      </c>
      <c r="DV16" s="318">
        <v>0</v>
      </c>
      <c r="DW16" s="319">
        <v>406492</v>
      </c>
      <c r="DX16" s="319">
        <v>560278</v>
      </c>
      <c r="DY16" s="319">
        <v>1741684</v>
      </c>
      <c r="DZ16" s="319">
        <v>1937937</v>
      </c>
      <c r="EA16" s="319">
        <v>807420</v>
      </c>
      <c r="EB16" s="320">
        <v>5453811</v>
      </c>
      <c r="EC16" s="322">
        <v>5623182</v>
      </c>
      <c r="ED16" s="318">
        <v>0</v>
      </c>
      <c r="EE16" s="323">
        <v>0</v>
      </c>
      <c r="EF16" s="320">
        <v>0</v>
      </c>
      <c r="EG16" s="318">
        <v>0</v>
      </c>
      <c r="EH16" s="319">
        <v>163529</v>
      </c>
      <c r="EI16" s="319">
        <v>253167</v>
      </c>
      <c r="EJ16" s="319">
        <v>367481</v>
      </c>
      <c r="EK16" s="319">
        <v>0</v>
      </c>
      <c r="EL16" s="319">
        <v>70112</v>
      </c>
      <c r="EM16" s="323">
        <v>854289</v>
      </c>
      <c r="EN16" s="322">
        <v>854289</v>
      </c>
      <c r="EO16" s="318">
        <v>0</v>
      </c>
      <c r="EP16" s="319">
        <v>0</v>
      </c>
      <c r="EQ16" s="323">
        <v>0</v>
      </c>
      <c r="ER16" s="324">
        <v>0</v>
      </c>
      <c r="ES16" s="319">
        <v>0</v>
      </c>
      <c r="ET16" s="319">
        <v>0</v>
      </c>
      <c r="EU16" s="319">
        <v>0</v>
      </c>
      <c r="EV16" s="319">
        <v>0</v>
      </c>
      <c r="EW16" s="319">
        <v>0</v>
      </c>
      <c r="EX16" s="320">
        <v>0</v>
      </c>
      <c r="EY16" s="322">
        <v>0</v>
      </c>
      <c r="EZ16" s="318">
        <v>0</v>
      </c>
      <c r="FA16" s="319">
        <v>0</v>
      </c>
      <c r="FB16" s="323">
        <v>0</v>
      </c>
      <c r="FC16" s="325"/>
      <c r="FD16" s="319">
        <v>0</v>
      </c>
      <c r="FE16" s="319">
        <v>0</v>
      </c>
      <c r="FF16" s="319">
        <v>0</v>
      </c>
      <c r="FG16" s="319">
        <v>0</v>
      </c>
      <c r="FH16" s="319">
        <v>0</v>
      </c>
      <c r="FI16" s="320">
        <v>0</v>
      </c>
      <c r="FJ16" s="322">
        <v>0</v>
      </c>
      <c r="FK16" s="318">
        <v>280936</v>
      </c>
      <c r="FL16" s="319">
        <v>574208</v>
      </c>
      <c r="FM16" s="320">
        <v>855144</v>
      </c>
      <c r="FN16" s="318">
        <v>0</v>
      </c>
      <c r="FO16" s="319">
        <v>1215456</v>
      </c>
      <c r="FP16" s="319">
        <v>1787840</v>
      </c>
      <c r="FQ16" s="319">
        <v>1144680</v>
      </c>
      <c r="FR16" s="319">
        <v>1068072</v>
      </c>
      <c r="FS16" s="319">
        <v>735776</v>
      </c>
      <c r="FT16" s="320">
        <v>5951824</v>
      </c>
      <c r="FU16" s="322">
        <v>6806968</v>
      </c>
      <c r="FV16" s="326">
        <v>227320</v>
      </c>
      <c r="FW16" s="319">
        <v>355168</v>
      </c>
      <c r="FX16" s="323">
        <v>582488</v>
      </c>
      <c r="FY16" s="324">
        <v>0</v>
      </c>
      <c r="FZ16" s="319">
        <v>904832</v>
      </c>
      <c r="GA16" s="319">
        <v>1645696</v>
      </c>
      <c r="GB16" s="319">
        <v>1128840</v>
      </c>
      <c r="GC16" s="319">
        <v>1027472</v>
      </c>
      <c r="GD16" s="319">
        <v>615776</v>
      </c>
      <c r="GE16" s="320">
        <v>5322616</v>
      </c>
      <c r="GF16" s="327">
        <v>5905104</v>
      </c>
      <c r="GG16" s="326">
        <v>38016</v>
      </c>
      <c r="GH16" s="319">
        <v>0</v>
      </c>
      <c r="GI16" s="323">
        <v>38016</v>
      </c>
      <c r="GJ16" s="324">
        <v>0</v>
      </c>
      <c r="GK16" s="319">
        <v>51904</v>
      </c>
      <c r="GL16" s="319">
        <v>68544</v>
      </c>
      <c r="GM16" s="319">
        <v>15840</v>
      </c>
      <c r="GN16" s="319">
        <v>40600</v>
      </c>
      <c r="GO16" s="319">
        <v>0</v>
      </c>
      <c r="GP16" s="320">
        <v>176888</v>
      </c>
      <c r="GQ16" s="322">
        <v>214904</v>
      </c>
      <c r="GR16" s="318">
        <v>15600</v>
      </c>
      <c r="GS16" s="319">
        <v>219040</v>
      </c>
      <c r="GT16" s="320">
        <v>234640</v>
      </c>
      <c r="GU16" s="318">
        <v>0</v>
      </c>
      <c r="GV16" s="319">
        <v>258720</v>
      </c>
      <c r="GW16" s="319">
        <v>73600</v>
      </c>
      <c r="GX16" s="319">
        <v>0</v>
      </c>
      <c r="GY16" s="319">
        <v>0</v>
      </c>
      <c r="GZ16" s="319">
        <v>120000</v>
      </c>
      <c r="HA16" s="323">
        <v>452320</v>
      </c>
      <c r="HB16" s="322">
        <v>686960</v>
      </c>
      <c r="HC16" s="318">
        <v>465753</v>
      </c>
      <c r="HD16" s="319">
        <v>715766</v>
      </c>
      <c r="HE16" s="323">
        <v>1181519</v>
      </c>
      <c r="HF16" s="324">
        <v>0</v>
      </c>
      <c r="HG16" s="319">
        <v>4505193</v>
      </c>
      <c r="HH16" s="319">
        <v>3163015</v>
      </c>
      <c r="HI16" s="319">
        <v>2721044</v>
      </c>
      <c r="HJ16" s="319">
        <v>2755858</v>
      </c>
      <c r="HK16" s="319">
        <v>3356504</v>
      </c>
      <c r="HL16" s="320">
        <v>16501614</v>
      </c>
      <c r="HM16" s="321">
        <v>17683133</v>
      </c>
      <c r="HN16" s="411"/>
      <c r="HO16" s="412"/>
      <c r="HP16" s="413"/>
      <c r="HQ16" s="414"/>
      <c r="HR16" s="412"/>
      <c r="HS16" s="412"/>
      <c r="HT16" s="412"/>
      <c r="HU16" s="412"/>
      <c r="HV16" s="412"/>
      <c r="HW16" s="415"/>
      <c r="HX16" s="416"/>
      <c r="HY16" s="357">
        <v>0</v>
      </c>
      <c r="HZ16" s="332">
        <v>0</v>
      </c>
      <c r="IA16" s="357">
        <v>0</v>
      </c>
      <c r="IB16" s="331">
        <v>0</v>
      </c>
      <c r="IC16" s="332">
        <v>4314522</v>
      </c>
      <c r="ID16" s="333">
        <v>5422743</v>
      </c>
      <c r="IE16" s="334">
        <v>4631867</v>
      </c>
      <c r="IF16" s="332">
        <v>5238728</v>
      </c>
      <c r="IG16" s="334">
        <v>3115123</v>
      </c>
      <c r="IH16" s="335">
        <v>22722983</v>
      </c>
      <c r="II16" s="357">
        <v>22722983</v>
      </c>
      <c r="IJ16" s="337">
        <v>0</v>
      </c>
      <c r="IK16" s="338">
        <v>0</v>
      </c>
      <c r="IL16" s="339">
        <v>0</v>
      </c>
      <c r="IM16" s="340"/>
      <c r="IN16" s="341">
        <v>156546</v>
      </c>
      <c r="IO16" s="341">
        <v>105598</v>
      </c>
      <c r="IP16" s="341">
        <v>0</v>
      </c>
      <c r="IQ16" s="341">
        <v>0</v>
      </c>
      <c r="IR16" s="341">
        <v>0</v>
      </c>
      <c r="IS16" s="342">
        <v>262144</v>
      </c>
      <c r="IT16" s="343">
        <v>262144</v>
      </c>
      <c r="IU16" s="344">
        <v>0</v>
      </c>
      <c r="IV16" s="341">
        <v>0</v>
      </c>
      <c r="IW16" s="345">
        <v>0</v>
      </c>
      <c r="IX16" s="340"/>
      <c r="IY16" s="341">
        <v>20950</v>
      </c>
      <c r="IZ16" s="341">
        <v>10475</v>
      </c>
      <c r="JA16" s="341">
        <v>20950</v>
      </c>
      <c r="JB16" s="341">
        <v>0</v>
      </c>
      <c r="JC16" s="341">
        <v>16719</v>
      </c>
      <c r="JD16" s="345">
        <v>69094</v>
      </c>
      <c r="JE16" s="347">
        <v>69094</v>
      </c>
      <c r="JF16" s="344">
        <v>0</v>
      </c>
      <c r="JG16" s="341">
        <v>0</v>
      </c>
      <c r="JH16" s="342">
        <v>0</v>
      </c>
      <c r="JI16" s="348">
        <v>0</v>
      </c>
      <c r="JJ16" s="341">
        <v>1646481</v>
      </c>
      <c r="JK16" s="341">
        <v>1133403</v>
      </c>
      <c r="JL16" s="341">
        <v>348222</v>
      </c>
      <c r="JM16" s="341">
        <v>33592</v>
      </c>
      <c r="JN16" s="341">
        <v>108333</v>
      </c>
      <c r="JO16" s="345">
        <v>3270031</v>
      </c>
      <c r="JP16" s="343">
        <v>3270031</v>
      </c>
      <c r="JQ16" s="344">
        <v>0</v>
      </c>
      <c r="JR16" s="341">
        <v>0</v>
      </c>
      <c r="JS16" s="342">
        <v>0</v>
      </c>
      <c r="JT16" s="348">
        <v>0</v>
      </c>
      <c r="JU16" s="341">
        <v>137094</v>
      </c>
      <c r="JV16" s="341">
        <v>135022</v>
      </c>
      <c r="JW16" s="341">
        <v>86959</v>
      </c>
      <c r="JX16" s="341">
        <v>52233</v>
      </c>
      <c r="JY16" s="341">
        <v>0</v>
      </c>
      <c r="JZ16" s="345">
        <v>411308</v>
      </c>
      <c r="KA16" s="343">
        <v>411308</v>
      </c>
      <c r="KB16" s="349">
        <v>0</v>
      </c>
      <c r="KC16" s="350">
        <v>0</v>
      </c>
      <c r="KD16" s="345">
        <v>0</v>
      </c>
      <c r="KE16" s="348">
        <v>0</v>
      </c>
      <c r="KF16" s="341">
        <v>599181</v>
      </c>
      <c r="KG16" s="341">
        <v>506603</v>
      </c>
      <c r="KH16" s="341">
        <v>1171614</v>
      </c>
      <c r="KI16" s="341">
        <v>1578870</v>
      </c>
      <c r="KJ16" s="341">
        <v>269322</v>
      </c>
      <c r="KK16" s="345">
        <v>4125590</v>
      </c>
      <c r="KL16" s="351">
        <v>4125590</v>
      </c>
      <c r="KM16" s="337">
        <v>0</v>
      </c>
      <c r="KN16" s="338">
        <v>0</v>
      </c>
      <c r="KO16" s="339">
        <v>0</v>
      </c>
      <c r="KP16" s="340"/>
      <c r="KQ16" s="341">
        <v>1754270</v>
      </c>
      <c r="KR16" s="341">
        <v>2625892</v>
      </c>
      <c r="KS16" s="341">
        <v>1480055</v>
      </c>
      <c r="KT16" s="341">
        <v>2269812</v>
      </c>
      <c r="KU16" s="341">
        <v>1251579</v>
      </c>
      <c r="KV16" s="345">
        <v>9381608</v>
      </c>
      <c r="KW16" s="343">
        <v>9381608</v>
      </c>
      <c r="KX16" s="344">
        <v>0</v>
      </c>
      <c r="KY16" s="341">
        <v>0</v>
      </c>
      <c r="KZ16" s="345">
        <v>0</v>
      </c>
      <c r="LA16" s="340"/>
      <c r="LB16" s="341">
        <v>0</v>
      </c>
      <c r="LC16" s="341">
        <v>679017</v>
      </c>
      <c r="LD16" s="341">
        <v>739559</v>
      </c>
      <c r="LE16" s="341">
        <v>483733</v>
      </c>
      <c r="LF16" s="341">
        <v>683554</v>
      </c>
      <c r="LG16" s="345">
        <v>2585863</v>
      </c>
      <c r="LH16" s="347">
        <v>2585863</v>
      </c>
      <c r="LI16" s="344">
        <v>0</v>
      </c>
      <c r="LJ16" s="341">
        <v>0</v>
      </c>
      <c r="LK16" s="345">
        <v>0</v>
      </c>
      <c r="LL16" s="340"/>
      <c r="LM16" s="341">
        <v>0</v>
      </c>
      <c r="LN16" s="341">
        <v>0</v>
      </c>
      <c r="LO16" s="341">
        <v>223136</v>
      </c>
      <c r="LP16" s="341">
        <v>520295</v>
      </c>
      <c r="LQ16" s="341">
        <v>785616</v>
      </c>
      <c r="LR16" s="345">
        <v>1529047</v>
      </c>
      <c r="LS16" s="343">
        <v>1529047</v>
      </c>
      <c r="LT16" s="344">
        <v>0</v>
      </c>
      <c r="LU16" s="341">
        <v>0</v>
      </c>
      <c r="LV16" s="345">
        <v>0</v>
      </c>
      <c r="LW16" s="340"/>
      <c r="LX16" s="341">
        <v>0</v>
      </c>
      <c r="LY16" s="341">
        <v>226733</v>
      </c>
      <c r="LZ16" s="341">
        <v>561372</v>
      </c>
      <c r="MA16" s="341">
        <v>300193</v>
      </c>
      <c r="MB16" s="341">
        <v>0</v>
      </c>
      <c r="MC16" s="345">
        <v>1088298</v>
      </c>
      <c r="MD16" s="347">
        <v>1088298</v>
      </c>
      <c r="ME16" s="344">
        <v>0</v>
      </c>
      <c r="MF16" s="341">
        <v>0</v>
      </c>
      <c r="MG16" s="345">
        <v>0</v>
      </c>
      <c r="MH16" s="340"/>
      <c r="MI16" s="341">
        <v>899245</v>
      </c>
      <c r="MJ16" s="341">
        <v>1419875</v>
      </c>
      <c r="MK16" s="341">
        <v>7610598</v>
      </c>
      <c r="ML16" s="341">
        <v>9614171</v>
      </c>
      <c r="MM16" s="341">
        <v>6699514</v>
      </c>
      <c r="MN16" s="345">
        <v>26243403</v>
      </c>
      <c r="MO16" s="351">
        <v>26243403</v>
      </c>
      <c r="MP16" s="344">
        <v>0</v>
      </c>
      <c r="MQ16" s="341">
        <v>0</v>
      </c>
      <c r="MR16" s="345">
        <v>0</v>
      </c>
      <c r="MS16" s="340"/>
      <c r="MT16" s="341">
        <v>204880</v>
      </c>
      <c r="MU16" s="341">
        <v>0</v>
      </c>
      <c r="MV16" s="341">
        <v>4588421</v>
      </c>
      <c r="MW16" s="341">
        <v>7585577</v>
      </c>
      <c r="MX16" s="341">
        <v>4855211</v>
      </c>
      <c r="MY16" s="345">
        <v>17234089</v>
      </c>
      <c r="MZ16" s="351">
        <v>17234089</v>
      </c>
      <c r="NA16" s="344">
        <v>0</v>
      </c>
      <c r="NB16" s="341">
        <v>0</v>
      </c>
      <c r="NC16" s="345">
        <v>0</v>
      </c>
      <c r="ND16" s="340"/>
      <c r="NE16" s="341">
        <v>694365</v>
      </c>
      <c r="NF16" s="341">
        <v>1419875</v>
      </c>
      <c r="NG16" s="341">
        <v>3022177</v>
      </c>
      <c r="NH16" s="341">
        <v>1682739</v>
      </c>
      <c r="NI16" s="341">
        <v>1487195</v>
      </c>
      <c r="NJ16" s="345">
        <v>8306351</v>
      </c>
      <c r="NK16" s="343">
        <v>8306351</v>
      </c>
      <c r="NL16" s="344">
        <v>0</v>
      </c>
      <c r="NM16" s="341">
        <v>0</v>
      </c>
      <c r="NN16" s="345">
        <v>0</v>
      </c>
      <c r="NO16" s="340"/>
      <c r="NP16" s="341">
        <v>0</v>
      </c>
      <c r="NQ16" s="341">
        <v>0</v>
      </c>
      <c r="NR16" s="341">
        <v>0</v>
      </c>
      <c r="NS16" s="341">
        <v>0</v>
      </c>
      <c r="NT16" s="341">
        <v>0</v>
      </c>
      <c r="NU16" s="345">
        <v>0</v>
      </c>
      <c r="NV16" s="347">
        <v>0</v>
      </c>
      <c r="NW16" s="344">
        <v>0</v>
      </c>
      <c r="NX16" s="341">
        <v>0</v>
      </c>
      <c r="NY16" s="345">
        <v>0</v>
      </c>
      <c r="NZ16" s="340"/>
      <c r="OA16" s="341">
        <v>0</v>
      </c>
      <c r="OB16" s="341">
        <v>0</v>
      </c>
      <c r="OC16" s="341">
        <v>0</v>
      </c>
      <c r="OD16" s="341">
        <v>345855</v>
      </c>
      <c r="OE16" s="341">
        <v>357108</v>
      </c>
      <c r="OF16" s="345">
        <v>702963</v>
      </c>
      <c r="OG16" s="347">
        <v>702963</v>
      </c>
      <c r="OH16" s="344">
        <v>1276575</v>
      </c>
      <c r="OI16" s="341">
        <v>2753032</v>
      </c>
      <c r="OJ16" s="342">
        <v>4029607</v>
      </c>
      <c r="OK16" s="348">
        <v>0</v>
      </c>
      <c r="OL16" s="341">
        <v>25919913</v>
      </c>
      <c r="OM16" s="341">
        <v>23096517</v>
      </c>
      <c r="ON16" s="341">
        <v>26933087</v>
      </c>
      <c r="OO16" s="341">
        <v>28860806</v>
      </c>
      <c r="OP16" s="341">
        <v>20734063</v>
      </c>
      <c r="OQ16" s="345">
        <v>125544386</v>
      </c>
      <c r="OR16" s="351">
        <v>129573993</v>
      </c>
    </row>
    <row r="17" spans="1:408" ht="20.25" customHeight="1" x14ac:dyDescent="0.2">
      <c r="A17" s="111" t="s">
        <v>11</v>
      </c>
      <c r="B17" s="318">
        <v>460588</v>
      </c>
      <c r="C17" s="319">
        <v>980311</v>
      </c>
      <c r="D17" s="277">
        <v>1440899</v>
      </c>
      <c r="E17" s="324">
        <v>0</v>
      </c>
      <c r="F17" s="319">
        <v>9424371</v>
      </c>
      <c r="G17" s="319">
        <v>7519654</v>
      </c>
      <c r="H17" s="319">
        <v>6823122</v>
      </c>
      <c r="I17" s="319">
        <v>8416146</v>
      </c>
      <c r="J17" s="319">
        <v>5294328</v>
      </c>
      <c r="K17" s="321">
        <v>37477621</v>
      </c>
      <c r="L17" s="322">
        <v>38918520</v>
      </c>
      <c r="M17" s="318">
        <v>103954</v>
      </c>
      <c r="N17" s="319">
        <v>444398</v>
      </c>
      <c r="O17" s="320">
        <v>548352</v>
      </c>
      <c r="P17" s="318">
        <v>0</v>
      </c>
      <c r="Q17" s="319">
        <v>2010622</v>
      </c>
      <c r="R17" s="319">
        <v>1273949</v>
      </c>
      <c r="S17" s="319">
        <v>2301723</v>
      </c>
      <c r="T17" s="319">
        <v>2413129</v>
      </c>
      <c r="U17" s="319">
        <v>2901147</v>
      </c>
      <c r="V17" s="320">
        <v>10900570</v>
      </c>
      <c r="W17" s="322">
        <v>11448922</v>
      </c>
      <c r="X17" s="318">
        <v>0</v>
      </c>
      <c r="Y17" s="319">
        <v>0</v>
      </c>
      <c r="Z17" s="320">
        <v>0</v>
      </c>
      <c r="AA17" s="318">
        <v>0</v>
      </c>
      <c r="AB17" s="319">
        <v>756638</v>
      </c>
      <c r="AC17" s="319">
        <v>341833</v>
      </c>
      <c r="AD17" s="319">
        <v>1081867</v>
      </c>
      <c r="AE17" s="319">
        <v>962495</v>
      </c>
      <c r="AF17" s="319">
        <v>1603444</v>
      </c>
      <c r="AG17" s="320">
        <v>4746277</v>
      </c>
      <c r="AH17" s="322">
        <v>4746277</v>
      </c>
      <c r="AI17" s="318">
        <v>0</v>
      </c>
      <c r="AJ17" s="319">
        <v>0</v>
      </c>
      <c r="AK17" s="320">
        <v>0</v>
      </c>
      <c r="AL17" s="318">
        <v>0</v>
      </c>
      <c r="AM17" s="319">
        <v>0</v>
      </c>
      <c r="AN17" s="319">
        <v>0</v>
      </c>
      <c r="AO17" s="319">
        <v>214529</v>
      </c>
      <c r="AP17" s="319">
        <v>271210</v>
      </c>
      <c r="AQ17" s="319">
        <v>196124</v>
      </c>
      <c r="AR17" s="320">
        <v>681863</v>
      </c>
      <c r="AS17" s="322">
        <v>681863</v>
      </c>
      <c r="AT17" s="318">
        <v>51306</v>
      </c>
      <c r="AU17" s="319">
        <v>376238</v>
      </c>
      <c r="AV17" s="320">
        <v>427544</v>
      </c>
      <c r="AW17" s="318">
        <v>0</v>
      </c>
      <c r="AX17" s="319">
        <v>866501</v>
      </c>
      <c r="AY17" s="319">
        <v>631667</v>
      </c>
      <c r="AZ17" s="319">
        <v>587837</v>
      </c>
      <c r="BA17" s="319">
        <v>649466</v>
      </c>
      <c r="BB17" s="319">
        <v>939395</v>
      </c>
      <c r="BC17" s="320">
        <v>3674866</v>
      </c>
      <c r="BD17" s="322">
        <v>4102410</v>
      </c>
      <c r="BE17" s="318">
        <v>15024</v>
      </c>
      <c r="BF17" s="319">
        <v>30048</v>
      </c>
      <c r="BG17" s="323">
        <v>45072</v>
      </c>
      <c r="BH17" s="324">
        <v>0</v>
      </c>
      <c r="BI17" s="319">
        <v>20931</v>
      </c>
      <c r="BJ17" s="319">
        <v>15849</v>
      </c>
      <c r="BK17" s="319">
        <v>116530</v>
      </c>
      <c r="BL17" s="319">
        <v>253818</v>
      </c>
      <c r="BM17" s="319">
        <v>0</v>
      </c>
      <c r="BN17" s="320">
        <v>407128</v>
      </c>
      <c r="BO17" s="322">
        <v>452200</v>
      </c>
      <c r="BP17" s="318">
        <v>37624</v>
      </c>
      <c r="BQ17" s="319">
        <v>38112</v>
      </c>
      <c r="BR17" s="320">
        <v>75736</v>
      </c>
      <c r="BS17" s="318">
        <v>0</v>
      </c>
      <c r="BT17" s="319">
        <v>366552</v>
      </c>
      <c r="BU17" s="319">
        <v>284600</v>
      </c>
      <c r="BV17" s="319">
        <v>300960</v>
      </c>
      <c r="BW17" s="319">
        <v>276140</v>
      </c>
      <c r="BX17" s="319">
        <v>162184</v>
      </c>
      <c r="BY17" s="320">
        <v>1390436</v>
      </c>
      <c r="BZ17" s="322">
        <v>1466172</v>
      </c>
      <c r="CA17" s="318">
        <v>61744</v>
      </c>
      <c r="CB17" s="319">
        <v>72343</v>
      </c>
      <c r="CC17" s="320">
        <v>134087</v>
      </c>
      <c r="CD17" s="318">
        <v>0</v>
      </c>
      <c r="CE17" s="319">
        <v>2947082</v>
      </c>
      <c r="CF17" s="319">
        <v>2001075</v>
      </c>
      <c r="CG17" s="319">
        <v>1640324</v>
      </c>
      <c r="CH17" s="319">
        <v>2398863</v>
      </c>
      <c r="CI17" s="319">
        <v>546456</v>
      </c>
      <c r="CJ17" s="320">
        <v>9533800</v>
      </c>
      <c r="CK17" s="322">
        <v>9667887</v>
      </c>
      <c r="CL17" s="318">
        <v>0</v>
      </c>
      <c r="CM17" s="319">
        <v>0</v>
      </c>
      <c r="CN17" s="320">
        <v>0</v>
      </c>
      <c r="CO17" s="324">
        <v>0</v>
      </c>
      <c r="CP17" s="319">
        <v>1765224</v>
      </c>
      <c r="CQ17" s="319">
        <v>1451126</v>
      </c>
      <c r="CR17" s="319">
        <v>1241167</v>
      </c>
      <c r="CS17" s="319">
        <v>1626535</v>
      </c>
      <c r="CT17" s="319">
        <v>381548</v>
      </c>
      <c r="CU17" s="320">
        <v>6465600</v>
      </c>
      <c r="CV17" s="322">
        <v>6465600</v>
      </c>
      <c r="CW17" s="318">
        <v>61744</v>
      </c>
      <c r="CX17" s="319">
        <v>72343</v>
      </c>
      <c r="CY17" s="320">
        <v>134087</v>
      </c>
      <c r="CZ17" s="318">
        <v>0</v>
      </c>
      <c r="DA17" s="319">
        <v>1181858</v>
      </c>
      <c r="DB17" s="319">
        <v>549949</v>
      </c>
      <c r="DC17" s="319">
        <v>399157</v>
      </c>
      <c r="DD17" s="319">
        <v>772328</v>
      </c>
      <c r="DE17" s="319">
        <v>164908</v>
      </c>
      <c r="DF17" s="320">
        <v>3068200</v>
      </c>
      <c r="DG17" s="322">
        <v>3202287</v>
      </c>
      <c r="DH17" s="318">
        <v>8920</v>
      </c>
      <c r="DI17" s="319">
        <v>20011</v>
      </c>
      <c r="DJ17" s="323">
        <v>28931</v>
      </c>
      <c r="DK17" s="324">
        <v>0</v>
      </c>
      <c r="DL17" s="319">
        <v>615656</v>
      </c>
      <c r="DM17" s="319">
        <v>361173</v>
      </c>
      <c r="DN17" s="319">
        <v>477364</v>
      </c>
      <c r="DO17" s="319">
        <v>585728</v>
      </c>
      <c r="DP17" s="319">
        <v>462750</v>
      </c>
      <c r="DQ17" s="320">
        <v>2502671</v>
      </c>
      <c r="DR17" s="322">
        <v>2531602</v>
      </c>
      <c r="DS17" s="318">
        <v>8920</v>
      </c>
      <c r="DT17" s="319">
        <v>20011</v>
      </c>
      <c r="DU17" s="320">
        <v>28931</v>
      </c>
      <c r="DV17" s="318">
        <v>0</v>
      </c>
      <c r="DW17" s="319">
        <v>615656</v>
      </c>
      <c r="DX17" s="319">
        <v>284186</v>
      </c>
      <c r="DY17" s="319">
        <v>477364</v>
      </c>
      <c r="DZ17" s="319">
        <v>166509</v>
      </c>
      <c r="EA17" s="319">
        <v>406086</v>
      </c>
      <c r="EB17" s="320">
        <v>1949801</v>
      </c>
      <c r="EC17" s="322">
        <v>1978732</v>
      </c>
      <c r="ED17" s="318">
        <v>0</v>
      </c>
      <c r="EE17" s="323">
        <v>0</v>
      </c>
      <c r="EF17" s="320">
        <v>0</v>
      </c>
      <c r="EG17" s="318">
        <v>0</v>
      </c>
      <c r="EH17" s="319">
        <v>0</v>
      </c>
      <c r="EI17" s="319">
        <v>76987</v>
      </c>
      <c r="EJ17" s="319">
        <v>0</v>
      </c>
      <c r="EK17" s="319">
        <v>419219</v>
      </c>
      <c r="EL17" s="319">
        <v>56664</v>
      </c>
      <c r="EM17" s="323">
        <v>552870</v>
      </c>
      <c r="EN17" s="322">
        <v>552870</v>
      </c>
      <c r="EO17" s="318">
        <v>0</v>
      </c>
      <c r="EP17" s="319">
        <v>0</v>
      </c>
      <c r="EQ17" s="323">
        <v>0</v>
      </c>
      <c r="ER17" s="324">
        <v>0</v>
      </c>
      <c r="ES17" s="319">
        <v>0</v>
      </c>
      <c r="ET17" s="319">
        <v>0</v>
      </c>
      <c r="EU17" s="319">
        <v>0</v>
      </c>
      <c r="EV17" s="319">
        <v>0</v>
      </c>
      <c r="EW17" s="319">
        <v>0</v>
      </c>
      <c r="EX17" s="320">
        <v>0</v>
      </c>
      <c r="EY17" s="322">
        <v>0</v>
      </c>
      <c r="EZ17" s="318">
        <v>0</v>
      </c>
      <c r="FA17" s="319">
        <v>0</v>
      </c>
      <c r="FB17" s="323">
        <v>0</v>
      </c>
      <c r="FC17" s="325"/>
      <c r="FD17" s="319">
        <v>0</v>
      </c>
      <c r="FE17" s="319">
        <v>0</v>
      </c>
      <c r="FF17" s="319">
        <v>0</v>
      </c>
      <c r="FG17" s="319">
        <v>0</v>
      </c>
      <c r="FH17" s="319">
        <v>0</v>
      </c>
      <c r="FI17" s="320">
        <v>0</v>
      </c>
      <c r="FJ17" s="322">
        <v>0</v>
      </c>
      <c r="FK17" s="318">
        <v>74800</v>
      </c>
      <c r="FL17" s="319">
        <v>157600</v>
      </c>
      <c r="FM17" s="320">
        <v>232400</v>
      </c>
      <c r="FN17" s="318">
        <v>0</v>
      </c>
      <c r="FO17" s="319">
        <v>334352</v>
      </c>
      <c r="FP17" s="319">
        <v>432008</v>
      </c>
      <c r="FQ17" s="319">
        <v>509792</v>
      </c>
      <c r="FR17" s="319">
        <v>587769</v>
      </c>
      <c r="FS17" s="319">
        <v>248240</v>
      </c>
      <c r="FT17" s="320">
        <v>2112161</v>
      </c>
      <c r="FU17" s="322">
        <v>2344561</v>
      </c>
      <c r="FV17" s="326">
        <v>74800</v>
      </c>
      <c r="FW17" s="319">
        <v>157600</v>
      </c>
      <c r="FX17" s="323">
        <v>232400</v>
      </c>
      <c r="FY17" s="324">
        <v>0</v>
      </c>
      <c r="FZ17" s="319">
        <v>334352</v>
      </c>
      <c r="GA17" s="319">
        <v>432008</v>
      </c>
      <c r="GB17" s="319">
        <v>509792</v>
      </c>
      <c r="GC17" s="319">
        <v>587769</v>
      </c>
      <c r="GD17" s="319">
        <v>248240</v>
      </c>
      <c r="GE17" s="320">
        <v>2112161</v>
      </c>
      <c r="GF17" s="327">
        <v>2344561</v>
      </c>
      <c r="GG17" s="326">
        <v>0</v>
      </c>
      <c r="GH17" s="319">
        <v>0</v>
      </c>
      <c r="GI17" s="323">
        <v>0</v>
      </c>
      <c r="GJ17" s="324">
        <v>0</v>
      </c>
      <c r="GK17" s="319">
        <v>0</v>
      </c>
      <c r="GL17" s="319">
        <v>0</v>
      </c>
      <c r="GM17" s="319">
        <v>0</v>
      </c>
      <c r="GN17" s="319">
        <v>0</v>
      </c>
      <c r="GO17" s="319">
        <v>0</v>
      </c>
      <c r="GP17" s="320">
        <v>0</v>
      </c>
      <c r="GQ17" s="322">
        <v>0</v>
      </c>
      <c r="GR17" s="318">
        <v>0</v>
      </c>
      <c r="GS17" s="319">
        <v>0</v>
      </c>
      <c r="GT17" s="320">
        <v>0</v>
      </c>
      <c r="GU17" s="318">
        <v>0</v>
      </c>
      <c r="GV17" s="319">
        <v>0</v>
      </c>
      <c r="GW17" s="319">
        <v>0</v>
      </c>
      <c r="GX17" s="319">
        <v>0</v>
      </c>
      <c r="GY17" s="319">
        <v>0</v>
      </c>
      <c r="GZ17" s="319">
        <v>0</v>
      </c>
      <c r="HA17" s="323">
        <v>0</v>
      </c>
      <c r="HB17" s="322">
        <v>0</v>
      </c>
      <c r="HC17" s="318">
        <v>211170</v>
      </c>
      <c r="HD17" s="319">
        <v>285959</v>
      </c>
      <c r="HE17" s="323">
        <v>497129</v>
      </c>
      <c r="HF17" s="324">
        <v>0</v>
      </c>
      <c r="HG17" s="319">
        <v>3516659</v>
      </c>
      <c r="HH17" s="319">
        <v>3451449</v>
      </c>
      <c r="HI17" s="319">
        <v>1893919</v>
      </c>
      <c r="HJ17" s="319">
        <v>2430657</v>
      </c>
      <c r="HK17" s="319">
        <v>1135735</v>
      </c>
      <c r="HL17" s="320">
        <v>12428419</v>
      </c>
      <c r="HM17" s="321">
        <v>12925548</v>
      </c>
      <c r="HN17" s="411"/>
      <c r="HO17" s="412"/>
      <c r="HP17" s="413"/>
      <c r="HQ17" s="414"/>
      <c r="HR17" s="412"/>
      <c r="HS17" s="412"/>
      <c r="HT17" s="412"/>
      <c r="HU17" s="412"/>
      <c r="HV17" s="412"/>
      <c r="HW17" s="415"/>
      <c r="HX17" s="416"/>
      <c r="HY17" s="328">
        <v>0</v>
      </c>
      <c r="HZ17" s="329">
        <v>0</v>
      </c>
      <c r="IA17" s="330">
        <v>0</v>
      </c>
      <c r="IB17" s="353">
        <v>0</v>
      </c>
      <c r="IC17" s="329">
        <v>2223643</v>
      </c>
      <c r="ID17" s="354">
        <v>901068</v>
      </c>
      <c r="IE17" s="330">
        <v>2633173</v>
      </c>
      <c r="IF17" s="329">
        <v>1409914</v>
      </c>
      <c r="IG17" s="330">
        <v>247339</v>
      </c>
      <c r="IH17" s="355">
        <v>7415137</v>
      </c>
      <c r="II17" s="336">
        <v>7415137</v>
      </c>
      <c r="IJ17" s="337">
        <v>0</v>
      </c>
      <c r="IK17" s="338">
        <v>0</v>
      </c>
      <c r="IL17" s="339">
        <v>0</v>
      </c>
      <c r="IM17" s="340"/>
      <c r="IN17" s="341">
        <v>62296</v>
      </c>
      <c r="IO17" s="341">
        <v>0</v>
      </c>
      <c r="IP17" s="341">
        <v>499258</v>
      </c>
      <c r="IQ17" s="341">
        <v>0</v>
      </c>
      <c r="IR17" s="341">
        <v>0</v>
      </c>
      <c r="IS17" s="342">
        <v>561554</v>
      </c>
      <c r="IT17" s="343">
        <v>561554</v>
      </c>
      <c r="IU17" s="344">
        <v>0</v>
      </c>
      <c r="IV17" s="341">
        <v>0</v>
      </c>
      <c r="IW17" s="345">
        <v>0</v>
      </c>
      <c r="IX17" s="340"/>
      <c r="IY17" s="341">
        <v>0</v>
      </c>
      <c r="IZ17" s="341">
        <v>0</v>
      </c>
      <c r="JA17" s="341">
        <v>0</v>
      </c>
      <c r="JB17" s="341">
        <v>0</v>
      </c>
      <c r="JC17" s="341">
        <v>0</v>
      </c>
      <c r="JD17" s="345">
        <v>0</v>
      </c>
      <c r="JE17" s="347">
        <v>0</v>
      </c>
      <c r="JF17" s="344">
        <v>0</v>
      </c>
      <c r="JG17" s="341">
        <v>0</v>
      </c>
      <c r="JH17" s="342">
        <v>0</v>
      </c>
      <c r="JI17" s="348">
        <v>0</v>
      </c>
      <c r="JJ17" s="341">
        <v>1275483</v>
      </c>
      <c r="JK17" s="341">
        <v>298490</v>
      </c>
      <c r="JL17" s="341">
        <v>1431415</v>
      </c>
      <c r="JM17" s="341">
        <v>315436</v>
      </c>
      <c r="JN17" s="341">
        <v>247339</v>
      </c>
      <c r="JO17" s="345">
        <v>3568163</v>
      </c>
      <c r="JP17" s="343">
        <v>3568163</v>
      </c>
      <c r="JQ17" s="344">
        <v>0</v>
      </c>
      <c r="JR17" s="341">
        <v>0</v>
      </c>
      <c r="JS17" s="342">
        <v>0</v>
      </c>
      <c r="JT17" s="348">
        <v>0</v>
      </c>
      <c r="JU17" s="341">
        <v>235033</v>
      </c>
      <c r="JV17" s="341">
        <v>187847</v>
      </c>
      <c r="JW17" s="341">
        <v>0</v>
      </c>
      <c r="JX17" s="341">
        <v>0</v>
      </c>
      <c r="JY17" s="341">
        <v>0</v>
      </c>
      <c r="JZ17" s="345">
        <v>422880</v>
      </c>
      <c r="KA17" s="343">
        <v>422880</v>
      </c>
      <c r="KB17" s="349">
        <v>0</v>
      </c>
      <c r="KC17" s="350">
        <v>0</v>
      </c>
      <c r="KD17" s="345">
        <v>0</v>
      </c>
      <c r="KE17" s="348">
        <v>0</v>
      </c>
      <c r="KF17" s="341">
        <v>230191</v>
      </c>
      <c r="KG17" s="341">
        <v>0</v>
      </c>
      <c r="KH17" s="341">
        <v>460746</v>
      </c>
      <c r="KI17" s="341">
        <v>91726</v>
      </c>
      <c r="KJ17" s="341">
        <v>0</v>
      </c>
      <c r="KK17" s="345">
        <v>782663</v>
      </c>
      <c r="KL17" s="351">
        <v>782663</v>
      </c>
      <c r="KM17" s="337">
        <v>0</v>
      </c>
      <c r="KN17" s="338">
        <v>0</v>
      </c>
      <c r="KO17" s="339">
        <v>0</v>
      </c>
      <c r="KP17" s="340"/>
      <c r="KQ17" s="341">
        <v>420640</v>
      </c>
      <c r="KR17" s="341">
        <v>230158</v>
      </c>
      <c r="KS17" s="341">
        <v>241754</v>
      </c>
      <c r="KT17" s="341">
        <v>1002752</v>
      </c>
      <c r="KU17" s="341">
        <v>0</v>
      </c>
      <c r="KV17" s="345">
        <v>1895304</v>
      </c>
      <c r="KW17" s="343">
        <v>1895304</v>
      </c>
      <c r="KX17" s="344">
        <v>0</v>
      </c>
      <c r="KY17" s="341">
        <v>0</v>
      </c>
      <c r="KZ17" s="345">
        <v>0</v>
      </c>
      <c r="LA17" s="340"/>
      <c r="LB17" s="341">
        <v>0</v>
      </c>
      <c r="LC17" s="341">
        <v>0</v>
      </c>
      <c r="LD17" s="341">
        <v>0</v>
      </c>
      <c r="LE17" s="341">
        <v>0</v>
      </c>
      <c r="LF17" s="341">
        <v>0</v>
      </c>
      <c r="LG17" s="345">
        <v>0</v>
      </c>
      <c r="LH17" s="347">
        <v>0</v>
      </c>
      <c r="LI17" s="344">
        <v>0</v>
      </c>
      <c r="LJ17" s="341">
        <v>0</v>
      </c>
      <c r="LK17" s="345">
        <v>0</v>
      </c>
      <c r="LL17" s="340"/>
      <c r="LM17" s="341">
        <v>0</v>
      </c>
      <c r="LN17" s="341">
        <v>0</v>
      </c>
      <c r="LO17" s="341">
        <v>0</v>
      </c>
      <c r="LP17" s="341">
        <v>0</v>
      </c>
      <c r="LQ17" s="341">
        <v>0</v>
      </c>
      <c r="LR17" s="345">
        <v>0</v>
      </c>
      <c r="LS17" s="343">
        <v>0</v>
      </c>
      <c r="LT17" s="344">
        <v>0</v>
      </c>
      <c r="LU17" s="341">
        <v>0</v>
      </c>
      <c r="LV17" s="345">
        <v>0</v>
      </c>
      <c r="LW17" s="340"/>
      <c r="LX17" s="341">
        <v>0</v>
      </c>
      <c r="LY17" s="341">
        <v>184573</v>
      </c>
      <c r="LZ17" s="341">
        <v>0</v>
      </c>
      <c r="MA17" s="341">
        <v>0</v>
      </c>
      <c r="MB17" s="341">
        <v>0</v>
      </c>
      <c r="MC17" s="345">
        <v>184573</v>
      </c>
      <c r="MD17" s="347">
        <v>184573</v>
      </c>
      <c r="ME17" s="344">
        <v>0</v>
      </c>
      <c r="MF17" s="341">
        <v>0</v>
      </c>
      <c r="MG17" s="345">
        <v>0</v>
      </c>
      <c r="MH17" s="340"/>
      <c r="MI17" s="341">
        <v>948765</v>
      </c>
      <c r="MJ17" s="341">
        <v>1676371</v>
      </c>
      <c r="MK17" s="341">
        <v>2591910</v>
      </c>
      <c r="ML17" s="341">
        <v>4939205</v>
      </c>
      <c r="MM17" s="341">
        <v>2932046</v>
      </c>
      <c r="MN17" s="345">
        <v>13088297</v>
      </c>
      <c r="MO17" s="351">
        <v>13088297</v>
      </c>
      <c r="MP17" s="344">
        <v>0</v>
      </c>
      <c r="MQ17" s="341">
        <v>0</v>
      </c>
      <c r="MR17" s="345">
        <v>0</v>
      </c>
      <c r="MS17" s="340"/>
      <c r="MT17" s="341">
        <v>0</v>
      </c>
      <c r="MU17" s="341">
        <v>0</v>
      </c>
      <c r="MV17" s="341">
        <v>1554644</v>
      </c>
      <c r="MW17" s="341">
        <v>3375663</v>
      </c>
      <c r="MX17" s="341">
        <v>1582386</v>
      </c>
      <c r="MY17" s="345">
        <v>6512693</v>
      </c>
      <c r="MZ17" s="351">
        <v>6512693</v>
      </c>
      <c r="NA17" s="344">
        <v>0</v>
      </c>
      <c r="NB17" s="341">
        <v>0</v>
      </c>
      <c r="NC17" s="345">
        <v>0</v>
      </c>
      <c r="ND17" s="340"/>
      <c r="NE17" s="341">
        <v>948765</v>
      </c>
      <c r="NF17" s="341">
        <v>1455539</v>
      </c>
      <c r="NG17" s="341">
        <v>774626</v>
      </c>
      <c r="NH17" s="341">
        <v>1270926</v>
      </c>
      <c r="NI17" s="341">
        <v>1349660</v>
      </c>
      <c r="NJ17" s="345">
        <v>5799516</v>
      </c>
      <c r="NK17" s="343">
        <v>5799516</v>
      </c>
      <c r="NL17" s="344">
        <v>0</v>
      </c>
      <c r="NM17" s="341">
        <v>0</v>
      </c>
      <c r="NN17" s="345">
        <v>0</v>
      </c>
      <c r="NO17" s="340"/>
      <c r="NP17" s="341">
        <v>0</v>
      </c>
      <c r="NQ17" s="341">
        <v>0</v>
      </c>
      <c r="NR17" s="341">
        <v>0</v>
      </c>
      <c r="NS17" s="341">
        <v>0</v>
      </c>
      <c r="NT17" s="341">
        <v>0</v>
      </c>
      <c r="NU17" s="345">
        <v>0</v>
      </c>
      <c r="NV17" s="347">
        <v>0</v>
      </c>
      <c r="NW17" s="344">
        <v>0</v>
      </c>
      <c r="NX17" s="341">
        <v>0</v>
      </c>
      <c r="NY17" s="345">
        <v>0</v>
      </c>
      <c r="NZ17" s="340"/>
      <c r="OA17" s="341">
        <v>0</v>
      </c>
      <c r="OB17" s="341">
        <v>220832</v>
      </c>
      <c r="OC17" s="341">
        <v>262640</v>
      </c>
      <c r="OD17" s="341">
        <v>292616</v>
      </c>
      <c r="OE17" s="341">
        <v>0</v>
      </c>
      <c r="OF17" s="345">
        <v>776088</v>
      </c>
      <c r="OG17" s="347">
        <v>776088</v>
      </c>
      <c r="OH17" s="344">
        <v>460588</v>
      </c>
      <c r="OI17" s="341">
        <v>980311</v>
      </c>
      <c r="OJ17" s="342">
        <v>1440899</v>
      </c>
      <c r="OK17" s="348">
        <v>0</v>
      </c>
      <c r="OL17" s="341">
        <v>12596779</v>
      </c>
      <c r="OM17" s="341">
        <v>10097093</v>
      </c>
      <c r="ON17" s="341">
        <v>12048205</v>
      </c>
      <c r="OO17" s="341">
        <v>14765265</v>
      </c>
      <c r="OP17" s="341">
        <v>8473713</v>
      </c>
      <c r="OQ17" s="345">
        <v>57981055</v>
      </c>
      <c r="OR17" s="351">
        <v>59421954</v>
      </c>
    </row>
    <row r="18" spans="1:408" ht="20.25" customHeight="1" x14ac:dyDescent="0.2">
      <c r="A18" s="111" t="s">
        <v>12</v>
      </c>
      <c r="B18" s="318">
        <v>879215</v>
      </c>
      <c r="C18" s="319">
        <v>1335449</v>
      </c>
      <c r="D18" s="320">
        <v>2214664</v>
      </c>
      <c r="E18" s="321">
        <v>0</v>
      </c>
      <c r="F18" s="319">
        <v>8122587</v>
      </c>
      <c r="G18" s="276">
        <v>8749838</v>
      </c>
      <c r="H18" s="276">
        <v>8806751</v>
      </c>
      <c r="I18" s="276">
        <v>10587090</v>
      </c>
      <c r="J18" s="276">
        <v>6608746</v>
      </c>
      <c r="K18" s="323">
        <v>42875012</v>
      </c>
      <c r="L18" s="322">
        <v>45089676</v>
      </c>
      <c r="M18" s="318">
        <v>365588</v>
      </c>
      <c r="N18" s="319">
        <v>551128</v>
      </c>
      <c r="O18" s="320">
        <v>916716</v>
      </c>
      <c r="P18" s="318">
        <v>0</v>
      </c>
      <c r="Q18" s="319">
        <v>3225882</v>
      </c>
      <c r="R18" s="319">
        <v>3457811</v>
      </c>
      <c r="S18" s="319">
        <v>2446301</v>
      </c>
      <c r="T18" s="319">
        <v>3909311</v>
      </c>
      <c r="U18" s="319">
        <v>4499515</v>
      </c>
      <c r="V18" s="320">
        <v>17538820</v>
      </c>
      <c r="W18" s="322">
        <v>18455536</v>
      </c>
      <c r="X18" s="318">
        <v>0</v>
      </c>
      <c r="Y18" s="319">
        <v>0</v>
      </c>
      <c r="Z18" s="320">
        <v>0</v>
      </c>
      <c r="AA18" s="318">
        <v>0</v>
      </c>
      <c r="AB18" s="319">
        <v>1780733</v>
      </c>
      <c r="AC18" s="319">
        <v>1725729</v>
      </c>
      <c r="AD18" s="319">
        <v>1533607</v>
      </c>
      <c r="AE18" s="319">
        <v>2746175</v>
      </c>
      <c r="AF18" s="319">
        <v>2973270</v>
      </c>
      <c r="AG18" s="320">
        <v>10759514</v>
      </c>
      <c r="AH18" s="322">
        <v>10759514</v>
      </c>
      <c r="AI18" s="318">
        <v>0</v>
      </c>
      <c r="AJ18" s="319">
        <v>0</v>
      </c>
      <c r="AK18" s="320">
        <v>0</v>
      </c>
      <c r="AL18" s="318">
        <v>0</v>
      </c>
      <c r="AM18" s="319">
        <v>0</v>
      </c>
      <c r="AN18" s="319">
        <v>0</v>
      </c>
      <c r="AO18" s="319">
        <v>92584</v>
      </c>
      <c r="AP18" s="319">
        <v>91771</v>
      </c>
      <c r="AQ18" s="319">
        <v>680237</v>
      </c>
      <c r="AR18" s="320">
        <v>864592</v>
      </c>
      <c r="AS18" s="322">
        <v>864592</v>
      </c>
      <c r="AT18" s="318">
        <v>325076</v>
      </c>
      <c r="AU18" s="319">
        <v>475280</v>
      </c>
      <c r="AV18" s="320">
        <v>800356</v>
      </c>
      <c r="AW18" s="318">
        <v>0</v>
      </c>
      <c r="AX18" s="319">
        <v>1032092</v>
      </c>
      <c r="AY18" s="319">
        <v>1187434</v>
      </c>
      <c r="AZ18" s="319">
        <v>518449</v>
      </c>
      <c r="BA18" s="319">
        <v>448616</v>
      </c>
      <c r="BB18" s="319">
        <v>504263</v>
      </c>
      <c r="BC18" s="320">
        <v>3690854</v>
      </c>
      <c r="BD18" s="322">
        <v>4491210</v>
      </c>
      <c r="BE18" s="318">
        <v>0</v>
      </c>
      <c r="BF18" s="319">
        <v>0</v>
      </c>
      <c r="BG18" s="323">
        <v>0</v>
      </c>
      <c r="BH18" s="324">
        <v>0</v>
      </c>
      <c r="BI18" s="319">
        <v>42625</v>
      </c>
      <c r="BJ18" s="319">
        <v>245472</v>
      </c>
      <c r="BK18" s="319">
        <v>64061</v>
      </c>
      <c r="BL18" s="319">
        <v>83021</v>
      </c>
      <c r="BM18" s="319">
        <v>111009</v>
      </c>
      <c r="BN18" s="320">
        <v>546188</v>
      </c>
      <c r="BO18" s="322">
        <v>546188</v>
      </c>
      <c r="BP18" s="318">
        <v>40512</v>
      </c>
      <c r="BQ18" s="319">
        <v>75848</v>
      </c>
      <c r="BR18" s="320">
        <v>116360</v>
      </c>
      <c r="BS18" s="318">
        <v>0</v>
      </c>
      <c r="BT18" s="319">
        <v>370432</v>
      </c>
      <c r="BU18" s="319">
        <v>299176</v>
      </c>
      <c r="BV18" s="319">
        <v>237600</v>
      </c>
      <c r="BW18" s="319">
        <v>539728</v>
      </c>
      <c r="BX18" s="319">
        <v>230736</v>
      </c>
      <c r="BY18" s="320">
        <v>1677672</v>
      </c>
      <c r="BZ18" s="322">
        <v>1794032</v>
      </c>
      <c r="CA18" s="318">
        <v>256175</v>
      </c>
      <c r="CB18" s="319">
        <v>121860</v>
      </c>
      <c r="CC18" s="320">
        <v>378035</v>
      </c>
      <c r="CD18" s="318">
        <v>0</v>
      </c>
      <c r="CE18" s="319">
        <v>3491566</v>
      </c>
      <c r="CF18" s="319">
        <v>2404096</v>
      </c>
      <c r="CG18" s="319">
        <v>2650681</v>
      </c>
      <c r="CH18" s="319">
        <v>1608506</v>
      </c>
      <c r="CI18" s="319">
        <v>345545</v>
      </c>
      <c r="CJ18" s="320">
        <v>10500394</v>
      </c>
      <c r="CK18" s="322">
        <v>10878429</v>
      </c>
      <c r="CL18" s="318">
        <v>0</v>
      </c>
      <c r="CM18" s="319">
        <v>0</v>
      </c>
      <c r="CN18" s="320">
        <v>0</v>
      </c>
      <c r="CO18" s="324">
        <v>0</v>
      </c>
      <c r="CP18" s="319">
        <v>2680277</v>
      </c>
      <c r="CQ18" s="319">
        <v>1791672</v>
      </c>
      <c r="CR18" s="319">
        <v>1845480</v>
      </c>
      <c r="CS18" s="319">
        <v>1049686</v>
      </c>
      <c r="CT18" s="319">
        <v>205352</v>
      </c>
      <c r="CU18" s="320">
        <v>7572467</v>
      </c>
      <c r="CV18" s="322">
        <v>7572467</v>
      </c>
      <c r="CW18" s="318">
        <v>256175</v>
      </c>
      <c r="CX18" s="319">
        <v>121860</v>
      </c>
      <c r="CY18" s="320">
        <v>378035</v>
      </c>
      <c r="CZ18" s="318">
        <v>0</v>
      </c>
      <c r="DA18" s="319">
        <v>811289</v>
      </c>
      <c r="DB18" s="319">
        <v>612424</v>
      </c>
      <c r="DC18" s="319">
        <v>805201</v>
      </c>
      <c r="DD18" s="319">
        <v>558820</v>
      </c>
      <c r="DE18" s="319">
        <v>140193</v>
      </c>
      <c r="DF18" s="320">
        <v>2927927</v>
      </c>
      <c r="DG18" s="322">
        <v>3305962</v>
      </c>
      <c r="DH18" s="318">
        <v>0</v>
      </c>
      <c r="DI18" s="319">
        <v>0</v>
      </c>
      <c r="DJ18" s="323">
        <v>0</v>
      </c>
      <c r="DK18" s="324">
        <v>0</v>
      </c>
      <c r="DL18" s="319">
        <v>182049</v>
      </c>
      <c r="DM18" s="319">
        <v>501378</v>
      </c>
      <c r="DN18" s="319">
        <v>1033153</v>
      </c>
      <c r="DO18" s="319">
        <v>1085350</v>
      </c>
      <c r="DP18" s="319">
        <v>476190</v>
      </c>
      <c r="DQ18" s="320">
        <v>3278120</v>
      </c>
      <c r="DR18" s="322">
        <v>3278120</v>
      </c>
      <c r="DS18" s="318">
        <v>0</v>
      </c>
      <c r="DT18" s="319">
        <v>0</v>
      </c>
      <c r="DU18" s="320">
        <v>0</v>
      </c>
      <c r="DV18" s="318">
        <v>0</v>
      </c>
      <c r="DW18" s="319">
        <v>182049</v>
      </c>
      <c r="DX18" s="319">
        <v>382734</v>
      </c>
      <c r="DY18" s="319">
        <v>1013406</v>
      </c>
      <c r="DZ18" s="319">
        <v>1020134</v>
      </c>
      <c r="EA18" s="319">
        <v>476190</v>
      </c>
      <c r="EB18" s="320">
        <v>3074513</v>
      </c>
      <c r="EC18" s="322">
        <v>3074513</v>
      </c>
      <c r="ED18" s="318">
        <v>0</v>
      </c>
      <c r="EE18" s="323">
        <v>0</v>
      </c>
      <c r="EF18" s="320">
        <v>0</v>
      </c>
      <c r="EG18" s="318">
        <v>0</v>
      </c>
      <c r="EH18" s="319">
        <v>0</v>
      </c>
      <c r="EI18" s="319">
        <v>118644</v>
      </c>
      <c r="EJ18" s="319">
        <v>19747</v>
      </c>
      <c r="EK18" s="319">
        <v>65216</v>
      </c>
      <c r="EL18" s="319">
        <v>0</v>
      </c>
      <c r="EM18" s="323">
        <v>203607</v>
      </c>
      <c r="EN18" s="322">
        <v>203607</v>
      </c>
      <c r="EO18" s="318">
        <v>0</v>
      </c>
      <c r="EP18" s="319">
        <v>0</v>
      </c>
      <c r="EQ18" s="323">
        <v>0</v>
      </c>
      <c r="ER18" s="324">
        <v>0</v>
      </c>
      <c r="ES18" s="319">
        <v>0</v>
      </c>
      <c r="ET18" s="319">
        <v>0</v>
      </c>
      <c r="EU18" s="319">
        <v>0</v>
      </c>
      <c r="EV18" s="319">
        <v>0</v>
      </c>
      <c r="EW18" s="319">
        <v>0</v>
      </c>
      <c r="EX18" s="320">
        <v>0</v>
      </c>
      <c r="EY18" s="322">
        <v>0</v>
      </c>
      <c r="EZ18" s="318">
        <v>0</v>
      </c>
      <c r="FA18" s="319">
        <v>0</v>
      </c>
      <c r="FB18" s="323">
        <v>0</v>
      </c>
      <c r="FC18" s="325"/>
      <c r="FD18" s="319">
        <v>0</v>
      </c>
      <c r="FE18" s="319">
        <v>0</v>
      </c>
      <c r="FF18" s="319">
        <v>0</v>
      </c>
      <c r="FG18" s="319">
        <v>0</v>
      </c>
      <c r="FH18" s="319">
        <v>0</v>
      </c>
      <c r="FI18" s="320">
        <v>0</v>
      </c>
      <c r="FJ18" s="322">
        <v>0</v>
      </c>
      <c r="FK18" s="318">
        <v>206148</v>
      </c>
      <c r="FL18" s="319">
        <v>348748</v>
      </c>
      <c r="FM18" s="320">
        <v>554896</v>
      </c>
      <c r="FN18" s="318">
        <v>0</v>
      </c>
      <c r="FO18" s="319">
        <v>294224</v>
      </c>
      <c r="FP18" s="319">
        <v>1023993</v>
      </c>
      <c r="FQ18" s="319">
        <v>756056</v>
      </c>
      <c r="FR18" s="319">
        <v>850004</v>
      </c>
      <c r="FS18" s="319">
        <v>459680</v>
      </c>
      <c r="FT18" s="320">
        <v>3383957</v>
      </c>
      <c r="FU18" s="322">
        <v>3938853</v>
      </c>
      <c r="FV18" s="326">
        <v>115072</v>
      </c>
      <c r="FW18" s="319">
        <v>218464</v>
      </c>
      <c r="FX18" s="323">
        <v>333536</v>
      </c>
      <c r="FY18" s="324">
        <v>0</v>
      </c>
      <c r="FZ18" s="319">
        <v>294224</v>
      </c>
      <c r="GA18" s="319">
        <v>814472</v>
      </c>
      <c r="GB18" s="319">
        <v>756056</v>
      </c>
      <c r="GC18" s="319">
        <v>708616</v>
      </c>
      <c r="GD18" s="319">
        <v>459680</v>
      </c>
      <c r="GE18" s="320">
        <v>3033048</v>
      </c>
      <c r="GF18" s="327">
        <v>3366584</v>
      </c>
      <c r="GG18" s="326">
        <v>0</v>
      </c>
      <c r="GH18" s="319">
        <v>23320</v>
      </c>
      <c r="GI18" s="323">
        <v>23320</v>
      </c>
      <c r="GJ18" s="324">
        <v>0</v>
      </c>
      <c r="GK18" s="319">
        <v>0</v>
      </c>
      <c r="GL18" s="319">
        <v>80000</v>
      </c>
      <c r="GM18" s="319">
        <v>0</v>
      </c>
      <c r="GN18" s="319">
        <v>0</v>
      </c>
      <c r="GO18" s="319">
        <v>0</v>
      </c>
      <c r="GP18" s="320">
        <v>80000</v>
      </c>
      <c r="GQ18" s="322">
        <v>103320</v>
      </c>
      <c r="GR18" s="318">
        <v>91076</v>
      </c>
      <c r="GS18" s="319">
        <v>106964</v>
      </c>
      <c r="GT18" s="320">
        <v>198040</v>
      </c>
      <c r="GU18" s="318">
        <v>0</v>
      </c>
      <c r="GV18" s="319">
        <v>0</v>
      </c>
      <c r="GW18" s="319">
        <v>129521</v>
      </c>
      <c r="GX18" s="319">
        <v>0</v>
      </c>
      <c r="GY18" s="319">
        <v>141388</v>
      </c>
      <c r="GZ18" s="319">
        <v>0</v>
      </c>
      <c r="HA18" s="323">
        <v>270909</v>
      </c>
      <c r="HB18" s="322">
        <v>468949</v>
      </c>
      <c r="HC18" s="318">
        <v>51304</v>
      </c>
      <c r="HD18" s="319">
        <v>313713</v>
      </c>
      <c r="HE18" s="323">
        <v>365017</v>
      </c>
      <c r="HF18" s="324">
        <v>0</v>
      </c>
      <c r="HG18" s="319">
        <v>928866</v>
      </c>
      <c r="HH18" s="319">
        <v>1362560</v>
      </c>
      <c r="HI18" s="319">
        <v>1920560</v>
      </c>
      <c r="HJ18" s="319">
        <v>3133919</v>
      </c>
      <c r="HK18" s="319">
        <v>827816</v>
      </c>
      <c r="HL18" s="320">
        <v>8173721</v>
      </c>
      <c r="HM18" s="321">
        <v>8538738</v>
      </c>
      <c r="HN18" s="411"/>
      <c r="HO18" s="412"/>
      <c r="HP18" s="413"/>
      <c r="HQ18" s="414"/>
      <c r="HR18" s="412"/>
      <c r="HS18" s="412"/>
      <c r="HT18" s="412"/>
      <c r="HU18" s="412"/>
      <c r="HV18" s="412"/>
      <c r="HW18" s="415"/>
      <c r="HX18" s="416"/>
      <c r="HY18" s="357">
        <v>0</v>
      </c>
      <c r="HZ18" s="332">
        <v>212736</v>
      </c>
      <c r="IA18" s="357">
        <v>212736</v>
      </c>
      <c r="IB18" s="331">
        <v>0</v>
      </c>
      <c r="IC18" s="332">
        <v>3466947</v>
      </c>
      <c r="ID18" s="333">
        <v>2499161</v>
      </c>
      <c r="IE18" s="334">
        <v>1932186</v>
      </c>
      <c r="IF18" s="332">
        <v>3485926</v>
      </c>
      <c r="IG18" s="334">
        <v>1930813</v>
      </c>
      <c r="IH18" s="335">
        <v>13315033</v>
      </c>
      <c r="II18" s="357">
        <v>13527769</v>
      </c>
      <c r="IJ18" s="337">
        <v>0</v>
      </c>
      <c r="IK18" s="338">
        <v>0</v>
      </c>
      <c r="IL18" s="339">
        <v>0</v>
      </c>
      <c r="IM18" s="340"/>
      <c r="IN18" s="341">
        <v>0</v>
      </c>
      <c r="IO18" s="341">
        <v>0</v>
      </c>
      <c r="IP18" s="341">
        <v>163050</v>
      </c>
      <c r="IQ18" s="341">
        <v>0</v>
      </c>
      <c r="IR18" s="341">
        <v>0</v>
      </c>
      <c r="IS18" s="342">
        <v>163050</v>
      </c>
      <c r="IT18" s="343">
        <v>163050</v>
      </c>
      <c r="IU18" s="344">
        <v>0</v>
      </c>
      <c r="IV18" s="341">
        <v>0</v>
      </c>
      <c r="IW18" s="345">
        <v>0</v>
      </c>
      <c r="IX18" s="340"/>
      <c r="IY18" s="341">
        <v>0</v>
      </c>
      <c r="IZ18" s="341">
        <v>0</v>
      </c>
      <c r="JA18" s="341">
        <v>0</v>
      </c>
      <c r="JB18" s="341">
        <v>0</v>
      </c>
      <c r="JC18" s="341">
        <v>0</v>
      </c>
      <c r="JD18" s="345">
        <v>0</v>
      </c>
      <c r="JE18" s="347">
        <v>0</v>
      </c>
      <c r="JF18" s="344">
        <v>0</v>
      </c>
      <c r="JG18" s="341">
        <v>0</v>
      </c>
      <c r="JH18" s="342">
        <v>0</v>
      </c>
      <c r="JI18" s="348">
        <v>0</v>
      </c>
      <c r="JJ18" s="341">
        <v>1483923</v>
      </c>
      <c r="JK18" s="341">
        <v>856267</v>
      </c>
      <c r="JL18" s="341">
        <v>582341</v>
      </c>
      <c r="JM18" s="341">
        <v>314324</v>
      </c>
      <c r="JN18" s="341">
        <v>250755</v>
      </c>
      <c r="JO18" s="345">
        <v>3487610</v>
      </c>
      <c r="JP18" s="343">
        <v>3487610</v>
      </c>
      <c r="JQ18" s="344">
        <v>0</v>
      </c>
      <c r="JR18" s="341">
        <v>0</v>
      </c>
      <c r="JS18" s="342">
        <v>0</v>
      </c>
      <c r="JT18" s="348">
        <v>0</v>
      </c>
      <c r="JU18" s="341">
        <v>0</v>
      </c>
      <c r="JV18" s="341">
        <v>0</v>
      </c>
      <c r="JW18" s="341">
        <v>0</v>
      </c>
      <c r="JX18" s="341">
        <v>0</v>
      </c>
      <c r="JY18" s="341">
        <v>0</v>
      </c>
      <c r="JZ18" s="345">
        <v>0</v>
      </c>
      <c r="KA18" s="343">
        <v>0</v>
      </c>
      <c r="KB18" s="349">
        <v>0</v>
      </c>
      <c r="KC18" s="350">
        <v>0</v>
      </c>
      <c r="KD18" s="345">
        <v>0</v>
      </c>
      <c r="KE18" s="348">
        <v>0</v>
      </c>
      <c r="KF18" s="341">
        <v>122059</v>
      </c>
      <c r="KG18" s="341">
        <v>330599</v>
      </c>
      <c r="KH18" s="341">
        <v>943344</v>
      </c>
      <c r="KI18" s="341">
        <v>518687</v>
      </c>
      <c r="KJ18" s="341">
        <v>851340</v>
      </c>
      <c r="KK18" s="345">
        <v>2766029</v>
      </c>
      <c r="KL18" s="351">
        <v>2766029</v>
      </c>
      <c r="KM18" s="337">
        <v>0</v>
      </c>
      <c r="KN18" s="338">
        <v>212736</v>
      </c>
      <c r="KO18" s="339">
        <v>212736</v>
      </c>
      <c r="KP18" s="340"/>
      <c r="KQ18" s="341">
        <v>1363285</v>
      </c>
      <c r="KR18" s="341">
        <v>927096</v>
      </c>
      <c r="KS18" s="341">
        <v>243451</v>
      </c>
      <c r="KT18" s="341">
        <v>1246873</v>
      </c>
      <c r="KU18" s="341">
        <v>0</v>
      </c>
      <c r="KV18" s="345">
        <v>3780705</v>
      </c>
      <c r="KW18" s="343">
        <v>3993441</v>
      </c>
      <c r="KX18" s="344">
        <v>0</v>
      </c>
      <c r="KY18" s="341">
        <v>0</v>
      </c>
      <c r="KZ18" s="345">
        <v>0</v>
      </c>
      <c r="LA18" s="340"/>
      <c r="LB18" s="341">
        <v>0</v>
      </c>
      <c r="LC18" s="341">
        <v>173862</v>
      </c>
      <c r="LD18" s="341">
        <v>0</v>
      </c>
      <c r="LE18" s="341">
        <v>632715</v>
      </c>
      <c r="LF18" s="341">
        <v>0</v>
      </c>
      <c r="LG18" s="345">
        <v>806577</v>
      </c>
      <c r="LH18" s="347">
        <v>806577</v>
      </c>
      <c r="LI18" s="344">
        <v>0</v>
      </c>
      <c r="LJ18" s="341">
        <v>0</v>
      </c>
      <c r="LK18" s="345">
        <v>0</v>
      </c>
      <c r="LL18" s="340"/>
      <c r="LM18" s="341">
        <v>0</v>
      </c>
      <c r="LN18" s="341">
        <v>0</v>
      </c>
      <c r="LO18" s="341">
        <v>0</v>
      </c>
      <c r="LP18" s="341">
        <v>183736</v>
      </c>
      <c r="LQ18" s="341">
        <v>286187</v>
      </c>
      <c r="LR18" s="345">
        <v>469923</v>
      </c>
      <c r="LS18" s="343">
        <v>469923</v>
      </c>
      <c r="LT18" s="344">
        <v>0</v>
      </c>
      <c r="LU18" s="341">
        <v>0</v>
      </c>
      <c r="LV18" s="345">
        <v>0</v>
      </c>
      <c r="LW18" s="340"/>
      <c r="LX18" s="341">
        <v>497680</v>
      </c>
      <c r="LY18" s="341">
        <v>211337</v>
      </c>
      <c r="LZ18" s="341">
        <v>0</v>
      </c>
      <c r="MA18" s="341">
        <v>589591</v>
      </c>
      <c r="MB18" s="341">
        <v>542531</v>
      </c>
      <c r="MC18" s="345">
        <v>1841139</v>
      </c>
      <c r="MD18" s="347">
        <v>1841139</v>
      </c>
      <c r="ME18" s="344">
        <v>0</v>
      </c>
      <c r="MF18" s="341">
        <v>0</v>
      </c>
      <c r="MG18" s="345">
        <v>0</v>
      </c>
      <c r="MH18" s="340"/>
      <c r="MI18" s="341">
        <v>934093</v>
      </c>
      <c r="MJ18" s="341">
        <v>708022</v>
      </c>
      <c r="MK18" s="341">
        <v>3265789</v>
      </c>
      <c r="ML18" s="341">
        <v>6386805</v>
      </c>
      <c r="MM18" s="341">
        <v>3021841</v>
      </c>
      <c r="MN18" s="345">
        <v>14316550</v>
      </c>
      <c r="MO18" s="351">
        <v>14316550</v>
      </c>
      <c r="MP18" s="344">
        <v>0</v>
      </c>
      <c r="MQ18" s="341">
        <v>0</v>
      </c>
      <c r="MR18" s="345">
        <v>0</v>
      </c>
      <c r="MS18" s="340"/>
      <c r="MT18" s="341">
        <v>156992</v>
      </c>
      <c r="MU18" s="341">
        <v>226329</v>
      </c>
      <c r="MV18" s="341">
        <v>1775999</v>
      </c>
      <c r="MW18" s="341">
        <v>3011628</v>
      </c>
      <c r="MX18" s="341">
        <v>1892280</v>
      </c>
      <c r="MY18" s="345">
        <v>7063228</v>
      </c>
      <c r="MZ18" s="351">
        <v>7063228</v>
      </c>
      <c r="NA18" s="344">
        <v>0</v>
      </c>
      <c r="NB18" s="341">
        <v>0</v>
      </c>
      <c r="NC18" s="345">
        <v>0</v>
      </c>
      <c r="ND18" s="340"/>
      <c r="NE18" s="341">
        <v>777101</v>
      </c>
      <c r="NF18" s="341">
        <v>481693</v>
      </c>
      <c r="NG18" s="341">
        <v>1489790</v>
      </c>
      <c r="NH18" s="341">
        <v>3375177</v>
      </c>
      <c r="NI18" s="341">
        <v>801547</v>
      </c>
      <c r="NJ18" s="345">
        <v>6925308</v>
      </c>
      <c r="NK18" s="343">
        <v>6925308</v>
      </c>
      <c r="NL18" s="344">
        <v>0</v>
      </c>
      <c r="NM18" s="341">
        <v>0</v>
      </c>
      <c r="NN18" s="345">
        <v>0</v>
      </c>
      <c r="NO18" s="340"/>
      <c r="NP18" s="341">
        <v>0</v>
      </c>
      <c r="NQ18" s="341">
        <v>0</v>
      </c>
      <c r="NR18" s="341">
        <v>0</v>
      </c>
      <c r="NS18" s="341">
        <v>0</v>
      </c>
      <c r="NT18" s="341">
        <v>328014</v>
      </c>
      <c r="NU18" s="345">
        <v>328014</v>
      </c>
      <c r="NV18" s="347">
        <v>328014</v>
      </c>
      <c r="NW18" s="344">
        <v>0</v>
      </c>
      <c r="NX18" s="341">
        <v>0</v>
      </c>
      <c r="NY18" s="345">
        <v>0</v>
      </c>
      <c r="NZ18" s="340"/>
      <c r="OA18" s="341">
        <v>0</v>
      </c>
      <c r="OB18" s="341">
        <v>0</v>
      </c>
      <c r="OC18" s="341">
        <v>0</v>
      </c>
      <c r="OD18" s="341">
        <v>0</v>
      </c>
      <c r="OE18" s="341">
        <v>0</v>
      </c>
      <c r="OF18" s="345">
        <v>0</v>
      </c>
      <c r="OG18" s="347">
        <v>0</v>
      </c>
      <c r="OH18" s="344">
        <v>879215</v>
      </c>
      <c r="OI18" s="341">
        <v>1548185</v>
      </c>
      <c r="OJ18" s="342">
        <v>2427400</v>
      </c>
      <c r="OK18" s="348">
        <v>0</v>
      </c>
      <c r="OL18" s="341">
        <v>12523627</v>
      </c>
      <c r="OM18" s="341">
        <v>11957021</v>
      </c>
      <c r="ON18" s="341">
        <v>14004726</v>
      </c>
      <c r="OO18" s="341">
        <v>20459821</v>
      </c>
      <c r="OP18" s="341">
        <v>11561400</v>
      </c>
      <c r="OQ18" s="345">
        <v>70506595</v>
      </c>
      <c r="OR18" s="351">
        <v>72933995</v>
      </c>
    </row>
    <row r="19" spans="1:408" ht="20.25" customHeight="1" x14ac:dyDescent="0.2">
      <c r="A19" s="111" t="s">
        <v>13</v>
      </c>
      <c r="B19" s="318">
        <v>118374</v>
      </c>
      <c r="C19" s="319">
        <v>119883</v>
      </c>
      <c r="D19" s="320">
        <v>238257</v>
      </c>
      <c r="E19" s="318">
        <v>0</v>
      </c>
      <c r="F19" s="276">
        <v>2636926</v>
      </c>
      <c r="G19" s="319">
        <v>6007760</v>
      </c>
      <c r="H19" s="319">
        <v>4779965</v>
      </c>
      <c r="I19" s="319">
        <v>5743531</v>
      </c>
      <c r="J19" s="319">
        <v>3637170</v>
      </c>
      <c r="K19" s="323">
        <v>22805352</v>
      </c>
      <c r="L19" s="322">
        <v>23043609</v>
      </c>
      <c r="M19" s="318">
        <v>47280</v>
      </c>
      <c r="N19" s="319">
        <v>9989</v>
      </c>
      <c r="O19" s="320">
        <v>57269</v>
      </c>
      <c r="P19" s="318">
        <v>0</v>
      </c>
      <c r="Q19" s="319">
        <v>966173</v>
      </c>
      <c r="R19" s="319">
        <v>2109776</v>
      </c>
      <c r="S19" s="319">
        <v>1605181</v>
      </c>
      <c r="T19" s="319">
        <v>2362790</v>
      </c>
      <c r="U19" s="319">
        <v>1377700</v>
      </c>
      <c r="V19" s="320">
        <v>8421620</v>
      </c>
      <c r="W19" s="322">
        <v>8478889</v>
      </c>
      <c r="X19" s="318">
        <v>0</v>
      </c>
      <c r="Y19" s="319">
        <v>0</v>
      </c>
      <c r="Z19" s="320">
        <v>0</v>
      </c>
      <c r="AA19" s="318">
        <v>0</v>
      </c>
      <c r="AB19" s="319">
        <v>560980</v>
      </c>
      <c r="AC19" s="319">
        <v>1105061</v>
      </c>
      <c r="AD19" s="319">
        <v>1044033</v>
      </c>
      <c r="AE19" s="319">
        <v>1337259</v>
      </c>
      <c r="AF19" s="319">
        <v>708180</v>
      </c>
      <c r="AG19" s="320">
        <v>4755513</v>
      </c>
      <c r="AH19" s="322">
        <v>4755513</v>
      </c>
      <c r="AI19" s="318">
        <v>0</v>
      </c>
      <c r="AJ19" s="319">
        <v>0</v>
      </c>
      <c r="AK19" s="320">
        <v>0</v>
      </c>
      <c r="AL19" s="318">
        <v>0</v>
      </c>
      <c r="AM19" s="319">
        <v>0</v>
      </c>
      <c r="AN19" s="319">
        <v>0</v>
      </c>
      <c r="AO19" s="319">
        <v>0</v>
      </c>
      <c r="AP19" s="319">
        <v>84047</v>
      </c>
      <c r="AQ19" s="319">
        <v>185453</v>
      </c>
      <c r="AR19" s="320">
        <v>269500</v>
      </c>
      <c r="AS19" s="322">
        <v>269500</v>
      </c>
      <c r="AT19" s="318">
        <v>0</v>
      </c>
      <c r="AU19" s="319">
        <v>9989</v>
      </c>
      <c r="AV19" s="320">
        <v>9989</v>
      </c>
      <c r="AW19" s="318">
        <v>0</v>
      </c>
      <c r="AX19" s="319">
        <v>268985</v>
      </c>
      <c r="AY19" s="319">
        <v>648098</v>
      </c>
      <c r="AZ19" s="319">
        <v>350964</v>
      </c>
      <c r="BA19" s="319">
        <v>590309</v>
      </c>
      <c r="BB19" s="319">
        <v>280814</v>
      </c>
      <c r="BC19" s="320">
        <v>2139170</v>
      </c>
      <c r="BD19" s="322">
        <v>2149159</v>
      </c>
      <c r="BE19" s="318">
        <v>0</v>
      </c>
      <c r="BF19" s="319">
        <v>0</v>
      </c>
      <c r="BG19" s="323">
        <v>0</v>
      </c>
      <c r="BH19" s="324">
        <v>0</v>
      </c>
      <c r="BI19" s="319">
        <v>0</v>
      </c>
      <c r="BJ19" s="319">
        <v>24457</v>
      </c>
      <c r="BK19" s="319">
        <v>0</v>
      </c>
      <c r="BL19" s="319">
        <v>79967</v>
      </c>
      <c r="BM19" s="319">
        <v>21933</v>
      </c>
      <c r="BN19" s="320">
        <v>126357</v>
      </c>
      <c r="BO19" s="322">
        <v>126357</v>
      </c>
      <c r="BP19" s="318">
        <v>47280</v>
      </c>
      <c r="BQ19" s="319">
        <v>0</v>
      </c>
      <c r="BR19" s="320">
        <v>47280</v>
      </c>
      <c r="BS19" s="318">
        <v>0</v>
      </c>
      <c r="BT19" s="319">
        <v>136208</v>
      </c>
      <c r="BU19" s="319">
        <v>332160</v>
      </c>
      <c r="BV19" s="319">
        <v>210184</v>
      </c>
      <c r="BW19" s="319">
        <v>271208</v>
      </c>
      <c r="BX19" s="319">
        <v>181320</v>
      </c>
      <c r="BY19" s="320">
        <v>1131080</v>
      </c>
      <c r="BZ19" s="322">
        <v>1178360</v>
      </c>
      <c r="CA19" s="318">
        <v>0</v>
      </c>
      <c r="CB19" s="319">
        <v>39126</v>
      </c>
      <c r="CC19" s="320">
        <v>39126</v>
      </c>
      <c r="CD19" s="318">
        <v>0</v>
      </c>
      <c r="CE19" s="319">
        <v>469972</v>
      </c>
      <c r="CF19" s="319">
        <v>1736648</v>
      </c>
      <c r="CG19" s="319">
        <v>1449669</v>
      </c>
      <c r="CH19" s="319">
        <v>898683</v>
      </c>
      <c r="CI19" s="319">
        <v>150433</v>
      </c>
      <c r="CJ19" s="320">
        <v>4705405</v>
      </c>
      <c r="CK19" s="322">
        <v>4744531</v>
      </c>
      <c r="CL19" s="318">
        <v>0</v>
      </c>
      <c r="CM19" s="319">
        <v>0</v>
      </c>
      <c r="CN19" s="320">
        <v>0</v>
      </c>
      <c r="CO19" s="324">
        <v>0</v>
      </c>
      <c r="CP19" s="319">
        <v>427574</v>
      </c>
      <c r="CQ19" s="319">
        <v>1442556</v>
      </c>
      <c r="CR19" s="319">
        <v>1351921</v>
      </c>
      <c r="CS19" s="319">
        <v>555976</v>
      </c>
      <c r="CT19" s="319">
        <v>150433</v>
      </c>
      <c r="CU19" s="320">
        <v>3928460</v>
      </c>
      <c r="CV19" s="322">
        <v>3928460</v>
      </c>
      <c r="CW19" s="318">
        <v>0</v>
      </c>
      <c r="CX19" s="319">
        <v>39126</v>
      </c>
      <c r="CY19" s="320">
        <v>39126</v>
      </c>
      <c r="CZ19" s="318">
        <v>0</v>
      </c>
      <c r="DA19" s="319">
        <v>42398</v>
      </c>
      <c r="DB19" s="319">
        <v>294092</v>
      </c>
      <c r="DC19" s="319">
        <v>97748</v>
      </c>
      <c r="DD19" s="319">
        <v>342707</v>
      </c>
      <c r="DE19" s="319">
        <v>0</v>
      </c>
      <c r="DF19" s="320">
        <v>776945</v>
      </c>
      <c r="DG19" s="322">
        <v>816071</v>
      </c>
      <c r="DH19" s="318">
        <v>0</v>
      </c>
      <c r="DI19" s="319">
        <v>0</v>
      </c>
      <c r="DJ19" s="323">
        <v>0</v>
      </c>
      <c r="DK19" s="324">
        <v>0</v>
      </c>
      <c r="DL19" s="319">
        <v>134152</v>
      </c>
      <c r="DM19" s="319">
        <v>422126</v>
      </c>
      <c r="DN19" s="319">
        <v>399467</v>
      </c>
      <c r="DO19" s="319">
        <v>528917</v>
      </c>
      <c r="DP19" s="319">
        <v>832412</v>
      </c>
      <c r="DQ19" s="320">
        <v>2317074</v>
      </c>
      <c r="DR19" s="322">
        <v>2317074</v>
      </c>
      <c r="DS19" s="318">
        <v>0</v>
      </c>
      <c r="DT19" s="319">
        <v>0</v>
      </c>
      <c r="DU19" s="320">
        <v>0</v>
      </c>
      <c r="DV19" s="318">
        <v>0</v>
      </c>
      <c r="DW19" s="319">
        <v>121968</v>
      </c>
      <c r="DX19" s="319">
        <v>186225</v>
      </c>
      <c r="DY19" s="319">
        <v>234665</v>
      </c>
      <c r="DZ19" s="319">
        <v>528917</v>
      </c>
      <c r="EA19" s="319">
        <v>832412</v>
      </c>
      <c r="EB19" s="320">
        <v>1904187</v>
      </c>
      <c r="EC19" s="322">
        <v>1904187</v>
      </c>
      <c r="ED19" s="318">
        <v>0</v>
      </c>
      <c r="EE19" s="323">
        <v>0</v>
      </c>
      <c r="EF19" s="320">
        <v>0</v>
      </c>
      <c r="EG19" s="318">
        <v>0</v>
      </c>
      <c r="EH19" s="319">
        <v>12184</v>
      </c>
      <c r="EI19" s="319">
        <v>235901</v>
      </c>
      <c r="EJ19" s="319">
        <v>164802</v>
      </c>
      <c r="EK19" s="319">
        <v>0</v>
      </c>
      <c r="EL19" s="319">
        <v>0</v>
      </c>
      <c r="EM19" s="323">
        <v>412887</v>
      </c>
      <c r="EN19" s="322">
        <v>412887</v>
      </c>
      <c r="EO19" s="318">
        <v>0</v>
      </c>
      <c r="EP19" s="319">
        <v>0</v>
      </c>
      <c r="EQ19" s="323">
        <v>0</v>
      </c>
      <c r="ER19" s="324">
        <v>0</v>
      </c>
      <c r="ES19" s="319">
        <v>0</v>
      </c>
      <c r="ET19" s="319">
        <v>0</v>
      </c>
      <c r="EU19" s="319">
        <v>0</v>
      </c>
      <c r="EV19" s="319">
        <v>0</v>
      </c>
      <c r="EW19" s="319">
        <v>0</v>
      </c>
      <c r="EX19" s="320">
        <v>0</v>
      </c>
      <c r="EY19" s="322">
        <v>0</v>
      </c>
      <c r="EZ19" s="318">
        <v>0</v>
      </c>
      <c r="FA19" s="319">
        <v>0</v>
      </c>
      <c r="FB19" s="323">
        <v>0</v>
      </c>
      <c r="FC19" s="325"/>
      <c r="FD19" s="319">
        <v>0</v>
      </c>
      <c r="FE19" s="319">
        <v>0</v>
      </c>
      <c r="FF19" s="319">
        <v>0</v>
      </c>
      <c r="FG19" s="319">
        <v>0</v>
      </c>
      <c r="FH19" s="319">
        <v>0</v>
      </c>
      <c r="FI19" s="320">
        <v>0</v>
      </c>
      <c r="FJ19" s="322">
        <v>0</v>
      </c>
      <c r="FK19" s="318">
        <v>19408</v>
      </c>
      <c r="FL19" s="319">
        <v>70768</v>
      </c>
      <c r="FM19" s="320">
        <v>90176</v>
      </c>
      <c r="FN19" s="318">
        <v>0</v>
      </c>
      <c r="FO19" s="319">
        <v>123920</v>
      </c>
      <c r="FP19" s="319">
        <v>351040</v>
      </c>
      <c r="FQ19" s="319">
        <v>330192</v>
      </c>
      <c r="FR19" s="319">
        <v>500768</v>
      </c>
      <c r="FS19" s="319">
        <v>129784</v>
      </c>
      <c r="FT19" s="320">
        <v>1435704</v>
      </c>
      <c r="FU19" s="322">
        <v>1525880</v>
      </c>
      <c r="FV19" s="326">
        <v>19408</v>
      </c>
      <c r="FW19" s="319">
        <v>61088</v>
      </c>
      <c r="FX19" s="323">
        <v>80496</v>
      </c>
      <c r="FY19" s="324">
        <v>0</v>
      </c>
      <c r="FZ19" s="319">
        <v>123920</v>
      </c>
      <c r="GA19" s="319">
        <v>339200</v>
      </c>
      <c r="GB19" s="319">
        <v>299184</v>
      </c>
      <c r="GC19" s="319">
        <v>419168</v>
      </c>
      <c r="GD19" s="319">
        <v>129784</v>
      </c>
      <c r="GE19" s="320">
        <v>1311256</v>
      </c>
      <c r="GF19" s="327">
        <v>1391752</v>
      </c>
      <c r="GG19" s="326">
        <v>0</v>
      </c>
      <c r="GH19" s="319">
        <v>9680</v>
      </c>
      <c r="GI19" s="323">
        <v>9680</v>
      </c>
      <c r="GJ19" s="324">
        <v>0</v>
      </c>
      <c r="GK19" s="319">
        <v>0</v>
      </c>
      <c r="GL19" s="319">
        <v>11840</v>
      </c>
      <c r="GM19" s="319">
        <v>19008</v>
      </c>
      <c r="GN19" s="319">
        <v>0</v>
      </c>
      <c r="GO19" s="319">
        <v>0</v>
      </c>
      <c r="GP19" s="320">
        <v>30848</v>
      </c>
      <c r="GQ19" s="322">
        <v>40528</v>
      </c>
      <c r="GR19" s="318">
        <v>0</v>
      </c>
      <c r="GS19" s="319">
        <v>0</v>
      </c>
      <c r="GT19" s="320">
        <v>0</v>
      </c>
      <c r="GU19" s="318">
        <v>0</v>
      </c>
      <c r="GV19" s="319">
        <v>0</v>
      </c>
      <c r="GW19" s="319">
        <v>0</v>
      </c>
      <c r="GX19" s="319">
        <v>12000</v>
      </c>
      <c r="GY19" s="319">
        <v>81600</v>
      </c>
      <c r="GZ19" s="319">
        <v>0</v>
      </c>
      <c r="HA19" s="323">
        <v>93600</v>
      </c>
      <c r="HB19" s="322">
        <v>93600</v>
      </c>
      <c r="HC19" s="318">
        <v>51686</v>
      </c>
      <c r="HD19" s="319">
        <v>0</v>
      </c>
      <c r="HE19" s="323">
        <v>51686</v>
      </c>
      <c r="HF19" s="324">
        <v>0</v>
      </c>
      <c r="HG19" s="319">
        <v>942709</v>
      </c>
      <c r="HH19" s="319">
        <v>1388170</v>
      </c>
      <c r="HI19" s="319">
        <v>995456</v>
      </c>
      <c r="HJ19" s="319">
        <v>1452373</v>
      </c>
      <c r="HK19" s="319">
        <v>1146841</v>
      </c>
      <c r="HL19" s="320">
        <v>5925549</v>
      </c>
      <c r="HM19" s="321">
        <v>5977235</v>
      </c>
      <c r="HN19" s="411"/>
      <c r="HO19" s="412"/>
      <c r="HP19" s="413"/>
      <c r="HQ19" s="414"/>
      <c r="HR19" s="412"/>
      <c r="HS19" s="412"/>
      <c r="HT19" s="412"/>
      <c r="HU19" s="412"/>
      <c r="HV19" s="412"/>
      <c r="HW19" s="415"/>
      <c r="HX19" s="416"/>
      <c r="HY19" s="328">
        <v>0</v>
      </c>
      <c r="HZ19" s="329">
        <v>0</v>
      </c>
      <c r="IA19" s="330">
        <v>0</v>
      </c>
      <c r="IB19" s="353">
        <v>0</v>
      </c>
      <c r="IC19" s="329">
        <v>649801</v>
      </c>
      <c r="ID19" s="354">
        <v>854698</v>
      </c>
      <c r="IE19" s="330">
        <v>1174512</v>
      </c>
      <c r="IF19" s="329">
        <v>1413050</v>
      </c>
      <c r="IG19" s="330">
        <v>197832</v>
      </c>
      <c r="IH19" s="355">
        <v>4289893</v>
      </c>
      <c r="II19" s="336">
        <v>4289893</v>
      </c>
      <c r="IJ19" s="337">
        <v>0</v>
      </c>
      <c r="IK19" s="338">
        <v>0</v>
      </c>
      <c r="IL19" s="339">
        <v>0</v>
      </c>
      <c r="IM19" s="340"/>
      <c r="IN19" s="341">
        <v>0</v>
      </c>
      <c r="IO19" s="341">
        <v>0</v>
      </c>
      <c r="IP19" s="341">
        <v>0</v>
      </c>
      <c r="IQ19" s="341">
        <v>0</v>
      </c>
      <c r="IR19" s="341">
        <v>0</v>
      </c>
      <c r="IS19" s="342">
        <v>0</v>
      </c>
      <c r="IT19" s="343">
        <v>0</v>
      </c>
      <c r="IU19" s="344">
        <v>0</v>
      </c>
      <c r="IV19" s="341">
        <v>0</v>
      </c>
      <c r="IW19" s="345">
        <v>0</v>
      </c>
      <c r="IX19" s="340"/>
      <c r="IY19" s="341">
        <v>0</v>
      </c>
      <c r="IZ19" s="341">
        <v>0</v>
      </c>
      <c r="JA19" s="341">
        <v>0</v>
      </c>
      <c r="JB19" s="341">
        <v>0</v>
      </c>
      <c r="JC19" s="341">
        <v>0</v>
      </c>
      <c r="JD19" s="345">
        <v>0</v>
      </c>
      <c r="JE19" s="347">
        <v>0</v>
      </c>
      <c r="JF19" s="344">
        <v>0</v>
      </c>
      <c r="JG19" s="341">
        <v>0</v>
      </c>
      <c r="JH19" s="342">
        <v>0</v>
      </c>
      <c r="JI19" s="348">
        <v>0</v>
      </c>
      <c r="JJ19" s="341">
        <v>536173</v>
      </c>
      <c r="JK19" s="341">
        <v>377721</v>
      </c>
      <c r="JL19" s="341">
        <v>191200</v>
      </c>
      <c r="JM19" s="341">
        <v>163056</v>
      </c>
      <c r="JN19" s="341">
        <v>197832</v>
      </c>
      <c r="JO19" s="345">
        <v>1465982</v>
      </c>
      <c r="JP19" s="343">
        <v>1465982</v>
      </c>
      <c r="JQ19" s="344">
        <v>0</v>
      </c>
      <c r="JR19" s="341">
        <v>0</v>
      </c>
      <c r="JS19" s="342">
        <v>0</v>
      </c>
      <c r="JT19" s="348">
        <v>0</v>
      </c>
      <c r="JU19" s="341">
        <v>0</v>
      </c>
      <c r="JV19" s="341">
        <v>129855</v>
      </c>
      <c r="JW19" s="341">
        <v>487023</v>
      </c>
      <c r="JX19" s="341">
        <v>52173</v>
      </c>
      <c r="JY19" s="341">
        <v>0</v>
      </c>
      <c r="JZ19" s="345">
        <v>669051</v>
      </c>
      <c r="KA19" s="343">
        <v>669051</v>
      </c>
      <c r="KB19" s="349">
        <v>0</v>
      </c>
      <c r="KC19" s="350">
        <v>0</v>
      </c>
      <c r="KD19" s="345">
        <v>0</v>
      </c>
      <c r="KE19" s="348">
        <v>0</v>
      </c>
      <c r="KF19" s="341">
        <v>113628</v>
      </c>
      <c r="KG19" s="341">
        <v>347122</v>
      </c>
      <c r="KH19" s="341">
        <v>0</v>
      </c>
      <c r="KI19" s="341">
        <v>253204</v>
      </c>
      <c r="KJ19" s="341">
        <v>0</v>
      </c>
      <c r="KK19" s="345">
        <v>713954</v>
      </c>
      <c r="KL19" s="351">
        <v>713954</v>
      </c>
      <c r="KM19" s="337">
        <v>0</v>
      </c>
      <c r="KN19" s="338">
        <v>0</v>
      </c>
      <c r="KO19" s="339">
        <v>0</v>
      </c>
      <c r="KP19" s="340"/>
      <c r="KQ19" s="341">
        <v>0</v>
      </c>
      <c r="KR19" s="341">
        <v>0</v>
      </c>
      <c r="KS19" s="341">
        <v>496289</v>
      </c>
      <c r="KT19" s="341">
        <v>736322</v>
      </c>
      <c r="KU19" s="341">
        <v>0</v>
      </c>
      <c r="KV19" s="345">
        <v>1232611</v>
      </c>
      <c r="KW19" s="343">
        <v>1232611</v>
      </c>
      <c r="KX19" s="344">
        <v>0</v>
      </c>
      <c r="KY19" s="341">
        <v>0</v>
      </c>
      <c r="KZ19" s="345">
        <v>0</v>
      </c>
      <c r="LA19" s="340"/>
      <c r="LB19" s="341">
        <v>0</v>
      </c>
      <c r="LC19" s="341">
        <v>0</v>
      </c>
      <c r="LD19" s="341">
        <v>0</v>
      </c>
      <c r="LE19" s="341">
        <v>208295</v>
      </c>
      <c r="LF19" s="341">
        <v>0</v>
      </c>
      <c r="LG19" s="345">
        <v>208295</v>
      </c>
      <c r="LH19" s="347">
        <v>208295</v>
      </c>
      <c r="LI19" s="344">
        <v>0</v>
      </c>
      <c r="LJ19" s="341">
        <v>0</v>
      </c>
      <c r="LK19" s="345">
        <v>0</v>
      </c>
      <c r="LL19" s="340"/>
      <c r="LM19" s="341">
        <v>0</v>
      </c>
      <c r="LN19" s="341">
        <v>0</v>
      </c>
      <c r="LO19" s="341">
        <v>0</v>
      </c>
      <c r="LP19" s="341">
        <v>0</v>
      </c>
      <c r="LQ19" s="341">
        <v>0</v>
      </c>
      <c r="LR19" s="345">
        <v>0</v>
      </c>
      <c r="LS19" s="343">
        <v>0</v>
      </c>
      <c r="LT19" s="344">
        <v>0</v>
      </c>
      <c r="LU19" s="341">
        <v>0</v>
      </c>
      <c r="LV19" s="345">
        <v>0</v>
      </c>
      <c r="LW19" s="340"/>
      <c r="LX19" s="341">
        <v>0</v>
      </c>
      <c r="LY19" s="341">
        <v>0</v>
      </c>
      <c r="LZ19" s="341">
        <v>0</v>
      </c>
      <c r="MA19" s="341">
        <v>0</v>
      </c>
      <c r="MB19" s="341">
        <v>0</v>
      </c>
      <c r="MC19" s="345">
        <v>0</v>
      </c>
      <c r="MD19" s="347">
        <v>0</v>
      </c>
      <c r="ME19" s="344">
        <v>0</v>
      </c>
      <c r="MF19" s="341">
        <v>0</v>
      </c>
      <c r="MG19" s="345">
        <v>0</v>
      </c>
      <c r="MH19" s="340"/>
      <c r="MI19" s="341">
        <v>227126</v>
      </c>
      <c r="MJ19" s="341">
        <v>275227</v>
      </c>
      <c r="MK19" s="341">
        <v>1493400</v>
      </c>
      <c r="ML19" s="341">
        <v>2405666</v>
      </c>
      <c r="MM19" s="341">
        <v>2525285</v>
      </c>
      <c r="MN19" s="345">
        <v>6926704</v>
      </c>
      <c r="MO19" s="351">
        <v>6926704</v>
      </c>
      <c r="MP19" s="344">
        <v>0</v>
      </c>
      <c r="MQ19" s="341">
        <v>0</v>
      </c>
      <c r="MR19" s="345">
        <v>0</v>
      </c>
      <c r="MS19" s="340"/>
      <c r="MT19" s="341">
        <v>0</v>
      </c>
      <c r="MU19" s="341">
        <v>0</v>
      </c>
      <c r="MV19" s="341">
        <v>703786</v>
      </c>
      <c r="MW19" s="341">
        <v>1807215</v>
      </c>
      <c r="MX19" s="341">
        <v>1398587</v>
      </c>
      <c r="MY19" s="345">
        <v>3909588</v>
      </c>
      <c r="MZ19" s="351">
        <v>3909588</v>
      </c>
      <c r="NA19" s="344">
        <v>0</v>
      </c>
      <c r="NB19" s="341">
        <v>0</v>
      </c>
      <c r="NC19" s="345">
        <v>0</v>
      </c>
      <c r="ND19" s="340"/>
      <c r="NE19" s="341">
        <v>227126</v>
      </c>
      <c r="NF19" s="341">
        <v>275227</v>
      </c>
      <c r="NG19" s="341">
        <v>789614</v>
      </c>
      <c r="NH19" s="341">
        <v>598451</v>
      </c>
      <c r="NI19" s="341">
        <v>1126698</v>
      </c>
      <c r="NJ19" s="345">
        <v>3017116</v>
      </c>
      <c r="NK19" s="343">
        <v>3017116</v>
      </c>
      <c r="NL19" s="344">
        <v>0</v>
      </c>
      <c r="NM19" s="341">
        <v>0</v>
      </c>
      <c r="NN19" s="345">
        <v>0</v>
      </c>
      <c r="NO19" s="340"/>
      <c r="NP19" s="341">
        <v>0</v>
      </c>
      <c r="NQ19" s="341">
        <v>0</v>
      </c>
      <c r="NR19" s="341">
        <v>0</v>
      </c>
      <c r="NS19" s="341">
        <v>0</v>
      </c>
      <c r="NT19" s="341">
        <v>0</v>
      </c>
      <c r="NU19" s="345">
        <v>0</v>
      </c>
      <c r="NV19" s="347">
        <v>0</v>
      </c>
      <c r="NW19" s="344">
        <v>0</v>
      </c>
      <c r="NX19" s="341">
        <v>0</v>
      </c>
      <c r="NY19" s="345">
        <v>0</v>
      </c>
      <c r="NZ19" s="340"/>
      <c r="OA19" s="341">
        <v>0</v>
      </c>
      <c r="OB19" s="341">
        <v>0</v>
      </c>
      <c r="OC19" s="341">
        <v>0</v>
      </c>
      <c r="OD19" s="341">
        <v>0</v>
      </c>
      <c r="OE19" s="341">
        <v>0</v>
      </c>
      <c r="OF19" s="345">
        <v>0</v>
      </c>
      <c r="OG19" s="347">
        <v>0</v>
      </c>
      <c r="OH19" s="344">
        <v>118374</v>
      </c>
      <c r="OI19" s="341">
        <v>119883</v>
      </c>
      <c r="OJ19" s="342">
        <v>238257</v>
      </c>
      <c r="OK19" s="348">
        <v>0</v>
      </c>
      <c r="OL19" s="341">
        <v>3513853</v>
      </c>
      <c r="OM19" s="341">
        <v>7137685</v>
      </c>
      <c r="ON19" s="341">
        <v>7447877</v>
      </c>
      <c r="OO19" s="341">
        <v>9562247</v>
      </c>
      <c r="OP19" s="341">
        <v>6360287</v>
      </c>
      <c r="OQ19" s="345">
        <v>34021949</v>
      </c>
      <c r="OR19" s="351">
        <v>34260206</v>
      </c>
    </row>
    <row r="20" spans="1:408" ht="20.25" customHeight="1" x14ac:dyDescent="0.2">
      <c r="A20" s="111" t="s">
        <v>15</v>
      </c>
      <c r="B20" s="318">
        <v>224405</v>
      </c>
      <c r="C20" s="319">
        <v>293732</v>
      </c>
      <c r="D20" s="320">
        <v>518137</v>
      </c>
      <c r="E20" s="321">
        <v>0</v>
      </c>
      <c r="F20" s="319">
        <v>1285653</v>
      </c>
      <c r="G20" s="319">
        <v>2054080</v>
      </c>
      <c r="H20" s="319">
        <v>1821891</v>
      </c>
      <c r="I20" s="319">
        <v>1892722</v>
      </c>
      <c r="J20" s="319">
        <v>799806</v>
      </c>
      <c r="K20" s="321">
        <v>7854152</v>
      </c>
      <c r="L20" s="322">
        <v>8372289</v>
      </c>
      <c r="M20" s="318">
        <v>10016</v>
      </c>
      <c r="N20" s="319">
        <v>0</v>
      </c>
      <c r="O20" s="320">
        <v>10016</v>
      </c>
      <c r="P20" s="318">
        <v>0</v>
      </c>
      <c r="Q20" s="319">
        <v>348443</v>
      </c>
      <c r="R20" s="319">
        <v>752311</v>
      </c>
      <c r="S20" s="319">
        <v>600880</v>
      </c>
      <c r="T20" s="319">
        <v>868757</v>
      </c>
      <c r="U20" s="319">
        <v>441617</v>
      </c>
      <c r="V20" s="320">
        <v>3012008</v>
      </c>
      <c r="W20" s="322">
        <v>3022024</v>
      </c>
      <c r="X20" s="318">
        <v>0</v>
      </c>
      <c r="Y20" s="319">
        <v>0</v>
      </c>
      <c r="Z20" s="320">
        <v>0</v>
      </c>
      <c r="AA20" s="318">
        <v>0</v>
      </c>
      <c r="AB20" s="319">
        <v>232119</v>
      </c>
      <c r="AC20" s="319">
        <v>358617</v>
      </c>
      <c r="AD20" s="319">
        <v>491204</v>
      </c>
      <c r="AE20" s="319">
        <v>307319</v>
      </c>
      <c r="AF20" s="319">
        <v>402269</v>
      </c>
      <c r="AG20" s="320">
        <v>1791528</v>
      </c>
      <c r="AH20" s="322">
        <v>1791528</v>
      </c>
      <c r="AI20" s="318">
        <v>0</v>
      </c>
      <c r="AJ20" s="319">
        <v>0</v>
      </c>
      <c r="AK20" s="320">
        <v>0</v>
      </c>
      <c r="AL20" s="318">
        <v>0</v>
      </c>
      <c r="AM20" s="319">
        <v>0</v>
      </c>
      <c r="AN20" s="319">
        <v>0</v>
      </c>
      <c r="AO20" s="319">
        <v>0</v>
      </c>
      <c r="AP20" s="319">
        <v>233077</v>
      </c>
      <c r="AQ20" s="319">
        <v>23144</v>
      </c>
      <c r="AR20" s="320">
        <v>256221</v>
      </c>
      <c r="AS20" s="322">
        <v>256221</v>
      </c>
      <c r="AT20" s="318">
        <v>0</v>
      </c>
      <c r="AU20" s="319">
        <v>0</v>
      </c>
      <c r="AV20" s="320">
        <v>0</v>
      </c>
      <c r="AW20" s="318">
        <v>0</v>
      </c>
      <c r="AX20" s="319">
        <v>34201</v>
      </c>
      <c r="AY20" s="319">
        <v>299095</v>
      </c>
      <c r="AZ20" s="319">
        <v>0</v>
      </c>
      <c r="BA20" s="319">
        <v>238641</v>
      </c>
      <c r="BB20" s="319">
        <v>11628</v>
      </c>
      <c r="BC20" s="320">
        <v>583565</v>
      </c>
      <c r="BD20" s="322">
        <v>583565</v>
      </c>
      <c r="BE20" s="318">
        <v>0</v>
      </c>
      <c r="BF20" s="319">
        <v>0</v>
      </c>
      <c r="BG20" s="323">
        <v>0</v>
      </c>
      <c r="BH20" s="324">
        <v>0</v>
      </c>
      <c r="BI20" s="319">
        <v>21707</v>
      </c>
      <c r="BJ20" s="319">
        <v>31039</v>
      </c>
      <c r="BK20" s="319">
        <v>5172</v>
      </c>
      <c r="BL20" s="319">
        <v>0</v>
      </c>
      <c r="BM20" s="319">
        <v>0</v>
      </c>
      <c r="BN20" s="320">
        <v>57918</v>
      </c>
      <c r="BO20" s="322">
        <v>57918</v>
      </c>
      <c r="BP20" s="318">
        <v>10016</v>
      </c>
      <c r="BQ20" s="319">
        <v>0</v>
      </c>
      <c r="BR20" s="320">
        <v>10016</v>
      </c>
      <c r="BS20" s="318">
        <v>0</v>
      </c>
      <c r="BT20" s="319">
        <v>60416</v>
      </c>
      <c r="BU20" s="319">
        <v>63560</v>
      </c>
      <c r="BV20" s="319">
        <v>104504</v>
      </c>
      <c r="BW20" s="319">
        <v>89720</v>
      </c>
      <c r="BX20" s="319">
        <v>4576</v>
      </c>
      <c r="BY20" s="320">
        <v>322776</v>
      </c>
      <c r="BZ20" s="322">
        <v>332792</v>
      </c>
      <c r="CA20" s="318">
        <v>0</v>
      </c>
      <c r="CB20" s="319">
        <v>0</v>
      </c>
      <c r="CC20" s="320">
        <v>0</v>
      </c>
      <c r="CD20" s="318">
        <v>0</v>
      </c>
      <c r="CE20" s="319">
        <v>152538</v>
      </c>
      <c r="CF20" s="319">
        <v>400659</v>
      </c>
      <c r="CG20" s="319">
        <v>355917</v>
      </c>
      <c r="CH20" s="319">
        <v>87386</v>
      </c>
      <c r="CI20" s="319">
        <v>0</v>
      </c>
      <c r="CJ20" s="320">
        <v>996500</v>
      </c>
      <c r="CK20" s="322">
        <v>996500</v>
      </c>
      <c r="CL20" s="318">
        <v>0</v>
      </c>
      <c r="CM20" s="319">
        <v>0</v>
      </c>
      <c r="CN20" s="320">
        <v>0</v>
      </c>
      <c r="CO20" s="324">
        <v>0</v>
      </c>
      <c r="CP20" s="319">
        <v>60754</v>
      </c>
      <c r="CQ20" s="319">
        <v>257984</v>
      </c>
      <c r="CR20" s="319">
        <v>205997</v>
      </c>
      <c r="CS20" s="319">
        <v>87386</v>
      </c>
      <c r="CT20" s="319">
        <v>0</v>
      </c>
      <c r="CU20" s="320">
        <v>612121</v>
      </c>
      <c r="CV20" s="322">
        <v>612121</v>
      </c>
      <c r="CW20" s="318">
        <v>0</v>
      </c>
      <c r="CX20" s="319">
        <v>0</v>
      </c>
      <c r="CY20" s="320">
        <v>0</v>
      </c>
      <c r="CZ20" s="318">
        <v>0</v>
      </c>
      <c r="DA20" s="319">
        <v>91784</v>
      </c>
      <c r="DB20" s="319">
        <v>142675</v>
      </c>
      <c r="DC20" s="319">
        <v>149920</v>
      </c>
      <c r="DD20" s="319">
        <v>0</v>
      </c>
      <c r="DE20" s="319">
        <v>0</v>
      </c>
      <c r="DF20" s="320">
        <v>384379</v>
      </c>
      <c r="DG20" s="322">
        <v>384379</v>
      </c>
      <c r="DH20" s="318">
        <v>0</v>
      </c>
      <c r="DI20" s="319">
        <v>0</v>
      </c>
      <c r="DJ20" s="323">
        <v>0</v>
      </c>
      <c r="DK20" s="324">
        <v>0</v>
      </c>
      <c r="DL20" s="319">
        <v>0</v>
      </c>
      <c r="DM20" s="319">
        <v>0</v>
      </c>
      <c r="DN20" s="319">
        <v>0</v>
      </c>
      <c r="DO20" s="319">
        <v>105795</v>
      </c>
      <c r="DP20" s="319">
        <v>22956</v>
      </c>
      <c r="DQ20" s="320">
        <v>128751</v>
      </c>
      <c r="DR20" s="322">
        <v>128751</v>
      </c>
      <c r="DS20" s="318">
        <v>0</v>
      </c>
      <c r="DT20" s="319">
        <v>0</v>
      </c>
      <c r="DU20" s="320">
        <v>0</v>
      </c>
      <c r="DV20" s="318">
        <v>0</v>
      </c>
      <c r="DW20" s="319">
        <v>0</v>
      </c>
      <c r="DX20" s="319">
        <v>0</v>
      </c>
      <c r="DY20" s="319">
        <v>0</v>
      </c>
      <c r="DZ20" s="319">
        <v>34966</v>
      </c>
      <c r="EA20" s="319">
        <v>22956</v>
      </c>
      <c r="EB20" s="320">
        <v>57922</v>
      </c>
      <c r="EC20" s="322">
        <v>57922</v>
      </c>
      <c r="ED20" s="318">
        <v>0</v>
      </c>
      <c r="EE20" s="323">
        <v>0</v>
      </c>
      <c r="EF20" s="320">
        <v>0</v>
      </c>
      <c r="EG20" s="318">
        <v>0</v>
      </c>
      <c r="EH20" s="319">
        <v>0</v>
      </c>
      <c r="EI20" s="319">
        <v>0</v>
      </c>
      <c r="EJ20" s="319">
        <v>0</v>
      </c>
      <c r="EK20" s="319">
        <v>70829</v>
      </c>
      <c r="EL20" s="319">
        <v>0</v>
      </c>
      <c r="EM20" s="323">
        <v>70829</v>
      </c>
      <c r="EN20" s="322">
        <v>70829</v>
      </c>
      <c r="EO20" s="318">
        <v>0</v>
      </c>
      <c r="EP20" s="319">
        <v>0</v>
      </c>
      <c r="EQ20" s="323">
        <v>0</v>
      </c>
      <c r="ER20" s="324">
        <v>0</v>
      </c>
      <c r="ES20" s="319">
        <v>0</v>
      </c>
      <c r="ET20" s="319">
        <v>0</v>
      </c>
      <c r="EU20" s="319">
        <v>0</v>
      </c>
      <c r="EV20" s="319">
        <v>0</v>
      </c>
      <c r="EW20" s="319">
        <v>0</v>
      </c>
      <c r="EX20" s="320">
        <v>0</v>
      </c>
      <c r="EY20" s="322">
        <v>0</v>
      </c>
      <c r="EZ20" s="318">
        <v>0</v>
      </c>
      <c r="FA20" s="319">
        <v>0</v>
      </c>
      <c r="FB20" s="323">
        <v>0</v>
      </c>
      <c r="FC20" s="325"/>
      <c r="FD20" s="319">
        <v>0</v>
      </c>
      <c r="FE20" s="319">
        <v>0</v>
      </c>
      <c r="FF20" s="319">
        <v>0</v>
      </c>
      <c r="FG20" s="319">
        <v>0</v>
      </c>
      <c r="FH20" s="319">
        <v>0</v>
      </c>
      <c r="FI20" s="320">
        <v>0</v>
      </c>
      <c r="FJ20" s="322">
        <v>0</v>
      </c>
      <c r="FK20" s="318">
        <v>1600</v>
      </c>
      <c r="FL20" s="319">
        <v>107600</v>
      </c>
      <c r="FM20" s="320">
        <v>109200</v>
      </c>
      <c r="FN20" s="318">
        <v>0</v>
      </c>
      <c r="FO20" s="319">
        <v>42000</v>
      </c>
      <c r="FP20" s="319">
        <v>202968</v>
      </c>
      <c r="FQ20" s="319">
        <v>105776</v>
      </c>
      <c r="FR20" s="319">
        <v>203240</v>
      </c>
      <c r="FS20" s="319">
        <v>81280</v>
      </c>
      <c r="FT20" s="320">
        <v>635264</v>
      </c>
      <c r="FU20" s="322">
        <v>744464</v>
      </c>
      <c r="FV20" s="326">
        <v>1600</v>
      </c>
      <c r="FW20" s="319">
        <v>35600</v>
      </c>
      <c r="FX20" s="323">
        <v>37200</v>
      </c>
      <c r="FY20" s="324">
        <v>0</v>
      </c>
      <c r="FZ20" s="319">
        <v>26160</v>
      </c>
      <c r="GA20" s="319">
        <v>183960</v>
      </c>
      <c r="GB20" s="319">
        <v>80432</v>
      </c>
      <c r="GC20" s="319">
        <v>203240</v>
      </c>
      <c r="GD20" s="319">
        <v>81280</v>
      </c>
      <c r="GE20" s="320">
        <v>575072</v>
      </c>
      <c r="GF20" s="327">
        <v>612272</v>
      </c>
      <c r="GG20" s="326">
        <v>0</v>
      </c>
      <c r="GH20" s="319">
        <v>0</v>
      </c>
      <c r="GI20" s="323">
        <v>0</v>
      </c>
      <c r="GJ20" s="324">
        <v>0</v>
      </c>
      <c r="GK20" s="319">
        <v>15840</v>
      </c>
      <c r="GL20" s="319">
        <v>19008</v>
      </c>
      <c r="GM20" s="319">
        <v>25344</v>
      </c>
      <c r="GN20" s="319">
        <v>0</v>
      </c>
      <c r="GO20" s="319">
        <v>0</v>
      </c>
      <c r="GP20" s="320">
        <v>60192</v>
      </c>
      <c r="GQ20" s="322">
        <v>60192</v>
      </c>
      <c r="GR20" s="318">
        <v>0</v>
      </c>
      <c r="GS20" s="319">
        <v>72000</v>
      </c>
      <c r="GT20" s="320">
        <v>72000</v>
      </c>
      <c r="GU20" s="318">
        <v>0</v>
      </c>
      <c r="GV20" s="319">
        <v>0</v>
      </c>
      <c r="GW20" s="319">
        <v>0</v>
      </c>
      <c r="GX20" s="319">
        <v>0</v>
      </c>
      <c r="GY20" s="319">
        <v>0</v>
      </c>
      <c r="GZ20" s="319">
        <v>0</v>
      </c>
      <c r="HA20" s="323">
        <v>0</v>
      </c>
      <c r="HB20" s="322">
        <v>72000</v>
      </c>
      <c r="HC20" s="318">
        <v>212789</v>
      </c>
      <c r="HD20" s="319">
        <v>186132</v>
      </c>
      <c r="HE20" s="323">
        <v>398921</v>
      </c>
      <c r="HF20" s="324">
        <v>0</v>
      </c>
      <c r="HG20" s="319">
        <v>742672</v>
      </c>
      <c r="HH20" s="319">
        <v>698142</v>
      </c>
      <c r="HI20" s="319">
        <v>759318</v>
      </c>
      <c r="HJ20" s="319">
        <v>627544</v>
      </c>
      <c r="HK20" s="319">
        <v>253953</v>
      </c>
      <c r="HL20" s="320">
        <v>3081629</v>
      </c>
      <c r="HM20" s="321">
        <v>3480550</v>
      </c>
      <c r="HN20" s="411"/>
      <c r="HO20" s="412"/>
      <c r="HP20" s="413"/>
      <c r="HQ20" s="414"/>
      <c r="HR20" s="412"/>
      <c r="HS20" s="412"/>
      <c r="HT20" s="412"/>
      <c r="HU20" s="412"/>
      <c r="HV20" s="412"/>
      <c r="HW20" s="415"/>
      <c r="HX20" s="416"/>
      <c r="HY20" s="357">
        <v>0</v>
      </c>
      <c r="HZ20" s="332">
        <v>0</v>
      </c>
      <c r="IA20" s="357">
        <v>0</v>
      </c>
      <c r="IB20" s="331">
        <v>0</v>
      </c>
      <c r="IC20" s="332">
        <v>623876</v>
      </c>
      <c r="ID20" s="333">
        <v>995243</v>
      </c>
      <c r="IE20" s="334">
        <v>516627</v>
      </c>
      <c r="IF20" s="332">
        <v>1101251</v>
      </c>
      <c r="IG20" s="334">
        <v>251404</v>
      </c>
      <c r="IH20" s="335">
        <v>3488401</v>
      </c>
      <c r="II20" s="357">
        <v>3488401</v>
      </c>
      <c r="IJ20" s="337">
        <v>0</v>
      </c>
      <c r="IK20" s="338">
        <v>0</v>
      </c>
      <c r="IL20" s="339">
        <v>0</v>
      </c>
      <c r="IM20" s="340"/>
      <c r="IN20" s="341">
        <v>0</v>
      </c>
      <c r="IO20" s="341">
        <v>0</v>
      </c>
      <c r="IP20" s="341">
        <v>0</v>
      </c>
      <c r="IQ20" s="341">
        <v>0</v>
      </c>
      <c r="IR20" s="341">
        <v>251404</v>
      </c>
      <c r="IS20" s="342">
        <v>251404</v>
      </c>
      <c r="IT20" s="343">
        <v>251404</v>
      </c>
      <c r="IU20" s="344">
        <v>0</v>
      </c>
      <c r="IV20" s="341">
        <v>0</v>
      </c>
      <c r="IW20" s="345">
        <v>0</v>
      </c>
      <c r="IX20" s="340"/>
      <c r="IY20" s="341">
        <v>0</v>
      </c>
      <c r="IZ20" s="341">
        <v>0</v>
      </c>
      <c r="JA20" s="341">
        <v>0</v>
      </c>
      <c r="JB20" s="341">
        <v>0</v>
      </c>
      <c r="JC20" s="341">
        <v>0</v>
      </c>
      <c r="JD20" s="345">
        <v>0</v>
      </c>
      <c r="JE20" s="347">
        <v>0</v>
      </c>
      <c r="JF20" s="344">
        <v>0</v>
      </c>
      <c r="JG20" s="341">
        <v>0</v>
      </c>
      <c r="JH20" s="342">
        <v>0</v>
      </c>
      <c r="JI20" s="348">
        <v>0</v>
      </c>
      <c r="JJ20" s="341">
        <v>187213</v>
      </c>
      <c r="JK20" s="341">
        <v>318140</v>
      </c>
      <c r="JL20" s="341">
        <v>61422</v>
      </c>
      <c r="JM20" s="341">
        <v>100078</v>
      </c>
      <c r="JN20" s="341">
        <v>0</v>
      </c>
      <c r="JO20" s="345">
        <v>666853</v>
      </c>
      <c r="JP20" s="343">
        <v>666853</v>
      </c>
      <c r="JQ20" s="344">
        <v>0</v>
      </c>
      <c r="JR20" s="341">
        <v>0</v>
      </c>
      <c r="JS20" s="342">
        <v>0</v>
      </c>
      <c r="JT20" s="348">
        <v>0</v>
      </c>
      <c r="JU20" s="341">
        <v>0</v>
      </c>
      <c r="JV20" s="341">
        <v>70780</v>
      </c>
      <c r="JW20" s="341">
        <v>0</v>
      </c>
      <c r="JX20" s="341">
        <v>0</v>
      </c>
      <c r="JY20" s="341">
        <v>0</v>
      </c>
      <c r="JZ20" s="345">
        <v>70780</v>
      </c>
      <c r="KA20" s="343">
        <v>70780</v>
      </c>
      <c r="KB20" s="349">
        <v>0</v>
      </c>
      <c r="KC20" s="350">
        <v>0</v>
      </c>
      <c r="KD20" s="345">
        <v>0</v>
      </c>
      <c r="KE20" s="348">
        <v>0</v>
      </c>
      <c r="KF20" s="341">
        <v>0</v>
      </c>
      <c r="KG20" s="341">
        <v>148603</v>
      </c>
      <c r="KH20" s="341">
        <v>447089</v>
      </c>
      <c r="KI20" s="341">
        <v>499301</v>
      </c>
      <c r="KJ20" s="341">
        <v>0</v>
      </c>
      <c r="KK20" s="345">
        <v>1094993</v>
      </c>
      <c r="KL20" s="351">
        <v>1094993</v>
      </c>
      <c r="KM20" s="337">
        <v>0</v>
      </c>
      <c r="KN20" s="338">
        <v>0</v>
      </c>
      <c r="KO20" s="339">
        <v>0</v>
      </c>
      <c r="KP20" s="340"/>
      <c r="KQ20" s="341">
        <v>436663</v>
      </c>
      <c r="KR20" s="341">
        <v>457720</v>
      </c>
      <c r="KS20" s="341">
        <v>8116</v>
      </c>
      <c r="KT20" s="341">
        <v>501872</v>
      </c>
      <c r="KU20" s="341">
        <v>0</v>
      </c>
      <c r="KV20" s="345">
        <v>1404371</v>
      </c>
      <c r="KW20" s="343">
        <v>1404371</v>
      </c>
      <c r="KX20" s="344">
        <v>0</v>
      </c>
      <c r="KY20" s="341">
        <v>0</v>
      </c>
      <c r="KZ20" s="345">
        <v>0</v>
      </c>
      <c r="LA20" s="340"/>
      <c r="LB20" s="341">
        <v>0</v>
      </c>
      <c r="LC20" s="341">
        <v>0</v>
      </c>
      <c r="LD20" s="341">
        <v>0</v>
      </c>
      <c r="LE20" s="341">
        <v>0</v>
      </c>
      <c r="LF20" s="341">
        <v>0</v>
      </c>
      <c r="LG20" s="345">
        <v>0</v>
      </c>
      <c r="LH20" s="347">
        <v>0</v>
      </c>
      <c r="LI20" s="344">
        <v>0</v>
      </c>
      <c r="LJ20" s="341">
        <v>0</v>
      </c>
      <c r="LK20" s="345">
        <v>0</v>
      </c>
      <c r="LL20" s="340"/>
      <c r="LM20" s="341">
        <v>0</v>
      </c>
      <c r="LN20" s="341">
        <v>0</v>
      </c>
      <c r="LO20" s="341">
        <v>0</v>
      </c>
      <c r="LP20" s="341">
        <v>0</v>
      </c>
      <c r="LQ20" s="341">
        <v>0</v>
      </c>
      <c r="LR20" s="345">
        <v>0</v>
      </c>
      <c r="LS20" s="343">
        <v>0</v>
      </c>
      <c r="LT20" s="344">
        <v>0</v>
      </c>
      <c r="LU20" s="341">
        <v>0</v>
      </c>
      <c r="LV20" s="345">
        <v>0</v>
      </c>
      <c r="LW20" s="340"/>
      <c r="LX20" s="341">
        <v>0</v>
      </c>
      <c r="LY20" s="341">
        <v>0</v>
      </c>
      <c r="LZ20" s="341">
        <v>0</v>
      </c>
      <c r="MA20" s="341">
        <v>0</v>
      </c>
      <c r="MB20" s="341">
        <v>0</v>
      </c>
      <c r="MC20" s="345">
        <v>0</v>
      </c>
      <c r="MD20" s="347">
        <v>0</v>
      </c>
      <c r="ME20" s="344">
        <v>0</v>
      </c>
      <c r="MF20" s="341">
        <v>0</v>
      </c>
      <c r="MG20" s="345">
        <v>0</v>
      </c>
      <c r="MH20" s="340"/>
      <c r="MI20" s="341">
        <v>489368</v>
      </c>
      <c r="MJ20" s="341">
        <v>229356</v>
      </c>
      <c r="MK20" s="341">
        <v>972556</v>
      </c>
      <c r="ML20" s="341">
        <v>1392443</v>
      </c>
      <c r="MM20" s="341">
        <v>570880</v>
      </c>
      <c r="MN20" s="345">
        <v>3654603</v>
      </c>
      <c r="MO20" s="351">
        <v>3654603</v>
      </c>
      <c r="MP20" s="344">
        <v>0</v>
      </c>
      <c r="MQ20" s="341">
        <v>0</v>
      </c>
      <c r="MR20" s="345">
        <v>0</v>
      </c>
      <c r="MS20" s="340"/>
      <c r="MT20" s="341">
        <v>0</v>
      </c>
      <c r="MU20" s="341">
        <v>0</v>
      </c>
      <c r="MV20" s="341">
        <v>703483</v>
      </c>
      <c r="MW20" s="341">
        <v>737014</v>
      </c>
      <c r="MX20" s="341">
        <v>0</v>
      </c>
      <c r="MY20" s="345">
        <v>1440497</v>
      </c>
      <c r="MZ20" s="351">
        <v>1440497</v>
      </c>
      <c r="NA20" s="344">
        <v>0</v>
      </c>
      <c r="NB20" s="341">
        <v>0</v>
      </c>
      <c r="NC20" s="345">
        <v>0</v>
      </c>
      <c r="ND20" s="340"/>
      <c r="NE20" s="341">
        <v>489368</v>
      </c>
      <c r="NF20" s="341">
        <v>229356</v>
      </c>
      <c r="NG20" s="341">
        <v>269073</v>
      </c>
      <c r="NH20" s="341">
        <v>655429</v>
      </c>
      <c r="NI20" s="341">
        <v>570880</v>
      </c>
      <c r="NJ20" s="345">
        <v>2214106</v>
      </c>
      <c r="NK20" s="343">
        <v>2214106</v>
      </c>
      <c r="NL20" s="344">
        <v>0</v>
      </c>
      <c r="NM20" s="341">
        <v>0</v>
      </c>
      <c r="NN20" s="345">
        <v>0</v>
      </c>
      <c r="NO20" s="340"/>
      <c r="NP20" s="341">
        <v>0</v>
      </c>
      <c r="NQ20" s="341">
        <v>0</v>
      </c>
      <c r="NR20" s="341">
        <v>0</v>
      </c>
      <c r="NS20" s="341">
        <v>0</v>
      </c>
      <c r="NT20" s="341">
        <v>0</v>
      </c>
      <c r="NU20" s="345">
        <v>0</v>
      </c>
      <c r="NV20" s="347">
        <v>0</v>
      </c>
      <c r="NW20" s="344">
        <v>0</v>
      </c>
      <c r="NX20" s="341">
        <v>0</v>
      </c>
      <c r="NY20" s="345">
        <v>0</v>
      </c>
      <c r="NZ20" s="340"/>
      <c r="OA20" s="341">
        <v>0</v>
      </c>
      <c r="OB20" s="341">
        <v>0</v>
      </c>
      <c r="OC20" s="341">
        <v>0</v>
      </c>
      <c r="OD20" s="341">
        <v>0</v>
      </c>
      <c r="OE20" s="341">
        <v>0</v>
      </c>
      <c r="OF20" s="345">
        <v>0</v>
      </c>
      <c r="OG20" s="347">
        <v>0</v>
      </c>
      <c r="OH20" s="344">
        <v>224405</v>
      </c>
      <c r="OI20" s="341">
        <v>293732</v>
      </c>
      <c r="OJ20" s="342">
        <v>518137</v>
      </c>
      <c r="OK20" s="348">
        <v>0</v>
      </c>
      <c r="OL20" s="341">
        <v>2398897</v>
      </c>
      <c r="OM20" s="341">
        <v>3278679</v>
      </c>
      <c r="ON20" s="341">
        <v>3311074</v>
      </c>
      <c r="OO20" s="341">
        <v>4386416</v>
      </c>
      <c r="OP20" s="341">
        <v>1622090</v>
      </c>
      <c r="OQ20" s="345">
        <v>14997156</v>
      </c>
      <c r="OR20" s="351">
        <v>15515293</v>
      </c>
    </row>
    <row r="21" spans="1:408" ht="20.25" customHeight="1" x14ac:dyDescent="0.2">
      <c r="A21" s="111" t="s">
        <v>16</v>
      </c>
      <c r="B21" s="318">
        <v>382267</v>
      </c>
      <c r="C21" s="319">
        <v>637019</v>
      </c>
      <c r="D21" s="320">
        <v>1019286</v>
      </c>
      <c r="E21" s="321">
        <v>0</v>
      </c>
      <c r="F21" s="319">
        <v>4209133</v>
      </c>
      <c r="G21" s="319">
        <v>7517443</v>
      </c>
      <c r="H21" s="319">
        <v>5171348</v>
      </c>
      <c r="I21" s="319">
        <v>7562162</v>
      </c>
      <c r="J21" s="319">
        <v>3516650</v>
      </c>
      <c r="K21" s="321">
        <v>27976736</v>
      </c>
      <c r="L21" s="322">
        <v>28996022</v>
      </c>
      <c r="M21" s="318">
        <v>62240</v>
      </c>
      <c r="N21" s="319">
        <v>113610</v>
      </c>
      <c r="O21" s="320">
        <v>175850</v>
      </c>
      <c r="P21" s="318">
        <v>0</v>
      </c>
      <c r="Q21" s="319">
        <v>953478</v>
      </c>
      <c r="R21" s="319">
        <v>1381832</v>
      </c>
      <c r="S21" s="319">
        <v>1216635</v>
      </c>
      <c r="T21" s="319">
        <v>1683858</v>
      </c>
      <c r="U21" s="319">
        <v>1075252</v>
      </c>
      <c r="V21" s="320">
        <v>6311055</v>
      </c>
      <c r="W21" s="322">
        <v>6486905</v>
      </c>
      <c r="X21" s="318">
        <v>0</v>
      </c>
      <c r="Y21" s="319">
        <v>0</v>
      </c>
      <c r="Z21" s="320">
        <v>0</v>
      </c>
      <c r="AA21" s="318">
        <v>0</v>
      </c>
      <c r="AB21" s="319">
        <v>265022</v>
      </c>
      <c r="AC21" s="319">
        <v>351466</v>
      </c>
      <c r="AD21" s="319">
        <v>435363</v>
      </c>
      <c r="AE21" s="319">
        <v>820220</v>
      </c>
      <c r="AF21" s="319">
        <v>498114</v>
      </c>
      <c r="AG21" s="320">
        <v>2370185</v>
      </c>
      <c r="AH21" s="322">
        <v>2370185</v>
      </c>
      <c r="AI21" s="318">
        <v>0</v>
      </c>
      <c r="AJ21" s="319">
        <v>0</v>
      </c>
      <c r="AK21" s="320">
        <v>0</v>
      </c>
      <c r="AL21" s="318">
        <v>0</v>
      </c>
      <c r="AM21" s="319">
        <v>0</v>
      </c>
      <c r="AN21" s="319">
        <v>0</v>
      </c>
      <c r="AO21" s="319">
        <v>0</v>
      </c>
      <c r="AP21" s="319">
        <v>101431</v>
      </c>
      <c r="AQ21" s="319">
        <v>135732</v>
      </c>
      <c r="AR21" s="320">
        <v>237163</v>
      </c>
      <c r="AS21" s="322">
        <v>237163</v>
      </c>
      <c r="AT21" s="318">
        <v>34160</v>
      </c>
      <c r="AU21" s="319">
        <v>91618</v>
      </c>
      <c r="AV21" s="320">
        <v>125778</v>
      </c>
      <c r="AW21" s="318">
        <v>0</v>
      </c>
      <c r="AX21" s="319">
        <v>478608</v>
      </c>
      <c r="AY21" s="319">
        <v>816294</v>
      </c>
      <c r="AZ21" s="319">
        <v>497563</v>
      </c>
      <c r="BA21" s="319">
        <v>423047</v>
      </c>
      <c r="BB21" s="319">
        <v>219134</v>
      </c>
      <c r="BC21" s="320">
        <v>2434646</v>
      </c>
      <c r="BD21" s="322">
        <v>2560424</v>
      </c>
      <c r="BE21" s="318">
        <v>0</v>
      </c>
      <c r="BF21" s="319">
        <v>0</v>
      </c>
      <c r="BG21" s="323">
        <v>0</v>
      </c>
      <c r="BH21" s="324">
        <v>0</v>
      </c>
      <c r="BI21" s="319">
        <v>0</v>
      </c>
      <c r="BJ21" s="319">
        <v>31600</v>
      </c>
      <c r="BK21" s="319">
        <v>39501</v>
      </c>
      <c r="BL21" s="319">
        <v>0</v>
      </c>
      <c r="BM21" s="319">
        <v>31600</v>
      </c>
      <c r="BN21" s="320">
        <v>102701</v>
      </c>
      <c r="BO21" s="322">
        <v>102701</v>
      </c>
      <c r="BP21" s="318">
        <v>28080</v>
      </c>
      <c r="BQ21" s="319">
        <v>21992</v>
      </c>
      <c r="BR21" s="320">
        <v>50072</v>
      </c>
      <c r="BS21" s="318">
        <v>0</v>
      </c>
      <c r="BT21" s="319">
        <v>209848</v>
      </c>
      <c r="BU21" s="319">
        <v>182472</v>
      </c>
      <c r="BV21" s="319">
        <v>244208</v>
      </c>
      <c r="BW21" s="319">
        <v>339160</v>
      </c>
      <c r="BX21" s="319">
        <v>190672</v>
      </c>
      <c r="BY21" s="320">
        <v>1166360</v>
      </c>
      <c r="BZ21" s="322">
        <v>1216432</v>
      </c>
      <c r="CA21" s="318">
        <v>41930</v>
      </c>
      <c r="CB21" s="319">
        <v>113553</v>
      </c>
      <c r="CC21" s="320">
        <v>155483</v>
      </c>
      <c r="CD21" s="318">
        <v>0</v>
      </c>
      <c r="CE21" s="319">
        <v>1795286</v>
      </c>
      <c r="CF21" s="319">
        <v>3154294</v>
      </c>
      <c r="CG21" s="319">
        <v>1384328</v>
      </c>
      <c r="CH21" s="319">
        <v>1848002</v>
      </c>
      <c r="CI21" s="319">
        <v>408172</v>
      </c>
      <c r="CJ21" s="320">
        <v>8590082</v>
      </c>
      <c r="CK21" s="322">
        <v>8745565</v>
      </c>
      <c r="CL21" s="318">
        <v>0</v>
      </c>
      <c r="CM21" s="319">
        <v>0</v>
      </c>
      <c r="CN21" s="320">
        <v>0</v>
      </c>
      <c r="CO21" s="324">
        <v>0</v>
      </c>
      <c r="CP21" s="319">
        <v>992329</v>
      </c>
      <c r="CQ21" s="319">
        <v>1569405</v>
      </c>
      <c r="CR21" s="319">
        <v>987775</v>
      </c>
      <c r="CS21" s="319">
        <v>1441683</v>
      </c>
      <c r="CT21" s="319">
        <v>328285</v>
      </c>
      <c r="CU21" s="320">
        <v>5319477</v>
      </c>
      <c r="CV21" s="322">
        <v>5319477</v>
      </c>
      <c r="CW21" s="318">
        <v>41930</v>
      </c>
      <c r="CX21" s="319">
        <v>113553</v>
      </c>
      <c r="CY21" s="320">
        <v>155483</v>
      </c>
      <c r="CZ21" s="318">
        <v>0</v>
      </c>
      <c r="DA21" s="319">
        <v>802957</v>
      </c>
      <c r="DB21" s="319">
        <v>1584889</v>
      </c>
      <c r="DC21" s="319">
        <v>396553</v>
      </c>
      <c r="DD21" s="319">
        <v>406319</v>
      </c>
      <c r="DE21" s="319">
        <v>79887</v>
      </c>
      <c r="DF21" s="320">
        <v>3270605</v>
      </c>
      <c r="DG21" s="322">
        <v>3426088</v>
      </c>
      <c r="DH21" s="318">
        <v>0</v>
      </c>
      <c r="DI21" s="319">
        <v>27665</v>
      </c>
      <c r="DJ21" s="323">
        <v>27665</v>
      </c>
      <c r="DK21" s="324">
        <v>0</v>
      </c>
      <c r="DL21" s="319">
        <v>15660</v>
      </c>
      <c r="DM21" s="319">
        <v>604911</v>
      </c>
      <c r="DN21" s="319">
        <v>212826</v>
      </c>
      <c r="DO21" s="319">
        <v>159314</v>
      </c>
      <c r="DP21" s="319">
        <v>0</v>
      </c>
      <c r="DQ21" s="320">
        <v>992711</v>
      </c>
      <c r="DR21" s="322">
        <v>1020376</v>
      </c>
      <c r="DS21" s="318">
        <v>0</v>
      </c>
      <c r="DT21" s="319">
        <v>27665</v>
      </c>
      <c r="DU21" s="320">
        <v>27665</v>
      </c>
      <c r="DV21" s="318">
        <v>0</v>
      </c>
      <c r="DW21" s="319">
        <v>15660</v>
      </c>
      <c r="DX21" s="319">
        <v>604911</v>
      </c>
      <c r="DY21" s="319">
        <v>335018</v>
      </c>
      <c r="DZ21" s="319">
        <v>75559</v>
      </c>
      <c r="EA21" s="319">
        <v>0</v>
      </c>
      <c r="EB21" s="320">
        <v>1031148</v>
      </c>
      <c r="EC21" s="322">
        <v>1058813</v>
      </c>
      <c r="ED21" s="318">
        <v>0</v>
      </c>
      <c r="EE21" s="323">
        <v>0</v>
      </c>
      <c r="EF21" s="320">
        <v>0</v>
      </c>
      <c r="EG21" s="318">
        <v>0</v>
      </c>
      <c r="EH21" s="319">
        <v>0</v>
      </c>
      <c r="EI21" s="319">
        <v>0</v>
      </c>
      <c r="EJ21" s="319">
        <v>-122192</v>
      </c>
      <c r="EK21" s="319">
        <v>83755</v>
      </c>
      <c r="EL21" s="319">
        <v>0</v>
      </c>
      <c r="EM21" s="323">
        <v>-38437</v>
      </c>
      <c r="EN21" s="322">
        <v>-38437</v>
      </c>
      <c r="EO21" s="318">
        <v>0</v>
      </c>
      <c r="EP21" s="319">
        <v>0</v>
      </c>
      <c r="EQ21" s="323">
        <v>0</v>
      </c>
      <c r="ER21" s="324">
        <v>0</v>
      </c>
      <c r="ES21" s="319">
        <v>0</v>
      </c>
      <c r="ET21" s="319">
        <v>0</v>
      </c>
      <c r="EU21" s="319">
        <v>0</v>
      </c>
      <c r="EV21" s="319">
        <v>0</v>
      </c>
      <c r="EW21" s="319">
        <v>0</v>
      </c>
      <c r="EX21" s="320">
        <v>0</v>
      </c>
      <c r="EY21" s="322">
        <v>0</v>
      </c>
      <c r="EZ21" s="318">
        <v>0</v>
      </c>
      <c r="FA21" s="319">
        <v>0</v>
      </c>
      <c r="FB21" s="323">
        <v>0</v>
      </c>
      <c r="FC21" s="325"/>
      <c r="FD21" s="319">
        <v>0</v>
      </c>
      <c r="FE21" s="319">
        <v>0</v>
      </c>
      <c r="FF21" s="319">
        <v>0</v>
      </c>
      <c r="FG21" s="319">
        <v>0</v>
      </c>
      <c r="FH21" s="319">
        <v>0</v>
      </c>
      <c r="FI21" s="320">
        <v>0</v>
      </c>
      <c r="FJ21" s="322">
        <v>0</v>
      </c>
      <c r="FK21" s="318">
        <v>139536</v>
      </c>
      <c r="FL21" s="319">
        <v>125080</v>
      </c>
      <c r="FM21" s="320">
        <v>264616</v>
      </c>
      <c r="FN21" s="318">
        <v>0</v>
      </c>
      <c r="FO21" s="319">
        <v>190920</v>
      </c>
      <c r="FP21" s="319">
        <v>963960</v>
      </c>
      <c r="FQ21" s="319">
        <v>433090</v>
      </c>
      <c r="FR21" s="319">
        <v>347712</v>
      </c>
      <c r="FS21" s="319">
        <v>286096</v>
      </c>
      <c r="FT21" s="320">
        <v>2221778</v>
      </c>
      <c r="FU21" s="322">
        <v>2486394</v>
      </c>
      <c r="FV21" s="326">
        <v>61056</v>
      </c>
      <c r="FW21" s="319">
        <v>58680</v>
      </c>
      <c r="FX21" s="323">
        <v>119736</v>
      </c>
      <c r="FY21" s="324">
        <v>0</v>
      </c>
      <c r="FZ21" s="319">
        <v>114120</v>
      </c>
      <c r="GA21" s="319">
        <v>612400</v>
      </c>
      <c r="GB21" s="319">
        <v>316760</v>
      </c>
      <c r="GC21" s="319">
        <v>299136</v>
      </c>
      <c r="GD21" s="319">
        <v>267088</v>
      </c>
      <c r="GE21" s="320">
        <v>1609504</v>
      </c>
      <c r="GF21" s="327">
        <v>1729240</v>
      </c>
      <c r="GG21" s="326">
        <v>21120</v>
      </c>
      <c r="GH21" s="319">
        <v>26400</v>
      </c>
      <c r="GI21" s="323">
        <v>47520</v>
      </c>
      <c r="GJ21" s="324">
        <v>0</v>
      </c>
      <c r="GK21" s="319">
        <v>0</v>
      </c>
      <c r="GL21" s="319">
        <v>65560</v>
      </c>
      <c r="GM21" s="319">
        <v>0</v>
      </c>
      <c r="GN21" s="319">
        <v>48576</v>
      </c>
      <c r="GO21" s="319">
        <v>19008</v>
      </c>
      <c r="GP21" s="320">
        <v>133144</v>
      </c>
      <c r="GQ21" s="322">
        <v>180664</v>
      </c>
      <c r="GR21" s="318">
        <v>57360</v>
      </c>
      <c r="GS21" s="319">
        <v>40000</v>
      </c>
      <c r="GT21" s="320">
        <v>97360</v>
      </c>
      <c r="GU21" s="318">
        <v>0</v>
      </c>
      <c r="GV21" s="319">
        <v>76800</v>
      </c>
      <c r="GW21" s="319">
        <v>286000</v>
      </c>
      <c r="GX21" s="319">
        <v>116330</v>
      </c>
      <c r="GY21" s="319">
        <v>0</v>
      </c>
      <c r="GZ21" s="319">
        <v>0</v>
      </c>
      <c r="HA21" s="323">
        <v>479130</v>
      </c>
      <c r="HB21" s="322">
        <v>576490</v>
      </c>
      <c r="HC21" s="318">
        <v>138561</v>
      </c>
      <c r="HD21" s="319">
        <v>257111</v>
      </c>
      <c r="HE21" s="323">
        <v>395672</v>
      </c>
      <c r="HF21" s="324">
        <v>0</v>
      </c>
      <c r="HG21" s="319">
        <v>1253789</v>
      </c>
      <c r="HH21" s="319">
        <v>1412446</v>
      </c>
      <c r="HI21" s="319">
        <v>1924469</v>
      </c>
      <c r="HJ21" s="319">
        <v>3523276</v>
      </c>
      <c r="HK21" s="319">
        <v>1747130</v>
      </c>
      <c r="HL21" s="320">
        <v>9861110</v>
      </c>
      <c r="HM21" s="321">
        <v>10256782</v>
      </c>
      <c r="HN21" s="411"/>
      <c r="HO21" s="412"/>
      <c r="HP21" s="413"/>
      <c r="HQ21" s="414"/>
      <c r="HR21" s="412"/>
      <c r="HS21" s="412"/>
      <c r="HT21" s="412"/>
      <c r="HU21" s="412"/>
      <c r="HV21" s="412"/>
      <c r="HW21" s="415"/>
      <c r="HX21" s="416"/>
      <c r="HY21" s="328">
        <v>0</v>
      </c>
      <c r="HZ21" s="329">
        <v>0</v>
      </c>
      <c r="IA21" s="330">
        <v>0</v>
      </c>
      <c r="IB21" s="353">
        <v>0</v>
      </c>
      <c r="IC21" s="329">
        <v>876136</v>
      </c>
      <c r="ID21" s="354">
        <v>2476230</v>
      </c>
      <c r="IE21" s="330">
        <v>1257640</v>
      </c>
      <c r="IF21" s="329">
        <v>687830</v>
      </c>
      <c r="IG21" s="330">
        <v>1346387</v>
      </c>
      <c r="IH21" s="355">
        <v>6644223</v>
      </c>
      <c r="II21" s="336">
        <v>6644223</v>
      </c>
      <c r="IJ21" s="337">
        <v>0</v>
      </c>
      <c r="IK21" s="338">
        <v>0</v>
      </c>
      <c r="IL21" s="339">
        <v>0</v>
      </c>
      <c r="IM21" s="340"/>
      <c r="IN21" s="341">
        <v>0</v>
      </c>
      <c r="IO21" s="341">
        <v>207572</v>
      </c>
      <c r="IP21" s="341">
        <v>0</v>
      </c>
      <c r="IQ21" s="341">
        <v>188168</v>
      </c>
      <c r="IR21" s="341">
        <v>663723</v>
      </c>
      <c r="IS21" s="342">
        <v>1059463</v>
      </c>
      <c r="IT21" s="343">
        <v>1059463</v>
      </c>
      <c r="IU21" s="344">
        <v>0</v>
      </c>
      <c r="IV21" s="341">
        <v>0</v>
      </c>
      <c r="IW21" s="345">
        <v>0</v>
      </c>
      <c r="IX21" s="340"/>
      <c r="IY21" s="341">
        <v>0</v>
      </c>
      <c r="IZ21" s="341">
        <v>0</v>
      </c>
      <c r="JA21" s="341">
        <v>0</v>
      </c>
      <c r="JB21" s="341">
        <v>0</v>
      </c>
      <c r="JC21" s="341">
        <v>0</v>
      </c>
      <c r="JD21" s="345">
        <v>0</v>
      </c>
      <c r="JE21" s="347">
        <v>0</v>
      </c>
      <c r="JF21" s="344">
        <v>0</v>
      </c>
      <c r="JG21" s="341">
        <v>0</v>
      </c>
      <c r="JH21" s="342">
        <v>0</v>
      </c>
      <c r="JI21" s="348">
        <v>0</v>
      </c>
      <c r="JJ21" s="341">
        <v>440886</v>
      </c>
      <c r="JK21" s="341">
        <v>558482</v>
      </c>
      <c r="JL21" s="341">
        <v>168368</v>
      </c>
      <c r="JM21" s="341">
        <v>255089</v>
      </c>
      <c r="JN21" s="341">
        <v>186206</v>
      </c>
      <c r="JO21" s="345">
        <v>1609031</v>
      </c>
      <c r="JP21" s="343">
        <v>1609031</v>
      </c>
      <c r="JQ21" s="344">
        <v>0</v>
      </c>
      <c r="JR21" s="341">
        <v>0</v>
      </c>
      <c r="JS21" s="342">
        <v>0</v>
      </c>
      <c r="JT21" s="348">
        <v>0</v>
      </c>
      <c r="JU21" s="341">
        <v>210987</v>
      </c>
      <c r="JV21" s="341">
        <v>0</v>
      </c>
      <c r="JW21" s="341">
        <v>138636</v>
      </c>
      <c r="JX21" s="341">
        <v>0</v>
      </c>
      <c r="JY21" s="341">
        <v>0</v>
      </c>
      <c r="JZ21" s="345">
        <v>349623</v>
      </c>
      <c r="KA21" s="343">
        <v>349623</v>
      </c>
      <c r="KB21" s="349">
        <v>0</v>
      </c>
      <c r="KC21" s="350">
        <v>0</v>
      </c>
      <c r="KD21" s="345">
        <v>0</v>
      </c>
      <c r="KE21" s="348">
        <v>0</v>
      </c>
      <c r="KF21" s="341">
        <v>0</v>
      </c>
      <c r="KG21" s="341">
        <v>150222</v>
      </c>
      <c r="KH21" s="341">
        <v>474988</v>
      </c>
      <c r="KI21" s="341">
        <v>0</v>
      </c>
      <c r="KJ21" s="341">
        <v>0</v>
      </c>
      <c r="KK21" s="345">
        <v>625210</v>
      </c>
      <c r="KL21" s="351">
        <v>625210</v>
      </c>
      <c r="KM21" s="337">
        <v>0</v>
      </c>
      <c r="KN21" s="338">
        <v>0</v>
      </c>
      <c r="KO21" s="339">
        <v>0</v>
      </c>
      <c r="KP21" s="340"/>
      <c r="KQ21" s="341">
        <v>224263</v>
      </c>
      <c r="KR21" s="341">
        <v>1391196</v>
      </c>
      <c r="KS21" s="341">
        <v>239257</v>
      </c>
      <c r="KT21" s="341">
        <v>244573</v>
      </c>
      <c r="KU21" s="341">
        <v>496458</v>
      </c>
      <c r="KV21" s="345">
        <v>2595747</v>
      </c>
      <c r="KW21" s="343">
        <v>2595747</v>
      </c>
      <c r="KX21" s="344">
        <v>0</v>
      </c>
      <c r="KY21" s="341">
        <v>0</v>
      </c>
      <c r="KZ21" s="345">
        <v>0</v>
      </c>
      <c r="LA21" s="340"/>
      <c r="LB21" s="341">
        <v>0</v>
      </c>
      <c r="LC21" s="341">
        <v>0</v>
      </c>
      <c r="LD21" s="341">
        <v>0</v>
      </c>
      <c r="LE21" s="341">
        <v>0</v>
      </c>
      <c r="LF21" s="341">
        <v>0</v>
      </c>
      <c r="LG21" s="345">
        <v>0</v>
      </c>
      <c r="LH21" s="347">
        <v>0</v>
      </c>
      <c r="LI21" s="344">
        <v>0</v>
      </c>
      <c r="LJ21" s="341">
        <v>0</v>
      </c>
      <c r="LK21" s="345">
        <v>0</v>
      </c>
      <c r="LL21" s="340"/>
      <c r="LM21" s="341">
        <v>0</v>
      </c>
      <c r="LN21" s="341">
        <v>0</v>
      </c>
      <c r="LO21" s="341">
        <v>0</v>
      </c>
      <c r="LP21" s="341">
        <v>0</v>
      </c>
      <c r="LQ21" s="341">
        <v>0</v>
      </c>
      <c r="LR21" s="345">
        <v>0</v>
      </c>
      <c r="LS21" s="343">
        <v>0</v>
      </c>
      <c r="LT21" s="344">
        <v>0</v>
      </c>
      <c r="LU21" s="341">
        <v>0</v>
      </c>
      <c r="LV21" s="345">
        <v>0</v>
      </c>
      <c r="LW21" s="340"/>
      <c r="LX21" s="341">
        <v>0</v>
      </c>
      <c r="LY21" s="341">
        <v>168758</v>
      </c>
      <c r="LZ21" s="341">
        <v>236391</v>
      </c>
      <c r="MA21" s="341">
        <v>0</v>
      </c>
      <c r="MB21" s="341">
        <v>0</v>
      </c>
      <c r="MC21" s="345">
        <v>405149</v>
      </c>
      <c r="MD21" s="347">
        <v>405149</v>
      </c>
      <c r="ME21" s="344">
        <v>0</v>
      </c>
      <c r="MF21" s="341">
        <v>0</v>
      </c>
      <c r="MG21" s="345">
        <v>0</v>
      </c>
      <c r="MH21" s="340"/>
      <c r="MI21" s="341">
        <v>225734</v>
      </c>
      <c r="MJ21" s="341">
        <v>806143</v>
      </c>
      <c r="MK21" s="341">
        <v>1584829</v>
      </c>
      <c r="ML21" s="341">
        <v>4188073</v>
      </c>
      <c r="MM21" s="341">
        <v>2362915</v>
      </c>
      <c r="MN21" s="345">
        <v>9167694</v>
      </c>
      <c r="MO21" s="351">
        <v>9167694</v>
      </c>
      <c r="MP21" s="344">
        <v>0</v>
      </c>
      <c r="MQ21" s="341">
        <v>0</v>
      </c>
      <c r="MR21" s="345">
        <v>0</v>
      </c>
      <c r="MS21" s="340"/>
      <c r="MT21" s="341">
        <v>0</v>
      </c>
      <c r="MU21" s="341">
        <v>202277</v>
      </c>
      <c r="MV21" s="341">
        <v>450942</v>
      </c>
      <c r="MW21" s="341">
        <v>2485653</v>
      </c>
      <c r="MX21" s="341">
        <v>1376084</v>
      </c>
      <c r="MY21" s="345">
        <v>4514956</v>
      </c>
      <c r="MZ21" s="351">
        <v>4514956</v>
      </c>
      <c r="NA21" s="344">
        <v>0</v>
      </c>
      <c r="NB21" s="341">
        <v>0</v>
      </c>
      <c r="NC21" s="345">
        <v>0</v>
      </c>
      <c r="ND21" s="340"/>
      <c r="NE21" s="341">
        <v>225734</v>
      </c>
      <c r="NF21" s="341">
        <v>603866</v>
      </c>
      <c r="NG21" s="341">
        <v>1133887</v>
      </c>
      <c r="NH21" s="341">
        <v>1702420</v>
      </c>
      <c r="NI21" s="341">
        <v>597655</v>
      </c>
      <c r="NJ21" s="345">
        <v>4263562</v>
      </c>
      <c r="NK21" s="343">
        <v>4263562</v>
      </c>
      <c r="NL21" s="344">
        <v>0</v>
      </c>
      <c r="NM21" s="341">
        <v>0</v>
      </c>
      <c r="NN21" s="345">
        <v>0</v>
      </c>
      <c r="NO21" s="340"/>
      <c r="NP21" s="341">
        <v>0</v>
      </c>
      <c r="NQ21" s="341">
        <v>0</v>
      </c>
      <c r="NR21" s="341">
        <v>0</v>
      </c>
      <c r="NS21" s="341">
        <v>0</v>
      </c>
      <c r="NT21" s="341">
        <v>0</v>
      </c>
      <c r="NU21" s="345">
        <v>0</v>
      </c>
      <c r="NV21" s="347">
        <v>0</v>
      </c>
      <c r="NW21" s="344">
        <v>0</v>
      </c>
      <c r="NX21" s="341">
        <v>0</v>
      </c>
      <c r="NY21" s="345">
        <v>0</v>
      </c>
      <c r="NZ21" s="340"/>
      <c r="OA21" s="341">
        <v>0</v>
      </c>
      <c r="OB21" s="341">
        <v>0</v>
      </c>
      <c r="OC21" s="341">
        <v>0</v>
      </c>
      <c r="OD21" s="341">
        <v>0</v>
      </c>
      <c r="OE21" s="341">
        <v>389176</v>
      </c>
      <c r="OF21" s="345">
        <v>389176</v>
      </c>
      <c r="OG21" s="347">
        <v>389176</v>
      </c>
      <c r="OH21" s="344">
        <v>382267</v>
      </c>
      <c r="OI21" s="341">
        <v>637019</v>
      </c>
      <c r="OJ21" s="342">
        <v>1019286</v>
      </c>
      <c r="OK21" s="348">
        <v>0</v>
      </c>
      <c r="OL21" s="341">
        <v>5311003</v>
      </c>
      <c r="OM21" s="341">
        <v>10799816</v>
      </c>
      <c r="ON21" s="341">
        <v>8013817</v>
      </c>
      <c r="OO21" s="341">
        <v>12438065</v>
      </c>
      <c r="OP21" s="341">
        <v>7225952</v>
      </c>
      <c r="OQ21" s="345">
        <v>43788653</v>
      </c>
      <c r="OR21" s="351">
        <v>44807939</v>
      </c>
    </row>
    <row r="22" spans="1:408" ht="20.25" customHeight="1" x14ac:dyDescent="0.2">
      <c r="A22" s="111" t="s">
        <v>17</v>
      </c>
      <c r="B22" s="318">
        <v>275093</v>
      </c>
      <c r="C22" s="319">
        <v>615414</v>
      </c>
      <c r="D22" s="320">
        <v>890507</v>
      </c>
      <c r="E22" s="321">
        <v>0</v>
      </c>
      <c r="F22" s="319">
        <v>3746795</v>
      </c>
      <c r="G22" s="319">
        <v>6637406</v>
      </c>
      <c r="H22" s="319">
        <v>6398447</v>
      </c>
      <c r="I22" s="319">
        <v>6076742</v>
      </c>
      <c r="J22" s="319">
        <v>4801166</v>
      </c>
      <c r="K22" s="321">
        <v>27660556</v>
      </c>
      <c r="L22" s="322">
        <v>28551063</v>
      </c>
      <c r="M22" s="318">
        <v>59254</v>
      </c>
      <c r="N22" s="319">
        <v>164157</v>
      </c>
      <c r="O22" s="320">
        <v>223411</v>
      </c>
      <c r="P22" s="318">
        <v>0</v>
      </c>
      <c r="Q22" s="319">
        <v>674951</v>
      </c>
      <c r="R22" s="319">
        <v>2116019</v>
      </c>
      <c r="S22" s="319">
        <v>1885878</v>
      </c>
      <c r="T22" s="319">
        <v>1918907</v>
      </c>
      <c r="U22" s="319">
        <v>2990353</v>
      </c>
      <c r="V22" s="320">
        <v>9586108</v>
      </c>
      <c r="W22" s="322">
        <v>9809519</v>
      </c>
      <c r="X22" s="318">
        <v>0</v>
      </c>
      <c r="Y22" s="319">
        <v>0</v>
      </c>
      <c r="Z22" s="320">
        <v>0</v>
      </c>
      <c r="AA22" s="318">
        <v>0</v>
      </c>
      <c r="AB22" s="319">
        <v>223279</v>
      </c>
      <c r="AC22" s="319">
        <v>1117750</v>
      </c>
      <c r="AD22" s="319">
        <v>1244653</v>
      </c>
      <c r="AE22" s="319">
        <v>1043528</v>
      </c>
      <c r="AF22" s="319">
        <v>1843944</v>
      </c>
      <c r="AG22" s="320">
        <v>5473154</v>
      </c>
      <c r="AH22" s="322">
        <v>5473154</v>
      </c>
      <c r="AI22" s="318">
        <v>0</v>
      </c>
      <c r="AJ22" s="319">
        <v>0</v>
      </c>
      <c r="AK22" s="320">
        <v>0</v>
      </c>
      <c r="AL22" s="318">
        <v>0</v>
      </c>
      <c r="AM22" s="319">
        <v>0</v>
      </c>
      <c r="AN22" s="319">
        <v>11724</v>
      </c>
      <c r="AO22" s="319">
        <v>0</v>
      </c>
      <c r="AP22" s="319">
        <v>0</v>
      </c>
      <c r="AQ22" s="319">
        <v>349279</v>
      </c>
      <c r="AR22" s="320">
        <v>361003</v>
      </c>
      <c r="AS22" s="322">
        <v>361003</v>
      </c>
      <c r="AT22" s="318">
        <v>0</v>
      </c>
      <c r="AU22" s="319">
        <v>145269</v>
      </c>
      <c r="AV22" s="320">
        <v>145269</v>
      </c>
      <c r="AW22" s="318">
        <v>0</v>
      </c>
      <c r="AX22" s="319">
        <v>311576</v>
      </c>
      <c r="AY22" s="319">
        <v>523676</v>
      </c>
      <c r="AZ22" s="319">
        <v>372377</v>
      </c>
      <c r="BA22" s="319">
        <v>582975</v>
      </c>
      <c r="BB22" s="319">
        <v>569325</v>
      </c>
      <c r="BC22" s="320">
        <v>2359929</v>
      </c>
      <c r="BD22" s="322">
        <v>2505198</v>
      </c>
      <c r="BE22" s="318">
        <v>43782</v>
      </c>
      <c r="BF22" s="319">
        <v>0</v>
      </c>
      <c r="BG22" s="323">
        <v>43782</v>
      </c>
      <c r="BH22" s="324">
        <v>0</v>
      </c>
      <c r="BI22" s="319">
        <v>0</v>
      </c>
      <c r="BJ22" s="319">
        <v>91461</v>
      </c>
      <c r="BK22" s="319">
        <v>0</v>
      </c>
      <c r="BL22" s="319">
        <v>43108</v>
      </c>
      <c r="BM22" s="319">
        <v>39501</v>
      </c>
      <c r="BN22" s="320">
        <v>174070</v>
      </c>
      <c r="BO22" s="322">
        <v>217852</v>
      </c>
      <c r="BP22" s="318">
        <v>15472</v>
      </c>
      <c r="BQ22" s="319">
        <v>18888</v>
      </c>
      <c r="BR22" s="320">
        <v>34360</v>
      </c>
      <c r="BS22" s="318">
        <v>0</v>
      </c>
      <c r="BT22" s="319">
        <v>140096</v>
      </c>
      <c r="BU22" s="319">
        <v>371408</v>
      </c>
      <c r="BV22" s="319">
        <v>268848</v>
      </c>
      <c r="BW22" s="319">
        <v>249296</v>
      </c>
      <c r="BX22" s="319">
        <v>188304</v>
      </c>
      <c r="BY22" s="320">
        <v>1217952</v>
      </c>
      <c r="BZ22" s="322">
        <v>1252312</v>
      </c>
      <c r="CA22" s="318">
        <v>86199</v>
      </c>
      <c r="CB22" s="319">
        <v>183691</v>
      </c>
      <c r="CC22" s="320">
        <v>269890</v>
      </c>
      <c r="CD22" s="318">
        <v>0</v>
      </c>
      <c r="CE22" s="319">
        <v>1840701</v>
      </c>
      <c r="CF22" s="319">
        <v>2353609</v>
      </c>
      <c r="CG22" s="319">
        <v>1634014</v>
      </c>
      <c r="CH22" s="319">
        <v>1179164</v>
      </c>
      <c r="CI22" s="319">
        <v>390637</v>
      </c>
      <c r="CJ22" s="320">
        <v>7398125</v>
      </c>
      <c r="CK22" s="322">
        <v>7668015</v>
      </c>
      <c r="CL22" s="318">
        <v>0</v>
      </c>
      <c r="CM22" s="319">
        <v>0</v>
      </c>
      <c r="CN22" s="320">
        <v>0</v>
      </c>
      <c r="CO22" s="324">
        <v>0</v>
      </c>
      <c r="CP22" s="319">
        <v>1463771</v>
      </c>
      <c r="CQ22" s="319">
        <v>1490404</v>
      </c>
      <c r="CR22" s="319">
        <v>1324103</v>
      </c>
      <c r="CS22" s="319">
        <v>1008999</v>
      </c>
      <c r="CT22" s="319">
        <v>321953</v>
      </c>
      <c r="CU22" s="320">
        <v>5609230</v>
      </c>
      <c r="CV22" s="322">
        <v>5609230</v>
      </c>
      <c r="CW22" s="318">
        <v>86199</v>
      </c>
      <c r="CX22" s="319">
        <v>183691</v>
      </c>
      <c r="CY22" s="320">
        <v>269890</v>
      </c>
      <c r="CZ22" s="318">
        <v>0</v>
      </c>
      <c r="DA22" s="319">
        <v>376930</v>
      </c>
      <c r="DB22" s="319">
        <v>863205</v>
      </c>
      <c r="DC22" s="319">
        <v>309911</v>
      </c>
      <c r="DD22" s="319">
        <v>170165</v>
      </c>
      <c r="DE22" s="319">
        <v>68684</v>
      </c>
      <c r="DF22" s="320">
        <v>1788895</v>
      </c>
      <c r="DG22" s="322">
        <v>2058785</v>
      </c>
      <c r="DH22" s="318">
        <v>0</v>
      </c>
      <c r="DI22" s="319">
        <v>0</v>
      </c>
      <c r="DJ22" s="323">
        <v>0</v>
      </c>
      <c r="DK22" s="324">
        <v>0</v>
      </c>
      <c r="DL22" s="319">
        <v>93700</v>
      </c>
      <c r="DM22" s="319">
        <v>400295</v>
      </c>
      <c r="DN22" s="319">
        <v>1206848</v>
      </c>
      <c r="DO22" s="319">
        <v>1073880</v>
      </c>
      <c r="DP22" s="319">
        <v>289028</v>
      </c>
      <c r="DQ22" s="320">
        <v>3063751</v>
      </c>
      <c r="DR22" s="322">
        <v>3063751</v>
      </c>
      <c r="DS22" s="318">
        <v>0</v>
      </c>
      <c r="DT22" s="319">
        <v>0</v>
      </c>
      <c r="DU22" s="320">
        <v>0</v>
      </c>
      <c r="DV22" s="318">
        <v>0</v>
      </c>
      <c r="DW22" s="319">
        <v>48412</v>
      </c>
      <c r="DX22" s="319">
        <v>201036</v>
      </c>
      <c r="DY22" s="319">
        <v>1206848</v>
      </c>
      <c r="DZ22" s="319">
        <v>1073880</v>
      </c>
      <c r="EA22" s="319">
        <v>289028</v>
      </c>
      <c r="EB22" s="320">
        <v>2819204</v>
      </c>
      <c r="EC22" s="322">
        <v>2819204</v>
      </c>
      <c r="ED22" s="318">
        <v>0</v>
      </c>
      <c r="EE22" s="323">
        <v>0</v>
      </c>
      <c r="EF22" s="320">
        <v>0</v>
      </c>
      <c r="EG22" s="318">
        <v>0</v>
      </c>
      <c r="EH22" s="319">
        <v>45288</v>
      </c>
      <c r="EI22" s="319">
        <v>199259</v>
      </c>
      <c r="EJ22" s="319">
        <v>0</v>
      </c>
      <c r="EK22" s="319">
        <v>0</v>
      </c>
      <c r="EL22" s="319">
        <v>0</v>
      </c>
      <c r="EM22" s="323">
        <v>244547</v>
      </c>
      <c r="EN22" s="322">
        <v>244547</v>
      </c>
      <c r="EO22" s="318">
        <v>0</v>
      </c>
      <c r="EP22" s="319">
        <v>0</v>
      </c>
      <c r="EQ22" s="323">
        <v>0</v>
      </c>
      <c r="ER22" s="324">
        <v>0</v>
      </c>
      <c r="ES22" s="319">
        <v>0</v>
      </c>
      <c r="ET22" s="319">
        <v>0</v>
      </c>
      <c r="EU22" s="319">
        <v>0</v>
      </c>
      <c r="EV22" s="319">
        <v>0</v>
      </c>
      <c r="EW22" s="319">
        <v>0</v>
      </c>
      <c r="EX22" s="320">
        <v>0</v>
      </c>
      <c r="EY22" s="322">
        <v>0</v>
      </c>
      <c r="EZ22" s="318">
        <v>0</v>
      </c>
      <c r="FA22" s="319">
        <v>0</v>
      </c>
      <c r="FB22" s="323">
        <v>0</v>
      </c>
      <c r="FC22" s="325"/>
      <c r="FD22" s="319">
        <v>0</v>
      </c>
      <c r="FE22" s="319">
        <v>0</v>
      </c>
      <c r="FF22" s="319">
        <v>0</v>
      </c>
      <c r="FG22" s="319">
        <v>0</v>
      </c>
      <c r="FH22" s="319">
        <v>0</v>
      </c>
      <c r="FI22" s="320">
        <v>0</v>
      </c>
      <c r="FJ22" s="322">
        <v>0</v>
      </c>
      <c r="FK22" s="318">
        <v>19600</v>
      </c>
      <c r="FL22" s="319">
        <v>178272</v>
      </c>
      <c r="FM22" s="320">
        <v>197872</v>
      </c>
      <c r="FN22" s="318">
        <v>0</v>
      </c>
      <c r="FO22" s="319">
        <v>204640</v>
      </c>
      <c r="FP22" s="319">
        <v>733978</v>
      </c>
      <c r="FQ22" s="319">
        <v>511448</v>
      </c>
      <c r="FR22" s="319">
        <v>458744</v>
      </c>
      <c r="FS22" s="319">
        <v>366824</v>
      </c>
      <c r="FT22" s="320">
        <v>2275634</v>
      </c>
      <c r="FU22" s="322">
        <v>2473506</v>
      </c>
      <c r="FV22" s="326">
        <v>19600</v>
      </c>
      <c r="FW22" s="319">
        <v>138176</v>
      </c>
      <c r="FX22" s="323">
        <v>157776</v>
      </c>
      <c r="FY22" s="324">
        <v>0</v>
      </c>
      <c r="FZ22" s="319">
        <v>182816</v>
      </c>
      <c r="GA22" s="319">
        <v>685178</v>
      </c>
      <c r="GB22" s="319">
        <v>511448</v>
      </c>
      <c r="GC22" s="319">
        <v>458744</v>
      </c>
      <c r="GD22" s="319">
        <v>366824</v>
      </c>
      <c r="GE22" s="320">
        <v>2205010</v>
      </c>
      <c r="GF22" s="327">
        <v>2362786</v>
      </c>
      <c r="GG22" s="326">
        <v>0</v>
      </c>
      <c r="GH22" s="319">
        <v>40096</v>
      </c>
      <c r="GI22" s="323">
        <v>40096</v>
      </c>
      <c r="GJ22" s="324">
        <v>0</v>
      </c>
      <c r="GK22" s="319">
        <v>21824</v>
      </c>
      <c r="GL22" s="319">
        <v>0</v>
      </c>
      <c r="GM22" s="319">
        <v>0</v>
      </c>
      <c r="GN22" s="319">
        <v>0</v>
      </c>
      <c r="GO22" s="319">
        <v>0</v>
      </c>
      <c r="GP22" s="320">
        <v>21824</v>
      </c>
      <c r="GQ22" s="322">
        <v>61920</v>
      </c>
      <c r="GR22" s="318">
        <v>0</v>
      </c>
      <c r="GS22" s="319">
        <v>0</v>
      </c>
      <c r="GT22" s="320">
        <v>0</v>
      </c>
      <c r="GU22" s="318">
        <v>0</v>
      </c>
      <c r="GV22" s="319">
        <v>0</v>
      </c>
      <c r="GW22" s="319">
        <v>48800</v>
      </c>
      <c r="GX22" s="319">
        <v>0</v>
      </c>
      <c r="GY22" s="319">
        <v>0</v>
      </c>
      <c r="GZ22" s="319">
        <v>0</v>
      </c>
      <c r="HA22" s="323">
        <v>48800</v>
      </c>
      <c r="HB22" s="322">
        <v>48800</v>
      </c>
      <c r="HC22" s="318">
        <v>110040</v>
      </c>
      <c r="HD22" s="319">
        <v>89294</v>
      </c>
      <c r="HE22" s="323">
        <v>199334</v>
      </c>
      <c r="HF22" s="324">
        <v>0</v>
      </c>
      <c r="HG22" s="319">
        <v>932803</v>
      </c>
      <c r="HH22" s="319">
        <v>1033505</v>
      </c>
      <c r="HI22" s="319">
        <v>1160259</v>
      </c>
      <c r="HJ22" s="319">
        <v>1446047</v>
      </c>
      <c r="HK22" s="319">
        <v>764324</v>
      </c>
      <c r="HL22" s="320">
        <v>5336938</v>
      </c>
      <c r="HM22" s="321">
        <v>5536272</v>
      </c>
      <c r="HN22" s="411"/>
      <c r="HO22" s="412"/>
      <c r="HP22" s="413"/>
      <c r="HQ22" s="414"/>
      <c r="HR22" s="412"/>
      <c r="HS22" s="412"/>
      <c r="HT22" s="412"/>
      <c r="HU22" s="412"/>
      <c r="HV22" s="412"/>
      <c r="HW22" s="415"/>
      <c r="HX22" s="416"/>
      <c r="HY22" s="357">
        <v>0</v>
      </c>
      <c r="HZ22" s="332">
        <v>0</v>
      </c>
      <c r="IA22" s="357">
        <v>0</v>
      </c>
      <c r="IB22" s="331">
        <v>0</v>
      </c>
      <c r="IC22" s="332">
        <v>1783114</v>
      </c>
      <c r="ID22" s="333">
        <v>1521971</v>
      </c>
      <c r="IE22" s="334">
        <v>2428624</v>
      </c>
      <c r="IF22" s="332">
        <v>952094</v>
      </c>
      <c r="IG22" s="334">
        <v>1164440</v>
      </c>
      <c r="IH22" s="335">
        <v>7850243</v>
      </c>
      <c r="II22" s="357">
        <v>7850243</v>
      </c>
      <c r="IJ22" s="337">
        <v>0</v>
      </c>
      <c r="IK22" s="338">
        <v>0</v>
      </c>
      <c r="IL22" s="339">
        <v>0</v>
      </c>
      <c r="IM22" s="340"/>
      <c r="IN22" s="341">
        <v>0</v>
      </c>
      <c r="IO22" s="341">
        <v>95897</v>
      </c>
      <c r="IP22" s="341">
        <v>0</v>
      </c>
      <c r="IQ22" s="341">
        <v>0</v>
      </c>
      <c r="IR22" s="341">
        <v>0</v>
      </c>
      <c r="IS22" s="342">
        <v>95897</v>
      </c>
      <c r="IT22" s="343">
        <v>95897</v>
      </c>
      <c r="IU22" s="344">
        <v>0</v>
      </c>
      <c r="IV22" s="341">
        <v>0</v>
      </c>
      <c r="IW22" s="345">
        <v>0</v>
      </c>
      <c r="IX22" s="340"/>
      <c r="IY22" s="341">
        <v>0</v>
      </c>
      <c r="IZ22" s="341">
        <v>0</v>
      </c>
      <c r="JA22" s="341">
        <v>0</v>
      </c>
      <c r="JB22" s="341">
        <v>0</v>
      </c>
      <c r="JC22" s="341">
        <v>0</v>
      </c>
      <c r="JD22" s="345">
        <v>0</v>
      </c>
      <c r="JE22" s="347">
        <v>0</v>
      </c>
      <c r="JF22" s="344">
        <v>0</v>
      </c>
      <c r="JG22" s="341">
        <v>0</v>
      </c>
      <c r="JH22" s="342">
        <v>0</v>
      </c>
      <c r="JI22" s="348">
        <v>0</v>
      </c>
      <c r="JJ22" s="341">
        <v>889801</v>
      </c>
      <c r="JK22" s="341">
        <v>463977</v>
      </c>
      <c r="JL22" s="341">
        <v>782142</v>
      </c>
      <c r="JM22" s="341">
        <v>701091</v>
      </c>
      <c r="JN22" s="341">
        <v>34098</v>
      </c>
      <c r="JO22" s="345">
        <v>2871109</v>
      </c>
      <c r="JP22" s="343">
        <v>2871109</v>
      </c>
      <c r="JQ22" s="344">
        <v>0</v>
      </c>
      <c r="JR22" s="341">
        <v>0</v>
      </c>
      <c r="JS22" s="342">
        <v>0</v>
      </c>
      <c r="JT22" s="348">
        <v>0</v>
      </c>
      <c r="JU22" s="341">
        <v>67567</v>
      </c>
      <c r="JV22" s="341">
        <v>0</v>
      </c>
      <c r="JW22" s="341">
        <v>204339</v>
      </c>
      <c r="JX22" s="341">
        <v>0</v>
      </c>
      <c r="JY22" s="341">
        <v>0</v>
      </c>
      <c r="JZ22" s="345">
        <v>271906</v>
      </c>
      <c r="KA22" s="343">
        <v>271906</v>
      </c>
      <c r="KB22" s="349">
        <v>0</v>
      </c>
      <c r="KC22" s="350">
        <v>0</v>
      </c>
      <c r="KD22" s="345">
        <v>0</v>
      </c>
      <c r="KE22" s="348">
        <v>0</v>
      </c>
      <c r="KF22" s="341">
        <v>0</v>
      </c>
      <c r="KG22" s="341">
        <v>479316</v>
      </c>
      <c r="KH22" s="341">
        <v>699387</v>
      </c>
      <c r="KI22" s="341">
        <v>0</v>
      </c>
      <c r="KJ22" s="341">
        <v>577643</v>
      </c>
      <c r="KK22" s="345">
        <v>1756346</v>
      </c>
      <c r="KL22" s="351">
        <v>1756346</v>
      </c>
      <c r="KM22" s="337">
        <v>0</v>
      </c>
      <c r="KN22" s="338">
        <v>0</v>
      </c>
      <c r="KO22" s="339">
        <v>0</v>
      </c>
      <c r="KP22" s="340"/>
      <c r="KQ22" s="341">
        <v>657592</v>
      </c>
      <c r="KR22" s="341">
        <v>482781</v>
      </c>
      <c r="KS22" s="341">
        <v>490615</v>
      </c>
      <c r="KT22" s="341">
        <v>251003</v>
      </c>
      <c r="KU22" s="341">
        <v>0</v>
      </c>
      <c r="KV22" s="345">
        <v>1881991</v>
      </c>
      <c r="KW22" s="343">
        <v>1881991</v>
      </c>
      <c r="KX22" s="344">
        <v>0</v>
      </c>
      <c r="KY22" s="341">
        <v>0</v>
      </c>
      <c r="KZ22" s="345">
        <v>0</v>
      </c>
      <c r="LA22" s="340"/>
      <c r="LB22" s="341">
        <v>0</v>
      </c>
      <c r="LC22" s="341">
        <v>0</v>
      </c>
      <c r="LD22" s="341">
        <v>0</v>
      </c>
      <c r="LE22" s="341">
        <v>0</v>
      </c>
      <c r="LF22" s="341">
        <v>0</v>
      </c>
      <c r="LG22" s="345">
        <v>0</v>
      </c>
      <c r="LH22" s="347">
        <v>0</v>
      </c>
      <c r="LI22" s="344">
        <v>0</v>
      </c>
      <c r="LJ22" s="341">
        <v>0</v>
      </c>
      <c r="LK22" s="345">
        <v>0</v>
      </c>
      <c r="LL22" s="340"/>
      <c r="LM22" s="341">
        <v>0</v>
      </c>
      <c r="LN22" s="341">
        <v>0</v>
      </c>
      <c r="LO22" s="341">
        <v>252141</v>
      </c>
      <c r="LP22" s="341">
        <v>0</v>
      </c>
      <c r="LQ22" s="341">
        <v>552699</v>
      </c>
      <c r="LR22" s="345">
        <v>804840</v>
      </c>
      <c r="LS22" s="343">
        <v>804840</v>
      </c>
      <c r="LT22" s="344">
        <v>0</v>
      </c>
      <c r="LU22" s="341">
        <v>0</v>
      </c>
      <c r="LV22" s="345">
        <v>0</v>
      </c>
      <c r="LW22" s="340"/>
      <c r="LX22" s="341">
        <v>168154</v>
      </c>
      <c r="LY22" s="341">
        <v>0</v>
      </c>
      <c r="LZ22" s="341">
        <v>0</v>
      </c>
      <c r="MA22" s="341">
        <v>0</v>
      </c>
      <c r="MB22" s="341">
        <v>0</v>
      </c>
      <c r="MC22" s="345">
        <v>168154</v>
      </c>
      <c r="MD22" s="347">
        <v>168154</v>
      </c>
      <c r="ME22" s="344">
        <v>0</v>
      </c>
      <c r="MF22" s="341">
        <v>0</v>
      </c>
      <c r="MG22" s="345">
        <v>0</v>
      </c>
      <c r="MH22" s="340"/>
      <c r="MI22" s="341">
        <v>0</v>
      </c>
      <c r="MJ22" s="341">
        <v>1447907</v>
      </c>
      <c r="MK22" s="341">
        <v>3101837</v>
      </c>
      <c r="ML22" s="341">
        <v>4585474</v>
      </c>
      <c r="MM22" s="341">
        <v>2665991</v>
      </c>
      <c r="MN22" s="345">
        <v>11801209</v>
      </c>
      <c r="MO22" s="351">
        <v>11801209</v>
      </c>
      <c r="MP22" s="344">
        <v>0</v>
      </c>
      <c r="MQ22" s="341">
        <v>0</v>
      </c>
      <c r="MR22" s="345">
        <v>0</v>
      </c>
      <c r="MS22" s="340"/>
      <c r="MT22" s="341">
        <v>0</v>
      </c>
      <c r="MU22" s="341">
        <v>231652</v>
      </c>
      <c r="MV22" s="341">
        <v>1786971</v>
      </c>
      <c r="MW22" s="341">
        <v>2846435</v>
      </c>
      <c r="MX22" s="341">
        <v>1195501</v>
      </c>
      <c r="MY22" s="345">
        <v>6060559</v>
      </c>
      <c r="MZ22" s="351">
        <v>6060559</v>
      </c>
      <c r="NA22" s="344">
        <v>0</v>
      </c>
      <c r="NB22" s="341">
        <v>0</v>
      </c>
      <c r="NC22" s="345">
        <v>0</v>
      </c>
      <c r="ND22" s="340"/>
      <c r="NE22" s="341">
        <v>0</v>
      </c>
      <c r="NF22" s="341">
        <v>1216255</v>
      </c>
      <c r="NG22" s="341">
        <v>1314866</v>
      </c>
      <c r="NH22" s="341">
        <v>1739039</v>
      </c>
      <c r="NI22" s="341">
        <v>1130668</v>
      </c>
      <c r="NJ22" s="345">
        <v>5400828</v>
      </c>
      <c r="NK22" s="343">
        <v>5400828</v>
      </c>
      <c r="NL22" s="344">
        <v>0</v>
      </c>
      <c r="NM22" s="341">
        <v>0</v>
      </c>
      <c r="NN22" s="345">
        <v>0</v>
      </c>
      <c r="NO22" s="340"/>
      <c r="NP22" s="341">
        <v>0</v>
      </c>
      <c r="NQ22" s="341">
        <v>0</v>
      </c>
      <c r="NR22" s="341">
        <v>0</v>
      </c>
      <c r="NS22" s="341">
        <v>0</v>
      </c>
      <c r="NT22" s="341">
        <v>0</v>
      </c>
      <c r="NU22" s="345">
        <v>0</v>
      </c>
      <c r="NV22" s="347">
        <v>0</v>
      </c>
      <c r="NW22" s="344">
        <v>0</v>
      </c>
      <c r="NX22" s="341">
        <v>0</v>
      </c>
      <c r="NY22" s="345">
        <v>0</v>
      </c>
      <c r="NZ22" s="340"/>
      <c r="OA22" s="341">
        <v>0</v>
      </c>
      <c r="OB22" s="341">
        <v>0</v>
      </c>
      <c r="OC22" s="341">
        <v>0</v>
      </c>
      <c r="OD22" s="341">
        <v>0</v>
      </c>
      <c r="OE22" s="341">
        <v>339822</v>
      </c>
      <c r="OF22" s="345">
        <v>339822</v>
      </c>
      <c r="OG22" s="347">
        <v>339822</v>
      </c>
      <c r="OH22" s="344">
        <v>275093</v>
      </c>
      <c r="OI22" s="341">
        <v>615414</v>
      </c>
      <c r="OJ22" s="342">
        <v>890507</v>
      </c>
      <c r="OK22" s="348">
        <v>0</v>
      </c>
      <c r="OL22" s="341">
        <v>5529909</v>
      </c>
      <c r="OM22" s="341">
        <v>9607284</v>
      </c>
      <c r="ON22" s="341">
        <v>11928908</v>
      </c>
      <c r="OO22" s="341">
        <v>11614310</v>
      </c>
      <c r="OP22" s="341">
        <v>8631597</v>
      </c>
      <c r="OQ22" s="345">
        <v>47312008</v>
      </c>
      <c r="OR22" s="351">
        <v>48202515</v>
      </c>
    </row>
    <row r="23" spans="1:408" ht="20.25" customHeight="1" x14ac:dyDescent="0.2">
      <c r="A23" s="111" t="s">
        <v>18</v>
      </c>
      <c r="B23" s="318">
        <v>199044</v>
      </c>
      <c r="C23" s="319">
        <v>696584</v>
      </c>
      <c r="D23" s="320">
        <v>895628</v>
      </c>
      <c r="E23" s="321">
        <v>0</v>
      </c>
      <c r="F23" s="319">
        <v>6336639</v>
      </c>
      <c r="G23" s="319">
        <v>10669745</v>
      </c>
      <c r="H23" s="319">
        <v>8865333</v>
      </c>
      <c r="I23" s="319">
        <v>6321352</v>
      </c>
      <c r="J23" s="319">
        <v>4701098</v>
      </c>
      <c r="K23" s="321">
        <v>36894167</v>
      </c>
      <c r="L23" s="322">
        <v>37789795</v>
      </c>
      <c r="M23" s="318">
        <v>63508</v>
      </c>
      <c r="N23" s="319">
        <v>414841</v>
      </c>
      <c r="O23" s="320">
        <v>478349</v>
      </c>
      <c r="P23" s="318">
        <v>0</v>
      </c>
      <c r="Q23" s="319">
        <v>1840270</v>
      </c>
      <c r="R23" s="319">
        <v>3725331</v>
      </c>
      <c r="S23" s="319">
        <v>2519400</v>
      </c>
      <c r="T23" s="319">
        <v>3155197</v>
      </c>
      <c r="U23" s="319">
        <v>2192628</v>
      </c>
      <c r="V23" s="320">
        <v>13432826</v>
      </c>
      <c r="W23" s="322">
        <v>13911175</v>
      </c>
      <c r="X23" s="318">
        <v>0</v>
      </c>
      <c r="Y23" s="319">
        <v>0</v>
      </c>
      <c r="Z23" s="320">
        <v>0</v>
      </c>
      <c r="AA23" s="318">
        <v>0</v>
      </c>
      <c r="AB23" s="319">
        <v>763883</v>
      </c>
      <c r="AC23" s="319">
        <v>2245487</v>
      </c>
      <c r="AD23" s="319">
        <v>1376070</v>
      </c>
      <c r="AE23" s="319">
        <v>2031017</v>
      </c>
      <c r="AF23" s="319">
        <v>1188117</v>
      </c>
      <c r="AG23" s="320">
        <v>7604574</v>
      </c>
      <c r="AH23" s="322">
        <v>7604574</v>
      </c>
      <c r="AI23" s="318">
        <v>0</v>
      </c>
      <c r="AJ23" s="319">
        <v>0</v>
      </c>
      <c r="AK23" s="320">
        <v>0</v>
      </c>
      <c r="AL23" s="318">
        <v>0</v>
      </c>
      <c r="AM23" s="319">
        <v>0</v>
      </c>
      <c r="AN23" s="319">
        <v>13588</v>
      </c>
      <c r="AO23" s="319">
        <v>104516</v>
      </c>
      <c r="AP23" s="319">
        <v>258188</v>
      </c>
      <c r="AQ23" s="319">
        <v>620323</v>
      </c>
      <c r="AR23" s="320">
        <v>996615</v>
      </c>
      <c r="AS23" s="322">
        <v>996615</v>
      </c>
      <c r="AT23" s="318">
        <v>47644</v>
      </c>
      <c r="AU23" s="319">
        <v>166829</v>
      </c>
      <c r="AV23" s="320">
        <v>214473</v>
      </c>
      <c r="AW23" s="318">
        <v>0</v>
      </c>
      <c r="AX23" s="319">
        <v>623878</v>
      </c>
      <c r="AY23" s="319">
        <v>681467</v>
      </c>
      <c r="AZ23" s="319">
        <v>563878</v>
      </c>
      <c r="BA23" s="319">
        <v>446742</v>
      </c>
      <c r="BB23" s="319">
        <v>156852</v>
      </c>
      <c r="BC23" s="320">
        <v>2472817</v>
      </c>
      <c r="BD23" s="322">
        <v>2687290</v>
      </c>
      <c r="BE23" s="318">
        <v>0</v>
      </c>
      <c r="BF23" s="319">
        <v>128804</v>
      </c>
      <c r="BG23" s="323">
        <v>128804</v>
      </c>
      <c r="BH23" s="324">
        <v>0</v>
      </c>
      <c r="BI23" s="319">
        <v>111541</v>
      </c>
      <c r="BJ23" s="319">
        <v>137165</v>
      </c>
      <c r="BK23" s="319">
        <v>0</v>
      </c>
      <c r="BL23" s="319">
        <v>90594</v>
      </c>
      <c r="BM23" s="319">
        <v>0</v>
      </c>
      <c r="BN23" s="320">
        <v>339300</v>
      </c>
      <c r="BO23" s="322">
        <v>468104</v>
      </c>
      <c r="BP23" s="318">
        <v>15864</v>
      </c>
      <c r="BQ23" s="319">
        <v>119208</v>
      </c>
      <c r="BR23" s="320">
        <v>135072</v>
      </c>
      <c r="BS23" s="318">
        <v>0</v>
      </c>
      <c r="BT23" s="319">
        <v>340968</v>
      </c>
      <c r="BU23" s="319">
        <v>647624</v>
      </c>
      <c r="BV23" s="319">
        <v>474936</v>
      </c>
      <c r="BW23" s="319">
        <v>328656</v>
      </c>
      <c r="BX23" s="319">
        <v>227336</v>
      </c>
      <c r="BY23" s="320">
        <v>2019520</v>
      </c>
      <c r="BZ23" s="322">
        <v>2154592</v>
      </c>
      <c r="CA23" s="318">
        <v>42696</v>
      </c>
      <c r="CB23" s="319">
        <v>-134911</v>
      </c>
      <c r="CC23" s="320">
        <v>-92215</v>
      </c>
      <c r="CD23" s="318">
        <v>0</v>
      </c>
      <c r="CE23" s="319">
        <v>2670428</v>
      </c>
      <c r="CF23" s="319">
        <v>3260062</v>
      </c>
      <c r="CG23" s="319">
        <v>2801326</v>
      </c>
      <c r="CH23" s="319">
        <v>865158</v>
      </c>
      <c r="CI23" s="319">
        <v>667492</v>
      </c>
      <c r="CJ23" s="320">
        <v>10264466</v>
      </c>
      <c r="CK23" s="322">
        <v>10172251</v>
      </c>
      <c r="CL23" s="318">
        <v>0</v>
      </c>
      <c r="CM23" s="319">
        <v>0</v>
      </c>
      <c r="CN23" s="320">
        <v>0</v>
      </c>
      <c r="CO23" s="324">
        <v>0</v>
      </c>
      <c r="CP23" s="319">
        <v>2181475</v>
      </c>
      <c r="CQ23" s="319">
        <v>2489306</v>
      </c>
      <c r="CR23" s="319">
        <v>1927370</v>
      </c>
      <c r="CS23" s="319">
        <v>606694</v>
      </c>
      <c r="CT23" s="319">
        <v>457271</v>
      </c>
      <c r="CU23" s="320">
        <v>7662116</v>
      </c>
      <c r="CV23" s="322">
        <v>7662116</v>
      </c>
      <c r="CW23" s="318">
        <v>42696</v>
      </c>
      <c r="CX23" s="319">
        <v>-134911</v>
      </c>
      <c r="CY23" s="320">
        <v>-92215</v>
      </c>
      <c r="CZ23" s="318">
        <v>0</v>
      </c>
      <c r="DA23" s="319">
        <v>488953</v>
      </c>
      <c r="DB23" s="319">
        <v>770756</v>
      </c>
      <c r="DC23" s="319">
        <v>873956</v>
      </c>
      <c r="DD23" s="319">
        <v>258464</v>
      </c>
      <c r="DE23" s="319">
        <v>210221</v>
      </c>
      <c r="DF23" s="320">
        <v>2602350</v>
      </c>
      <c r="DG23" s="322">
        <v>2510135</v>
      </c>
      <c r="DH23" s="318">
        <v>0</v>
      </c>
      <c r="DI23" s="319">
        <v>12584</v>
      </c>
      <c r="DJ23" s="323">
        <v>12584</v>
      </c>
      <c r="DK23" s="324">
        <v>0</v>
      </c>
      <c r="DL23" s="319">
        <v>98257</v>
      </c>
      <c r="DM23" s="319">
        <v>763037</v>
      </c>
      <c r="DN23" s="319">
        <v>642599</v>
      </c>
      <c r="DO23" s="319">
        <v>530025</v>
      </c>
      <c r="DP23" s="319">
        <v>164883</v>
      </c>
      <c r="DQ23" s="320">
        <v>2198801</v>
      </c>
      <c r="DR23" s="322">
        <v>2211385</v>
      </c>
      <c r="DS23" s="318">
        <v>0</v>
      </c>
      <c r="DT23" s="319">
        <v>12584</v>
      </c>
      <c r="DU23" s="320">
        <v>12584</v>
      </c>
      <c r="DV23" s="318">
        <v>0</v>
      </c>
      <c r="DW23" s="319">
        <v>55070</v>
      </c>
      <c r="DX23" s="319">
        <v>763037</v>
      </c>
      <c r="DY23" s="319">
        <v>642599</v>
      </c>
      <c r="DZ23" s="319">
        <v>530025</v>
      </c>
      <c r="EA23" s="319">
        <v>164883</v>
      </c>
      <c r="EB23" s="320">
        <v>2155614</v>
      </c>
      <c r="EC23" s="322">
        <v>2168198</v>
      </c>
      <c r="ED23" s="318">
        <v>0</v>
      </c>
      <c r="EE23" s="323">
        <v>0</v>
      </c>
      <c r="EF23" s="320">
        <v>0</v>
      </c>
      <c r="EG23" s="318">
        <v>0</v>
      </c>
      <c r="EH23" s="319">
        <v>43187</v>
      </c>
      <c r="EI23" s="319">
        <v>0</v>
      </c>
      <c r="EJ23" s="319">
        <v>0</v>
      </c>
      <c r="EK23" s="319">
        <v>0</v>
      </c>
      <c r="EL23" s="319">
        <v>0</v>
      </c>
      <c r="EM23" s="323">
        <v>43187</v>
      </c>
      <c r="EN23" s="322">
        <v>43187</v>
      </c>
      <c r="EO23" s="318">
        <v>0</v>
      </c>
      <c r="EP23" s="319">
        <v>0</v>
      </c>
      <c r="EQ23" s="323">
        <v>0</v>
      </c>
      <c r="ER23" s="324">
        <v>0</v>
      </c>
      <c r="ES23" s="319">
        <v>0</v>
      </c>
      <c r="ET23" s="319">
        <v>0</v>
      </c>
      <c r="EU23" s="319">
        <v>0</v>
      </c>
      <c r="EV23" s="319">
        <v>0</v>
      </c>
      <c r="EW23" s="319">
        <v>0</v>
      </c>
      <c r="EX23" s="320">
        <v>0</v>
      </c>
      <c r="EY23" s="322">
        <v>0</v>
      </c>
      <c r="EZ23" s="318">
        <v>0</v>
      </c>
      <c r="FA23" s="319">
        <v>0</v>
      </c>
      <c r="FB23" s="323">
        <v>0</v>
      </c>
      <c r="FC23" s="325"/>
      <c r="FD23" s="319">
        <v>0</v>
      </c>
      <c r="FE23" s="319">
        <v>0</v>
      </c>
      <c r="FF23" s="319">
        <v>0</v>
      </c>
      <c r="FG23" s="319">
        <v>0</v>
      </c>
      <c r="FH23" s="319">
        <v>0</v>
      </c>
      <c r="FI23" s="320">
        <v>0</v>
      </c>
      <c r="FJ23" s="322">
        <v>0</v>
      </c>
      <c r="FK23" s="318">
        <v>40432</v>
      </c>
      <c r="FL23" s="319">
        <v>133142</v>
      </c>
      <c r="FM23" s="320">
        <v>173574</v>
      </c>
      <c r="FN23" s="318">
        <v>0</v>
      </c>
      <c r="FO23" s="319">
        <v>251952</v>
      </c>
      <c r="FP23" s="319">
        <v>839728</v>
      </c>
      <c r="FQ23" s="319">
        <v>524224</v>
      </c>
      <c r="FR23" s="319">
        <v>507104</v>
      </c>
      <c r="FS23" s="319">
        <v>106912</v>
      </c>
      <c r="FT23" s="320">
        <v>2229920</v>
      </c>
      <c r="FU23" s="322">
        <v>2403494</v>
      </c>
      <c r="FV23" s="326">
        <v>40432</v>
      </c>
      <c r="FW23" s="319">
        <v>97942</v>
      </c>
      <c r="FX23" s="323">
        <v>138374</v>
      </c>
      <c r="FY23" s="324">
        <v>0</v>
      </c>
      <c r="FZ23" s="319">
        <v>251952</v>
      </c>
      <c r="GA23" s="319">
        <v>777712</v>
      </c>
      <c r="GB23" s="319">
        <v>524224</v>
      </c>
      <c r="GC23" s="319">
        <v>507104</v>
      </c>
      <c r="GD23" s="319">
        <v>106912</v>
      </c>
      <c r="GE23" s="320">
        <v>2167904</v>
      </c>
      <c r="GF23" s="327">
        <v>2306278</v>
      </c>
      <c r="GG23" s="326">
        <v>0</v>
      </c>
      <c r="GH23" s="319">
        <v>0</v>
      </c>
      <c r="GI23" s="323">
        <v>0</v>
      </c>
      <c r="GJ23" s="324">
        <v>0</v>
      </c>
      <c r="GK23" s="319">
        <v>0</v>
      </c>
      <c r="GL23" s="319">
        <v>62016</v>
      </c>
      <c r="GM23" s="319">
        <v>0</v>
      </c>
      <c r="GN23" s="319">
        <v>0</v>
      </c>
      <c r="GO23" s="319">
        <v>0</v>
      </c>
      <c r="GP23" s="320">
        <v>62016</v>
      </c>
      <c r="GQ23" s="322">
        <v>62016</v>
      </c>
      <c r="GR23" s="318">
        <v>0</v>
      </c>
      <c r="GS23" s="319">
        <v>35200</v>
      </c>
      <c r="GT23" s="320">
        <v>35200</v>
      </c>
      <c r="GU23" s="318">
        <v>0</v>
      </c>
      <c r="GV23" s="319">
        <v>0</v>
      </c>
      <c r="GW23" s="319">
        <v>0</v>
      </c>
      <c r="GX23" s="319">
        <v>0</v>
      </c>
      <c r="GY23" s="319">
        <v>0</v>
      </c>
      <c r="GZ23" s="319">
        <v>0</v>
      </c>
      <c r="HA23" s="323">
        <v>0</v>
      </c>
      <c r="HB23" s="322">
        <v>35200</v>
      </c>
      <c r="HC23" s="318">
        <v>52408</v>
      </c>
      <c r="HD23" s="319">
        <v>270928</v>
      </c>
      <c r="HE23" s="323">
        <v>323336</v>
      </c>
      <c r="HF23" s="324">
        <v>0</v>
      </c>
      <c r="HG23" s="319">
        <v>1475732</v>
      </c>
      <c r="HH23" s="319">
        <v>2081587</v>
      </c>
      <c r="HI23" s="319">
        <v>2377784</v>
      </c>
      <c r="HJ23" s="319">
        <v>1263868</v>
      </c>
      <c r="HK23" s="319">
        <v>1569183</v>
      </c>
      <c r="HL23" s="320">
        <v>8768154</v>
      </c>
      <c r="HM23" s="321">
        <v>9091490</v>
      </c>
      <c r="HN23" s="411"/>
      <c r="HO23" s="412"/>
      <c r="HP23" s="413"/>
      <c r="HQ23" s="414"/>
      <c r="HR23" s="412"/>
      <c r="HS23" s="412"/>
      <c r="HT23" s="412"/>
      <c r="HU23" s="412"/>
      <c r="HV23" s="412"/>
      <c r="HW23" s="415"/>
      <c r="HX23" s="416"/>
      <c r="HY23" s="328">
        <v>45010</v>
      </c>
      <c r="HZ23" s="329">
        <v>0</v>
      </c>
      <c r="IA23" s="330">
        <v>45010</v>
      </c>
      <c r="IB23" s="353">
        <v>0</v>
      </c>
      <c r="IC23" s="329">
        <v>2046700</v>
      </c>
      <c r="ID23" s="354">
        <v>3126747</v>
      </c>
      <c r="IE23" s="330">
        <v>1772323</v>
      </c>
      <c r="IF23" s="329">
        <v>1637602</v>
      </c>
      <c r="IG23" s="330">
        <v>251794</v>
      </c>
      <c r="IH23" s="355">
        <v>8835166</v>
      </c>
      <c r="II23" s="336">
        <v>8880176</v>
      </c>
      <c r="IJ23" s="337">
        <v>0</v>
      </c>
      <c r="IK23" s="338">
        <v>0</v>
      </c>
      <c r="IL23" s="339">
        <v>0</v>
      </c>
      <c r="IM23" s="340"/>
      <c r="IN23" s="341">
        <v>0</v>
      </c>
      <c r="IO23" s="341">
        <v>0</v>
      </c>
      <c r="IP23" s="341">
        <v>0</v>
      </c>
      <c r="IQ23" s="341">
        <v>0</v>
      </c>
      <c r="IR23" s="341">
        <v>0</v>
      </c>
      <c r="IS23" s="342">
        <v>0</v>
      </c>
      <c r="IT23" s="343">
        <v>0</v>
      </c>
      <c r="IU23" s="344">
        <v>0</v>
      </c>
      <c r="IV23" s="341">
        <v>0</v>
      </c>
      <c r="IW23" s="345">
        <v>0</v>
      </c>
      <c r="IX23" s="340"/>
      <c r="IY23" s="341">
        <v>0</v>
      </c>
      <c r="IZ23" s="341">
        <v>0</v>
      </c>
      <c r="JA23" s="341">
        <v>0</v>
      </c>
      <c r="JB23" s="341">
        <v>0</v>
      </c>
      <c r="JC23" s="341">
        <v>0</v>
      </c>
      <c r="JD23" s="345">
        <v>0</v>
      </c>
      <c r="JE23" s="347">
        <v>0</v>
      </c>
      <c r="JF23" s="344">
        <v>0</v>
      </c>
      <c r="JG23" s="341">
        <v>0</v>
      </c>
      <c r="JH23" s="342">
        <v>0</v>
      </c>
      <c r="JI23" s="348">
        <v>0</v>
      </c>
      <c r="JJ23" s="341">
        <v>719360</v>
      </c>
      <c r="JK23" s="341">
        <v>1255970</v>
      </c>
      <c r="JL23" s="341">
        <v>168160</v>
      </c>
      <c r="JM23" s="341">
        <v>11402</v>
      </c>
      <c r="JN23" s="341">
        <v>0</v>
      </c>
      <c r="JO23" s="345">
        <v>2154892</v>
      </c>
      <c r="JP23" s="343">
        <v>2154892</v>
      </c>
      <c r="JQ23" s="344">
        <v>0</v>
      </c>
      <c r="JR23" s="341">
        <v>0</v>
      </c>
      <c r="JS23" s="342">
        <v>0</v>
      </c>
      <c r="JT23" s="348">
        <v>0</v>
      </c>
      <c r="JU23" s="341">
        <v>76936</v>
      </c>
      <c r="JV23" s="341">
        <v>0</v>
      </c>
      <c r="JW23" s="341">
        <v>150349</v>
      </c>
      <c r="JX23" s="341">
        <v>130980</v>
      </c>
      <c r="JY23" s="341">
        <v>0</v>
      </c>
      <c r="JZ23" s="345">
        <v>358265</v>
      </c>
      <c r="KA23" s="343">
        <v>358265</v>
      </c>
      <c r="KB23" s="349">
        <v>45010</v>
      </c>
      <c r="KC23" s="350">
        <v>0</v>
      </c>
      <c r="KD23" s="345">
        <v>45010</v>
      </c>
      <c r="KE23" s="348">
        <v>0</v>
      </c>
      <c r="KF23" s="341">
        <v>363170</v>
      </c>
      <c r="KG23" s="341">
        <v>702271</v>
      </c>
      <c r="KH23" s="341">
        <v>475897</v>
      </c>
      <c r="KI23" s="341">
        <v>261217</v>
      </c>
      <c r="KJ23" s="341">
        <v>0</v>
      </c>
      <c r="KK23" s="345">
        <v>1802555</v>
      </c>
      <c r="KL23" s="351">
        <v>1847565</v>
      </c>
      <c r="KM23" s="337">
        <v>0</v>
      </c>
      <c r="KN23" s="338">
        <v>0</v>
      </c>
      <c r="KO23" s="339">
        <v>0</v>
      </c>
      <c r="KP23" s="340"/>
      <c r="KQ23" s="341">
        <v>887234</v>
      </c>
      <c r="KR23" s="341">
        <v>1168506</v>
      </c>
      <c r="KS23" s="341">
        <v>977917</v>
      </c>
      <c r="KT23" s="341">
        <v>500152</v>
      </c>
      <c r="KU23" s="341">
        <v>251794</v>
      </c>
      <c r="KV23" s="345">
        <v>3785603</v>
      </c>
      <c r="KW23" s="343">
        <v>3785603</v>
      </c>
      <c r="KX23" s="344">
        <v>0</v>
      </c>
      <c r="KY23" s="341">
        <v>0</v>
      </c>
      <c r="KZ23" s="345">
        <v>0</v>
      </c>
      <c r="LA23" s="340"/>
      <c r="LB23" s="341">
        <v>0</v>
      </c>
      <c r="LC23" s="341">
        <v>0</v>
      </c>
      <c r="LD23" s="341">
        <v>0</v>
      </c>
      <c r="LE23" s="341">
        <v>0</v>
      </c>
      <c r="LF23" s="341">
        <v>0</v>
      </c>
      <c r="LG23" s="345">
        <v>0</v>
      </c>
      <c r="LH23" s="347">
        <v>0</v>
      </c>
      <c r="LI23" s="344">
        <v>0</v>
      </c>
      <c r="LJ23" s="341">
        <v>0</v>
      </c>
      <c r="LK23" s="345">
        <v>0</v>
      </c>
      <c r="LL23" s="340"/>
      <c r="LM23" s="341">
        <v>0</v>
      </c>
      <c r="LN23" s="341">
        <v>0</v>
      </c>
      <c r="LO23" s="341">
        <v>0</v>
      </c>
      <c r="LP23" s="341">
        <v>130232</v>
      </c>
      <c r="LQ23" s="341">
        <v>0</v>
      </c>
      <c r="LR23" s="345">
        <v>130232</v>
      </c>
      <c r="LS23" s="343">
        <v>130232</v>
      </c>
      <c r="LT23" s="344">
        <v>0</v>
      </c>
      <c r="LU23" s="341">
        <v>0</v>
      </c>
      <c r="LV23" s="345">
        <v>0</v>
      </c>
      <c r="LW23" s="340"/>
      <c r="LX23" s="341">
        <v>0</v>
      </c>
      <c r="LY23" s="341">
        <v>0</v>
      </c>
      <c r="LZ23" s="341">
        <v>0</v>
      </c>
      <c r="MA23" s="341">
        <v>603619</v>
      </c>
      <c r="MB23" s="341">
        <v>0</v>
      </c>
      <c r="MC23" s="345">
        <v>603619</v>
      </c>
      <c r="MD23" s="347">
        <v>603619</v>
      </c>
      <c r="ME23" s="344">
        <v>0</v>
      </c>
      <c r="MF23" s="341">
        <v>0</v>
      </c>
      <c r="MG23" s="345">
        <v>0</v>
      </c>
      <c r="MH23" s="340"/>
      <c r="MI23" s="341">
        <v>0</v>
      </c>
      <c r="MJ23" s="341">
        <v>498021</v>
      </c>
      <c r="MK23" s="341">
        <v>5280342</v>
      </c>
      <c r="ML23" s="341">
        <v>5470125</v>
      </c>
      <c r="MM23" s="341">
        <v>4257962</v>
      </c>
      <c r="MN23" s="345">
        <v>15506450</v>
      </c>
      <c r="MO23" s="351">
        <v>15506450</v>
      </c>
      <c r="MP23" s="344">
        <v>0</v>
      </c>
      <c r="MQ23" s="341">
        <v>0</v>
      </c>
      <c r="MR23" s="345">
        <v>0</v>
      </c>
      <c r="MS23" s="340"/>
      <c r="MT23" s="341">
        <v>0</v>
      </c>
      <c r="MU23" s="341">
        <v>0</v>
      </c>
      <c r="MV23" s="341">
        <v>3087412</v>
      </c>
      <c r="MW23" s="341">
        <v>3508562</v>
      </c>
      <c r="MX23" s="341">
        <v>1744079</v>
      </c>
      <c r="MY23" s="345">
        <v>8340053</v>
      </c>
      <c r="MZ23" s="351">
        <v>8340053</v>
      </c>
      <c r="NA23" s="344">
        <v>0</v>
      </c>
      <c r="NB23" s="341">
        <v>0</v>
      </c>
      <c r="NC23" s="345">
        <v>0</v>
      </c>
      <c r="ND23" s="340"/>
      <c r="NE23" s="341">
        <v>0</v>
      </c>
      <c r="NF23" s="341">
        <v>498021</v>
      </c>
      <c r="NG23" s="341">
        <v>2192930</v>
      </c>
      <c r="NH23" s="341">
        <v>1961563</v>
      </c>
      <c r="NI23" s="341">
        <v>1767079</v>
      </c>
      <c r="NJ23" s="345">
        <v>6419593</v>
      </c>
      <c r="NK23" s="343">
        <v>6419593</v>
      </c>
      <c r="NL23" s="344">
        <v>0</v>
      </c>
      <c r="NM23" s="341">
        <v>0</v>
      </c>
      <c r="NN23" s="345">
        <v>0</v>
      </c>
      <c r="NO23" s="340"/>
      <c r="NP23" s="341">
        <v>0</v>
      </c>
      <c r="NQ23" s="341">
        <v>0</v>
      </c>
      <c r="NR23" s="341">
        <v>0</v>
      </c>
      <c r="NS23" s="341">
        <v>0</v>
      </c>
      <c r="NT23" s="341">
        <v>0</v>
      </c>
      <c r="NU23" s="345">
        <v>0</v>
      </c>
      <c r="NV23" s="347">
        <v>0</v>
      </c>
      <c r="NW23" s="344">
        <v>0</v>
      </c>
      <c r="NX23" s="341">
        <v>0</v>
      </c>
      <c r="NY23" s="345">
        <v>0</v>
      </c>
      <c r="NZ23" s="340"/>
      <c r="OA23" s="341">
        <v>0</v>
      </c>
      <c r="OB23" s="341">
        <v>0</v>
      </c>
      <c r="OC23" s="341">
        <v>0</v>
      </c>
      <c r="OD23" s="341">
        <v>0</v>
      </c>
      <c r="OE23" s="341">
        <v>746804</v>
      </c>
      <c r="OF23" s="345">
        <v>746804</v>
      </c>
      <c r="OG23" s="347">
        <v>746804</v>
      </c>
      <c r="OH23" s="344">
        <v>244054</v>
      </c>
      <c r="OI23" s="341">
        <v>696584</v>
      </c>
      <c r="OJ23" s="342">
        <v>940638</v>
      </c>
      <c r="OK23" s="348">
        <v>0</v>
      </c>
      <c r="OL23" s="341">
        <v>8383339</v>
      </c>
      <c r="OM23" s="341">
        <v>14294513</v>
      </c>
      <c r="ON23" s="341">
        <v>15917998</v>
      </c>
      <c r="OO23" s="341">
        <v>13429079</v>
      </c>
      <c r="OP23" s="341">
        <v>9210854</v>
      </c>
      <c r="OQ23" s="345">
        <v>61235783</v>
      </c>
      <c r="OR23" s="351">
        <v>62176421</v>
      </c>
    </row>
    <row r="24" spans="1:408" ht="20.25" customHeight="1" x14ac:dyDescent="0.2">
      <c r="A24" s="111" t="s">
        <v>19</v>
      </c>
      <c r="B24" s="318">
        <v>54738</v>
      </c>
      <c r="C24" s="319">
        <v>492991</v>
      </c>
      <c r="D24" s="320">
        <v>547729</v>
      </c>
      <c r="E24" s="321">
        <v>0</v>
      </c>
      <c r="F24" s="319">
        <v>4515026</v>
      </c>
      <c r="G24" s="319">
        <v>4058831</v>
      </c>
      <c r="H24" s="319">
        <v>2649352</v>
      </c>
      <c r="I24" s="319">
        <v>3190625</v>
      </c>
      <c r="J24" s="319">
        <v>1051306</v>
      </c>
      <c r="K24" s="321">
        <v>15465140</v>
      </c>
      <c r="L24" s="322">
        <v>16012869</v>
      </c>
      <c r="M24" s="318">
        <v>20380</v>
      </c>
      <c r="N24" s="319">
        <v>63468</v>
      </c>
      <c r="O24" s="320">
        <v>83848</v>
      </c>
      <c r="P24" s="318">
        <v>0</v>
      </c>
      <c r="Q24" s="319">
        <v>1538734</v>
      </c>
      <c r="R24" s="319">
        <v>1076401</v>
      </c>
      <c r="S24" s="319">
        <v>572858</v>
      </c>
      <c r="T24" s="319">
        <v>1839511</v>
      </c>
      <c r="U24" s="319">
        <v>649660</v>
      </c>
      <c r="V24" s="320">
        <v>5677164</v>
      </c>
      <c r="W24" s="322">
        <v>5761012</v>
      </c>
      <c r="X24" s="318">
        <v>0</v>
      </c>
      <c r="Y24" s="319">
        <v>0</v>
      </c>
      <c r="Z24" s="320">
        <v>0</v>
      </c>
      <c r="AA24" s="318">
        <v>0</v>
      </c>
      <c r="AB24" s="319">
        <v>763160</v>
      </c>
      <c r="AC24" s="319">
        <v>374050</v>
      </c>
      <c r="AD24" s="319">
        <v>184387</v>
      </c>
      <c r="AE24" s="319">
        <v>997455</v>
      </c>
      <c r="AF24" s="319">
        <v>64629</v>
      </c>
      <c r="AG24" s="320">
        <v>2383681</v>
      </c>
      <c r="AH24" s="322">
        <v>2383681</v>
      </c>
      <c r="AI24" s="318">
        <v>0</v>
      </c>
      <c r="AJ24" s="319">
        <v>0</v>
      </c>
      <c r="AK24" s="320">
        <v>0</v>
      </c>
      <c r="AL24" s="318">
        <v>0</v>
      </c>
      <c r="AM24" s="319">
        <v>0</v>
      </c>
      <c r="AN24" s="319">
        <v>11559</v>
      </c>
      <c r="AO24" s="319">
        <v>0</v>
      </c>
      <c r="AP24" s="319">
        <v>255941</v>
      </c>
      <c r="AQ24" s="319">
        <v>222354</v>
      </c>
      <c r="AR24" s="320">
        <v>489854</v>
      </c>
      <c r="AS24" s="322">
        <v>489854</v>
      </c>
      <c r="AT24" s="318">
        <v>15612</v>
      </c>
      <c r="AU24" s="319">
        <v>34196</v>
      </c>
      <c r="AV24" s="320">
        <v>49808</v>
      </c>
      <c r="AW24" s="318">
        <v>0</v>
      </c>
      <c r="AX24" s="319">
        <v>486134</v>
      </c>
      <c r="AY24" s="319">
        <v>404255</v>
      </c>
      <c r="AZ24" s="319">
        <v>144904</v>
      </c>
      <c r="BA24" s="319">
        <v>361643</v>
      </c>
      <c r="BB24" s="319">
        <v>298917</v>
      </c>
      <c r="BC24" s="320">
        <v>1695853</v>
      </c>
      <c r="BD24" s="322">
        <v>1745661</v>
      </c>
      <c r="BE24" s="318">
        <v>0</v>
      </c>
      <c r="BF24" s="319">
        <v>0</v>
      </c>
      <c r="BG24" s="323">
        <v>0</v>
      </c>
      <c r="BH24" s="324">
        <v>0</v>
      </c>
      <c r="BI24" s="319">
        <v>0</v>
      </c>
      <c r="BJ24" s="319">
        <v>88145</v>
      </c>
      <c r="BK24" s="319">
        <v>72503</v>
      </c>
      <c r="BL24" s="319">
        <v>0</v>
      </c>
      <c r="BM24" s="319">
        <v>0</v>
      </c>
      <c r="BN24" s="320">
        <v>160648</v>
      </c>
      <c r="BO24" s="322">
        <v>160648</v>
      </c>
      <c r="BP24" s="318">
        <v>4768</v>
      </c>
      <c r="BQ24" s="319">
        <v>29272</v>
      </c>
      <c r="BR24" s="320">
        <v>34040</v>
      </c>
      <c r="BS24" s="318">
        <v>0</v>
      </c>
      <c r="BT24" s="319">
        <v>289440</v>
      </c>
      <c r="BU24" s="319">
        <v>198392</v>
      </c>
      <c r="BV24" s="319">
        <v>171064</v>
      </c>
      <c r="BW24" s="319">
        <v>224472</v>
      </c>
      <c r="BX24" s="319">
        <v>63760</v>
      </c>
      <c r="BY24" s="320">
        <v>947128</v>
      </c>
      <c r="BZ24" s="322">
        <v>981168</v>
      </c>
      <c r="CA24" s="318">
        <v>21158</v>
      </c>
      <c r="CB24" s="319">
        <v>113583</v>
      </c>
      <c r="CC24" s="320">
        <v>134741</v>
      </c>
      <c r="CD24" s="318">
        <v>0</v>
      </c>
      <c r="CE24" s="319">
        <v>1459734</v>
      </c>
      <c r="CF24" s="319">
        <v>1709099</v>
      </c>
      <c r="CG24" s="319">
        <v>1134862</v>
      </c>
      <c r="CH24" s="319">
        <v>344112</v>
      </c>
      <c r="CI24" s="319">
        <v>32329</v>
      </c>
      <c r="CJ24" s="320">
        <v>4680136</v>
      </c>
      <c r="CK24" s="322">
        <v>4814877</v>
      </c>
      <c r="CL24" s="318">
        <v>0</v>
      </c>
      <c r="CM24" s="319">
        <v>0</v>
      </c>
      <c r="CN24" s="320">
        <v>0</v>
      </c>
      <c r="CO24" s="324">
        <v>0</v>
      </c>
      <c r="CP24" s="319">
        <v>1105248</v>
      </c>
      <c r="CQ24" s="319">
        <v>1188634</v>
      </c>
      <c r="CR24" s="319">
        <v>773813</v>
      </c>
      <c r="CS24" s="319">
        <v>105367</v>
      </c>
      <c r="CT24" s="319">
        <v>32329</v>
      </c>
      <c r="CU24" s="320">
        <v>3205391</v>
      </c>
      <c r="CV24" s="322">
        <v>3205391</v>
      </c>
      <c r="CW24" s="318">
        <v>21158</v>
      </c>
      <c r="CX24" s="319">
        <v>113583</v>
      </c>
      <c r="CY24" s="320">
        <v>134741</v>
      </c>
      <c r="CZ24" s="318">
        <v>0</v>
      </c>
      <c r="DA24" s="319">
        <v>354486</v>
      </c>
      <c r="DB24" s="319">
        <v>520465</v>
      </c>
      <c r="DC24" s="319">
        <v>361049</v>
      </c>
      <c r="DD24" s="319">
        <v>238745</v>
      </c>
      <c r="DE24" s="319">
        <v>0</v>
      </c>
      <c r="DF24" s="320">
        <v>1474745</v>
      </c>
      <c r="DG24" s="322">
        <v>1609486</v>
      </c>
      <c r="DH24" s="318">
        <v>0</v>
      </c>
      <c r="DI24" s="319">
        <v>0</v>
      </c>
      <c r="DJ24" s="323">
        <v>0</v>
      </c>
      <c r="DK24" s="324">
        <v>0</v>
      </c>
      <c r="DL24" s="319">
        <v>130563</v>
      </c>
      <c r="DM24" s="319">
        <v>126430</v>
      </c>
      <c r="DN24" s="319">
        <v>115661</v>
      </c>
      <c r="DO24" s="319">
        <v>33932</v>
      </c>
      <c r="DP24" s="319">
        <v>0</v>
      </c>
      <c r="DQ24" s="320">
        <v>406586</v>
      </c>
      <c r="DR24" s="322">
        <v>406586</v>
      </c>
      <c r="DS24" s="318">
        <v>0</v>
      </c>
      <c r="DT24" s="319">
        <v>0</v>
      </c>
      <c r="DU24" s="320">
        <v>0</v>
      </c>
      <c r="DV24" s="318">
        <v>0</v>
      </c>
      <c r="DW24" s="319">
        <v>130563</v>
      </c>
      <c r="DX24" s="319">
        <v>126430</v>
      </c>
      <c r="DY24" s="319">
        <v>36425</v>
      </c>
      <c r="DZ24" s="319">
        <v>0</v>
      </c>
      <c r="EA24" s="319">
        <v>0</v>
      </c>
      <c r="EB24" s="320">
        <v>293418</v>
      </c>
      <c r="EC24" s="322">
        <v>293418</v>
      </c>
      <c r="ED24" s="318">
        <v>0</v>
      </c>
      <c r="EE24" s="323">
        <v>0</v>
      </c>
      <c r="EF24" s="320">
        <v>0</v>
      </c>
      <c r="EG24" s="318">
        <v>0</v>
      </c>
      <c r="EH24" s="319">
        <v>0</v>
      </c>
      <c r="EI24" s="319">
        <v>0</v>
      </c>
      <c r="EJ24" s="319">
        <v>79236</v>
      </c>
      <c r="EK24" s="319">
        <v>33932</v>
      </c>
      <c r="EL24" s="319">
        <v>0</v>
      </c>
      <c r="EM24" s="323">
        <v>113168</v>
      </c>
      <c r="EN24" s="322">
        <v>113168</v>
      </c>
      <c r="EO24" s="318">
        <v>0</v>
      </c>
      <c r="EP24" s="319">
        <v>0</v>
      </c>
      <c r="EQ24" s="323">
        <v>0</v>
      </c>
      <c r="ER24" s="324">
        <v>0</v>
      </c>
      <c r="ES24" s="319">
        <v>0</v>
      </c>
      <c r="ET24" s="319">
        <v>0</v>
      </c>
      <c r="EU24" s="319">
        <v>0</v>
      </c>
      <c r="EV24" s="319">
        <v>0</v>
      </c>
      <c r="EW24" s="319">
        <v>0</v>
      </c>
      <c r="EX24" s="320">
        <v>0</v>
      </c>
      <c r="EY24" s="322">
        <v>0</v>
      </c>
      <c r="EZ24" s="318">
        <v>0</v>
      </c>
      <c r="FA24" s="319">
        <v>0</v>
      </c>
      <c r="FB24" s="323">
        <v>0</v>
      </c>
      <c r="FC24" s="325"/>
      <c r="FD24" s="319">
        <v>0</v>
      </c>
      <c r="FE24" s="319">
        <v>0</v>
      </c>
      <c r="FF24" s="319">
        <v>0</v>
      </c>
      <c r="FG24" s="319">
        <v>0</v>
      </c>
      <c r="FH24" s="319">
        <v>0</v>
      </c>
      <c r="FI24" s="320">
        <v>0</v>
      </c>
      <c r="FJ24" s="322">
        <v>0</v>
      </c>
      <c r="FK24" s="318">
        <v>13200</v>
      </c>
      <c r="FL24" s="319">
        <v>46240</v>
      </c>
      <c r="FM24" s="320">
        <v>59440</v>
      </c>
      <c r="FN24" s="318">
        <v>0</v>
      </c>
      <c r="FO24" s="319">
        <v>361608</v>
      </c>
      <c r="FP24" s="319">
        <v>460568</v>
      </c>
      <c r="FQ24" s="319">
        <v>245120</v>
      </c>
      <c r="FR24" s="319">
        <v>214144</v>
      </c>
      <c r="FS24" s="319">
        <v>118920</v>
      </c>
      <c r="FT24" s="320">
        <v>1400360</v>
      </c>
      <c r="FU24" s="322">
        <v>1459800</v>
      </c>
      <c r="FV24" s="326">
        <v>13200</v>
      </c>
      <c r="FW24" s="319">
        <v>46240</v>
      </c>
      <c r="FX24" s="323">
        <v>59440</v>
      </c>
      <c r="FY24" s="324">
        <v>0</v>
      </c>
      <c r="FZ24" s="319">
        <v>170408</v>
      </c>
      <c r="GA24" s="319">
        <v>399832</v>
      </c>
      <c r="GB24" s="319">
        <v>245120</v>
      </c>
      <c r="GC24" s="319">
        <v>214144</v>
      </c>
      <c r="GD24" s="319">
        <v>118920</v>
      </c>
      <c r="GE24" s="320">
        <v>1148424</v>
      </c>
      <c r="GF24" s="327">
        <v>1207864</v>
      </c>
      <c r="GG24" s="326">
        <v>0</v>
      </c>
      <c r="GH24" s="319">
        <v>0</v>
      </c>
      <c r="GI24" s="323">
        <v>0</v>
      </c>
      <c r="GJ24" s="324">
        <v>0</v>
      </c>
      <c r="GK24" s="319">
        <v>31200</v>
      </c>
      <c r="GL24" s="319">
        <v>32736</v>
      </c>
      <c r="GM24" s="319">
        <v>0</v>
      </c>
      <c r="GN24" s="319">
        <v>0</v>
      </c>
      <c r="GO24" s="319">
        <v>0</v>
      </c>
      <c r="GP24" s="320">
        <v>63936</v>
      </c>
      <c r="GQ24" s="322">
        <v>63936</v>
      </c>
      <c r="GR24" s="318">
        <v>0</v>
      </c>
      <c r="GS24" s="319">
        <v>0</v>
      </c>
      <c r="GT24" s="320">
        <v>0</v>
      </c>
      <c r="GU24" s="318">
        <v>0</v>
      </c>
      <c r="GV24" s="319">
        <v>160000</v>
      </c>
      <c r="GW24" s="319">
        <v>28000</v>
      </c>
      <c r="GX24" s="319">
        <v>0</v>
      </c>
      <c r="GY24" s="319">
        <v>0</v>
      </c>
      <c r="GZ24" s="319">
        <v>0</v>
      </c>
      <c r="HA24" s="323">
        <v>188000</v>
      </c>
      <c r="HB24" s="322">
        <v>188000</v>
      </c>
      <c r="HC24" s="318">
        <v>0</v>
      </c>
      <c r="HD24" s="319">
        <v>269700</v>
      </c>
      <c r="HE24" s="323">
        <v>269700</v>
      </c>
      <c r="HF24" s="324">
        <v>0</v>
      </c>
      <c r="HG24" s="319">
        <v>1024387</v>
      </c>
      <c r="HH24" s="319">
        <v>686333</v>
      </c>
      <c r="HI24" s="319">
        <v>580851</v>
      </c>
      <c r="HJ24" s="319">
        <v>758926</v>
      </c>
      <c r="HK24" s="319">
        <v>250397</v>
      </c>
      <c r="HL24" s="320">
        <v>3300894</v>
      </c>
      <c r="HM24" s="321">
        <v>3570594</v>
      </c>
      <c r="HN24" s="411"/>
      <c r="HO24" s="412"/>
      <c r="HP24" s="413"/>
      <c r="HQ24" s="414"/>
      <c r="HR24" s="412"/>
      <c r="HS24" s="412"/>
      <c r="HT24" s="412"/>
      <c r="HU24" s="412"/>
      <c r="HV24" s="412"/>
      <c r="HW24" s="415"/>
      <c r="HX24" s="416"/>
      <c r="HY24" s="357">
        <v>0</v>
      </c>
      <c r="HZ24" s="332">
        <v>53500</v>
      </c>
      <c r="IA24" s="357">
        <v>53500</v>
      </c>
      <c r="IB24" s="331">
        <v>0</v>
      </c>
      <c r="IC24" s="332">
        <v>746832</v>
      </c>
      <c r="ID24" s="333">
        <v>1115592</v>
      </c>
      <c r="IE24" s="334">
        <v>611881</v>
      </c>
      <c r="IF24" s="332">
        <v>80497</v>
      </c>
      <c r="IG24" s="334">
        <v>528376</v>
      </c>
      <c r="IH24" s="335">
        <v>3083178</v>
      </c>
      <c r="II24" s="357">
        <v>3136678</v>
      </c>
      <c r="IJ24" s="337">
        <v>0</v>
      </c>
      <c r="IK24" s="338">
        <v>0</v>
      </c>
      <c r="IL24" s="339">
        <v>0</v>
      </c>
      <c r="IM24" s="340"/>
      <c r="IN24" s="341">
        <v>51864</v>
      </c>
      <c r="IO24" s="341">
        <v>0</v>
      </c>
      <c r="IP24" s="341">
        <v>187275</v>
      </c>
      <c r="IQ24" s="341">
        <v>0</v>
      </c>
      <c r="IR24" s="341">
        <v>0</v>
      </c>
      <c r="IS24" s="342">
        <v>239139</v>
      </c>
      <c r="IT24" s="343">
        <v>239139</v>
      </c>
      <c r="IU24" s="344">
        <v>0</v>
      </c>
      <c r="IV24" s="341">
        <v>0</v>
      </c>
      <c r="IW24" s="345">
        <v>0</v>
      </c>
      <c r="IX24" s="340"/>
      <c r="IY24" s="341">
        <v>0</v>
      </c>
      <c r="IZ24" s="341">
        <v>0</v>
      </c>
      <c r="JA24" s="341">
        <v>0</v>
      </c>
      <c r="JB24" s="341">
        <v>0</v>
      </c>
      <c r="JC24" s="341">
        <v>0</v>
      </c>
      <c r="JD24" s="345">
        <v>0</v>
      </c>
      <c r="JE24" s="347">
        <v>0</v>
      </c>
      <c r="JF24" s="344">
        <v>0</v>
      </c>
      <c r="JG24" s="341">
        <v>0</v>
      </c>
      <c r="JH24" s="342">
        <v>0</v>
      </c>
      <c r="JI24" s="348">
        <v>0</v>
      </c>
      <c r="JJ24" s="341">
        <v>303743</v>
      </c>
      <c r="JK24" s="341">
        <v>210208</v>
      </c>
      <c r="JL24" s="341">
        <v>98823</v>
      </c>
      <c r="JM24" s="341">
        <v>80497</v>
      </c>
      <c r="JN24" s="341">
        <v>0</v>
      </c>
      <c r="JO24" s="345">
        <v>693271</v>
      </c>
      <c r="JP24" s="343">
        <v>693271</v>
      </c>
      <c r="JQ24" s="344">
        <v>0</v>
      </c>
      <c r="JR24" s="341">
        <v>0</v>
      </c>
      <c r="JS24" s="342">
        <v>0</v>
      </c>
      <c r="JT24" s="348">
        <v>0</v>
      </c>
      <c r="JU24" s="341">
        <v>0</v>
      </c>
      <c r="JV24" s="341">
        <v>372242</v>
      </c>
      <c r="JW24" s="341">
        <v>122042</v>
      </c>
      <c r="JX24" s="341">
        <v>0</v>
      </c>
      <c r="JY24" s="341">
        <v>0</v>
      </c>
      <c r="JZ24" s="345">
        <v>494284</v>
      </c>
      <c r="KA24" s="343">
        <v>494284</v>
      </c>
      <c r="KB24" s="349">
        <v>0</v>
      </c>
      <c r="KC24" s="350">
        <v>53500</v>
      </c>
      <c r="KD24" s="345">
        <v>53500</v>
      </c>
      <c r="KE24" s="348">
        <v>0</v>
      </c>
      <c r="KF24" s="341">
        <v>133056</v>
      </c>
      <c r="KG24" s="341">
        <v>298218</v>
      </c>
      <c r="KH24" s="341">
        <v>203741</v>
      </c>
      <c r="KI24" s="341">
        <v>0</v>
      </c>
      <c r="KJ24" s="341">
        <v>528376</v>
      </c>
      <c r="KK24" s="345">
        <v>1163391</v>
      </c>
      <c r="KL24" s="351">
        <v>1216891</v>
      </c>
      <c r="KM24" s="337">
        <v>0</v>
      </c>
      <c r="KN24" s="338">
        <v>0</v>
      </c>
      <c r="KO24" s="339">
        <v>0</v>
      </c>
      <c r="KP24" s="340"/>
      <c r="KQ24" s="341">
        <v>224967</v>
      </c>
      <c r="KR24" s="341">
        <v>234924</v>
      </c>
      <c r="KS24" s="341">
        <v>0</v>
      </c>
      <c r="KT24" s="341">
        <v>0</v>
      </c>
      <c r="KU24" s="341">
        <v>0</v>
      </c>
      <c r="KV24" s="345">
        <v>459891</v>
      </c>
      <c r="KW24" s="343">
        <v>459891</v>
      </c>
      <c r="KX24" s="344">
        <v>0</v>
      </c>
      <c r="KY24" s="341">
        <v>0</v>
      </c>
      <c r="KZ24" s="345">
        <v>0</v>
      </c>
      <c r="LA24" s="340"/>
      <c r="LB24" s="341">
        <v>0</v>
      </c>
      <c r="LC24" s="341">
        <v>0</v>
      </c>
      <c r="LD24" s="341">
        <v>0</v>
      </c>
      <c r="LE24" s="341">
        <v>0</v>
      </c>
      <c r="LF24" s="341">
        <v>0</v>
      </c>
      <c r="LG24" s="345">
        <v>0</v>
      </c>
      <c r="LH24" s="347">
        <v>0</v>
      </c>
      <c r="LI24" s="344">
        <v>0</v>
      </c>
      <c r="LJ24" s="341">
        <v>0</v>
      </c>
      <c r="LK24" s="345">
        <v>0</v>
      </c>
      <c r="LL24" s="340"/>
      <c r="LM24" s="341">
        <v>0</v>
      </c>
      <c r="LN24" s="341">
        <v>0</v>
      </c>
      <c r="LO24" s="341">
        <v>0</v>
      </c>
      <c r="LP24" s="341">
        <v>0</v>
      </c>
      <c r="LQ24" s="341">
        <v>0</v>
      </c>
      <c r="LR24" s="345">
        <v>0</v>
      </c>
      <c r="LS24" s="343">
        <v>0</v>
      </c>
      <c r="LT24" s="344">
        <v>0</v>
      </c>
      <c r="LU24" s="341">
        <v>0</v>
      </c>
      <c r="LV24" s="345">
        <v>0</v>
      </c>
      <c r="LW24" s="340"/>
      <c r="LX24" s="341">
        <v>33202</v>
      </c>
      <c r="LY24" s="341">
        <v>0</v>
      </c>
      <c r="LZ24" s="341">
        <v>0</v>
      </c>
      <c r="MA24" s="341">
        <v>0</v>
      </c>
      <c r="MB24" s="341">
        <v>0</v>
      </c>
      <c r="MC24" s="345">
        <v>33202</v>
      </c>
      <c r="MD24" s="347">
        <v>33202</v>
      </c>
      <c r="ME24" s="344">
        <v>0</v>
      </c>
      <c r="MF24" s="341">
        <v>0</v>
      </c>
      <c r="MG24" s="345">
        <v>0</v>
      </c>
      <c r="MH24" s="340"/>
      <c r="MI24" s="341">
        <v>497026</v>
      </c>
      <c r="MJ24" s="341">
        <v>299848</v>
      </c>
      <c r="MK24" s="341">
        <v>816552</v>
      </c>
      <c r="ML24" s="341">
        <v>2880259</v>
      </c>
      <c r="MM24" s="341">
        <v>788012</v>
      </c>
      <c r="MN24" s="345">
        <v>5281697</v>
      </c>
      <c r="MO24" s="351">
        <v>5281697</v>
      </c>
      <c r="MP24" s="344">
        <v>0</v>
      </c>
      <c r="MQ24" s="341">
        <v>0</v>
      </c>
      <c r="MR24" s="345">
        <v>0</v>
      </c>
      <c r="MS24" s="340"/>
      <c r="MT24" s="341">
        <v>0</v>
      </c>
      <c r="MU24" s="341">
        <v>0</v>
      </c>
      <c r="MV24" s="341">
        <v>266917</v>
      </c>
      <c r="MW24" s="341">
        <v>1525548</v>
      </c>
      <c r="MX24" s="341">
        <v>788012</v>
      </c>
      <c r="MY24" s="345">
        <v>2580477</v>
      </c>
      <c r="MZ24" s="351">
        <v>2580477</v>
      </c>
      <c r="NA24" s="344">
        <v>0</v>
      </c>
      <c r="NB24" s="341">
        <v>0</v>
      </c>
      <c r="NC24" s="345">
        <v>0</v>
      </c>
      <c r="ND24" s="340"/>
      <c r="NE24" s="341">
        <v>497026</v>
      </c>
      <c r="NF24" s="341">
        <v>299848</v>
      </c>
      <c r="NG24" s="341">
        <v>549635</v>
      </c>
      <c r="NH24" s="341">
        <v>1354711</v>
      </c>
      <c r="NI24" s="341">
        <v>0</v>
      </c>
      <c r="NJ24" s="345">
        <v>2701220</v>
      </c>
      <c r="NK24" s="343">
        <v>2701220</v>
      </c>
      <c r="NL24" s="344">
        <v>0</v>
      </c>
      <c r="NM24" s="341">
        <v>0</v>
      </c>
      <c r="NN24" s="345">
        <v>0</v>
      </c>
      <c r="NO24" s="340"/>
      <c r="NP24" s="341">
        <v>0</v>
      </c>
      <c r="NQ24" s="341">
        <v>0</v>
      </c>
      <c r="NR24" s="341">
        <v>0</v>
      </c>
      <c r="NS24" s="341">
        <v>0</v>
      </c>
      <c r="NT24" s="341">
        <v>0</v>
      </c>
      <c r="NU24" s="345">
        <v>0</v>
      </c>
      <c r="NV24" s="347">
        <v>0</v>
      </c>
      <c r="NW24" s="344">
        <v>0</v>
      </c>
      <c r="NX24" s="341">
        <v>0</v>
      </c>
      <c r="NY24" s="345">
        <v>0</v>
      </c>
      <c r="NZ24" s="340"/>
      <c r="OA24" s="341">
        <v>0</v>
      </c>
      <c r="OB24" s="341">
        <v>0</v>
      </c>
      <c r="OC24" s="341">
        <v>0</v>
      </c>
      <c r="OD24" s="341">
        <v>0</v>
      </c>
      <c r="OE24" s="341">
        <v>0</v>
      </c>
      <c r="OF24" s="345">
        <v>0</v>
      </c>
      <c r="OG24" s="347">
        <v>0</v>
      </c>
      <c r="OH24" s="344">
        <v>54738</v>
      </c>
      <c r="OI24" s="341">
        <v>546491</v>
      </c>
      <c r="OJ24" s="342">
        <v>601229</v>
      </c>
      <c r="OK24" s="348">
        <v>0</v>
      </c>
      <c r="OL24" s="341">
        <v>5758884</v>
      </c>
      <c r="OM24" s="341">
        <v>5474271</v>
      </c>
      <c r="ON24" s="341">
        <v>4077785</v>
      </c>
      <c r="OO24" s="341">
        <v>6151381</v>
      </c>
      <c r="OP24" s="341">
        <v>2367694</v>
      </c>
      <c r="OQ24" s="345">
        <v>23830015</v>
      </c>
      <c r="OR24" s="351">
        <v>24431244</v>
      </c>
    </row>
    <row r="25" spans="1:408" ht="20.25" customHeight="1" x14ac:dyDescent="0.2">
      <c r="A25" s="111" t="s">
        <v>20</v>
      </c>
      <c r="B25" s="318">
        <v>378927</v>
      </c>
      <c r="C25" s="319">
        <v>1032426</v>
      </c>
      <c r="D25" s="320">
        <v>1411353</v>
      </c>
      <c r="E25" s="318">
        <v>0</v>
      </c>
      <c r="F25" s="319">
        <v>6110618</v>
      </c>
      <c r="G25" s="319">
        <v>5088087</v>
      </c>
      <c r="H25" s="319">
        <v>4817523</v>
      </c>
      <c r="I25" s="319">
        <v>5762238</v>
      </c>
      <c r="J25" s="319">
        <v>1004517</v>
      </c>
      <c r="K25" s="358">
        <v>22782983</v>
      </c>
      <c r="L25" s="322">
        <v>24194336</v>
      </c>
      <c r="M25" s="318">
        <v>84830</v>
      </c>
      <c r="N25" s="319">
        <v>290301</v>
      </c>
      <c r="O25" s="320">
        <v>375131</v>
      </c>
      <c r="P25" s="318">
        <v>0</v>
      </c>
      <c r="Q25" s="319">
        <v>2175549</v>
      </c>
      <c r="R25" s="319">
        <v>1192370</v>
      </c>
      <c r="S25" s="319">
        <v>1451942</v>
      </c>
      <c r="T25" s="319">
        <v>1445259</v>
      </c>
      <c r="U25" s="319">
        <v>540115</v>
      </c>
      <c r="V25" s="320">
        <v>6805235</v>
      </c>
      <c r="W25" s="322">
        <v>7180366</v>
      </c>
      <c r="X25" s="318">
        <v>0</v>
      </c>
      <c r="Y25" s="319">
        <v>0</v>
      </c>
      <c r="Z25" s="320">
        <v>0</v>
      </c>
      <c r="AA25" s="318">
        <v>0</v>
      </c>
      <c r="AB25" s="319">
        <v>719943</v>
      </c>
      <c r="AC25" s="319">
        <v>537941</v>
      </c>
      <c r="AD25" s="319">
        <v>552140</v>
      </c>
      <c r="AE25" s="319">
        <v>491086</v>
      </c>
      <c r="AF25" s="319">
        <v>159477</v>
      </c>
      <c r="AG25" s="320">
        <v>2460587</v>
      </c>
      <c r="AH25" s="322">
        <v>2460587</v>
      </c>
      <c r="AI25" s="318">
        <v>0</v>
      </c>
      <c r="AJ25" s="319">
        <v>0</v>
      </c>
      <c r="AK25" s="320">
        <v>0</v>
      </c>
      <c r="AL25" s="318">
        <v>0</v>
      </c>
      <c r="AM25" s="319">
        <v>0</v>
      </c>
      <c r="AN25" s="319">
        <v>0</v>
      </c>
      <c r="AO25" s="319">
        <v>0</v>
      </c>
      <c r="AP25" s="319">
        <v>183830</v>
      </c>
      <c r="AQ25" s="319">
        <v>105520</v>
      </c>
      <c r="AR25" s="320">
        <v>289350</v>
      </c>
      <c r="AS25" s="322">
        <v>289350</v>
      </c>
      <c r="AT25" s="318">
        <v>59758</v>
      </c>
      <c r="AU25" s="319">
        <v>184949</v>
      </c>
      <c r="AV25" s="320">
        <v>244707</v>
      </c>
      <c r="AW25" s="318">
        <v>0</v>
      </c>
      <c r="AX25" s="319">
        <v>986615</v>
      </c>
      <c r="AY25" s="319">
        <v>269999</v>
      </c>
      <c r="AZ25" s="319">
        <v>422644</v>
      </c>
      <c r="BA25" s="319">
        <v>348274</v>
      </c>
      <c r="BB25" s="319">
        <v>218750</v>
      </c>
      <c r="BC25" s="320">
        <v>2246282</v>
      </c>
      <c r="BD25" s="322">
        <v>2490989</v>
      </c>
      <c r="BE25" s="318">
        <v>0</v>
      </c>
      <c r="BF25" s="319">
        <v>22376</v>
      </c>
      <c r="BG25" s="323">
        <v>22376</v>
      </c>
      <c r="BH25" s="324">
        <v>0</v>
      </c>
      <c r="BI25" s="319">
        <v>156767</v>
      </c>
      <c r="BJ25" s="319">
        <v>101430</v>
      </c>
      <c r="BK25" s="319">
        <v>169678</v>
      </c>
      <c r="BL25" s="319">
        <v>43253</v>
      </c>
      <c r="BM25" s="319">
        <v>0</v>
      </c>
      <c r="BN25" s="320">
        <v>471128</v>
      </c>
      <c r="BO25" s="322">
        <v>493504</v>
      </c>
      <c r="BP25" s="318">
        <v>25072</v>
      </c>
      <c r="BQ25" s="319">
        <v>82976</v>
      </c>
      <c r="BR25" s="320">
        <v>108048</v>
      </c>
      <c r="BS25" s="318">
        <v>0</v>
      </c>
      <c r="BT25" s="319">
        <v>312224</v>
      </c>
      <c r="BU25" s="319">
        <v>283000</v>
      </c>
      <c r="BV25" s="319">
        <v>307480</v>
      </c>
      <c r="BW25" s="319">
        <v>378816</v>
      </c>
      <c r="BX25" s="319">
        <v>56368</v>
      </c>
      <c r="BY25" s="320">
        <v>1337888</v>
      </c>
      <c r="BZ25" s="322">
        <v>1445936</v>
      </c>
      <c r="CA25" s="318">
        <v>99704</v>
      </c>
      <c r="CB25" s="319">
        <v>72944</v>
      </c>
      <c r="CC25" s="320">
        <v>172648</v>
      </c>
      <c r="CD25" s="318">
        <v>0</v>
      </c>
      <c r="CE25" s="319">
        <v>1775374</v>
      </c>
      <c r="CF25" s="319">
        <v>1421222</v>
      </c>
      <c r="CG25" s="319">
        <v>1546700</v>
      </c>
      <c r="CH25" s="319">
        <v>843626</v>
      </c>
      <c r="CI25" s="319">
        <v>125446</v>
      </c>
      <c r="CJ25" s="320">
        <v>5712368</v>
      </c>
      <c r="CK25" s="322">
        <v>5885016</v>
      </c>
      <c r="CL25" s="318">
        <v>0</v>
      </c>
      <c r="CM25" s="319">
        <v>0</v>
      </c>
      <c r="CN25" s="320">
        <v>0</v>
      </c>
      <c r="CO25" s="324">
        <v>0</v>
      </c>
      <c r="CP25" s="319">
        <v>1191895</v>
      </c>
      <c r="CQ25" s="319">
        <v>919136</v>
      </c>
      <c r="CR25" s="319">
        <v>1135177</v>
      </c>
      <c r="CS25" s="319">
        <v>227357</v>
      </c>
      <c r="CT25" s="319">
        <v>89075</v>
      </c>
      <c r="CU25" s="320">
        <v>3562640</v>
      </c>
      <c r="CV25" s="322">
        <v>3562640</v>
      </c>
      <c r="CW25" s="318">
        <v>99704</v>
      </c>
      <c r="CX25" s="319">
        <v>72944</v>
      </c>
      <c r="CY25" s="320">
        <v>172648</v>
      </c>
      <c r="CZ25" s="318">
        <v>0</v>
      </c>
      <c r="DA25" s="319">
        <v>583479</v>
      </c>
      <c r="DB25" s="319">
        <v>502086</v>
      </c>
      <c r="DC25" s="319">
        <v>411523</v>
      </c>
      <c r="DD25" s="319">
        <v>616269</v>
      </c>
      <c r="DE25" s="319">
        <v>36371</v>
      </c>
      <c r="DF25" s="320">
        <v>2149728</v>
      </c>
      <c r="DG25" s="322">
        <v>2322376</v>
      </c>
      <c r="DH25" s="318">
        <v>15537</v>
      </c>
      <c r="DI25" s="319">
        <v>70534</v>
      </c>
      <c r="DJ25" s="323">
        <v>86071</v>
      </c>
      <c r="DK25" s="324">
        <v>0</v>
      </c>
      <c r="DL25" s="319">
        <v>262293</v>
      </c>
      <c r="DM25" s="319">
        <v>218216</v>
      </c>
      <c r="DN25" s="319">
        <v>199705</v>
      </c>
      <c r="DO25" s="319">
        <v>1571194</v>
      </c>
      <c r="DP25" s="319">
        <v>0</v>
      </c>
      <c r="DQ25" s="320">
        <v>2251408</v>
      </c>
      <c r="DR25" s="322">
        <v>2337479</v>
      </c>
      <c r="DS25" s="318">
        <v>15537</v>
      </c>
      <c r="DT25" s="319">
        <v>70534</v>
      </c>
      <c r="DU25" s="320">
        <v>86071</v>
      </c>
      <c r="DV25" s="318">
        <v>0</v>
      </c>
      <c r="DW25" s="319">
        <v>262293</v>
      </c>
      <c r="DX25" s="319">
        <v>200004</v>
      </c>
      <c r="DY25" s="319">
        <v>199705</v>
      </c>
      <c r="DZ25" s="319">
        <v>1411848</v>
      </c>
      <c r="EA25" s="319">
        <v>0</v>
      </c>
      <c r="EB25" s="320">
        <v>2073850</v>
      </c>
      <c r="EC25" s="322">
        <v>2159921</v>
      </c>
      <c r="ED25" s="318">
        <v>0</v>
      </c>
      <c r="EE25" s="323">
        <v>0</v>
      </c>
      <c r="EF25" s="320">
        <v>0</v>
      </c>
      <c r="EG25" s="318">
        <v>0</v>
      </c>
      <c r="EH25" s="319">
        <v>0</v>
      </c>
      <c r="EI25" s="319">
        <v>18212</v>
      </c>
      <c r="EJ25" s="319">
        <v>0</v>
      </c>
      <c r="EK25" s="319">
        <v>159346</v>
      </c>
      <c r="EL25" s="319">
        <v>0</v>
      </c>
      <c r="EM25" s="323">
        <v>177558</v>
      </c>
      <c r="EN25" s="322">
        <v>177558</v>
      </c>
      <c r="EO25" s="318">
        <v>0</v>
      </c>
      <c r="EP25" s="319">
        <v>0</v>
      </c>
      <c r="EQ25" s="323">
        <v>0</v>
      </c>
      <c r="ER25" s="324">
        <v>0</v>
      </c>
      <c r="ES25" s="319">
        <v>0</v>
      </c>
      <c r="ET25" s="319">
        <v>0</v>
      </c>
      <c r="EU25" s="319">
        <v>0</v>
      </c>
      <c r="EV25" s="319">
        <v>0</v>
      </c>
      <c r="EW25" s="319">
        <v>0</v>
      </c>
      <c r="EX25" s="320">
        <v>0</v>
      </c>
      <c r="EY25" s="322">
        <v>0</v>
      </c>
      <c r="EZ25" s="318">
        <v>0</v>
      </c>
      <c r="FA25" s="319">
        <v>0</v>
      </c>
      <c r="FB25" s="323">
        <v>0</v>
      </c>
      <c r="FC25" s="325"/>
      <c r="FD25" s="319">
        <v>0</v>
      </c>
      <c r="FE25" s="319">
        <v>0</v>
      </c>
      <c r="FF25" s="319">
        <v>0</v>
      </c>
      <c r="FG25" s="319">
        <v>0</v>
      </c>
      <c r="FH25" s="319">
        <v>0</v>
      </c>
      <c r="FI25" s="320">
        <v>0</v>
      </c>
      <c r="FJ25" s="322">
        <v>0</v>
      </c>
      <c r="FK25" s="318">
        <v>76808</v>
      </c>
      <c r="FL25" s="319">
        <v>246552</v>
      </c>
      <c r="FM25" s="320">
        <v>323360</v>
      </c>
      <c r="FN25" s="318">
        <v>0</v>
      </c>
      <c r="FO25" s="319">
        <v>567912</v>
      </c>
      <c r="FP25" s="319">
        <v>359280</v>
      </c>
      <c r="FQ25" s="319">
        <v>423960</v>
      </c>
      <c r="FR25" s="319">
        <v>435056</v>
      </c>
      <c r="FS25" s="319">
        <v>108848</v>
      </c>
      <c r="FT25" s="320">
        <v>1895056</v>
      </c>
      <c r="FU25" s="322">
        <v>2218416</v>
      </c>
      <c r="FV25" s="326">
        <v>62552</v>
      </c>
      <c r="FW25" s="319">
        <v>118552</v>
      </c>
      <c r="FX25" s="323">
        <v>181104</v>
      </c>
      <c r="FY25" s="324">
        <v>0</v>
      </c>
      <c r="FZ25" s="319">
        <v>467192</v>
      </c>
      <c r="GA25" s="319">
        <v>328880</v>
      </c>
      <c r="GB25" s="319">
        <v>311480</v>
      </c>
      <c r="GC25" s="319">
        <v>353760</v>
      </c>
      <c r="GD25" s="319">
        <v>97008</v>
      </c>
      <c r="GE25" s="320">
        <v>1558320</v>
      </c>
      <c r="GF25" s="327">
        <v>1739424</v>
      </c>
      <c r="GG25" s="326">
        <v>14256</v>
      </c>
      <c r="GH25" s="319">
        <v>0</v>
      </c>
      <c r="GI25" s="323">
        <v>14256</v>
      </c>
      <c r="GJ25" s="324">
        <v>0</v>
      </c>
      <c r="GK25" s="319">
        <v>42320</v>
      </c>
      <c r="GL25" s="319">
        <v>0</v>
      </c>
      <c r="GM25" s="319">
        <v>33280</v>
      </c>
      <c r="GN25" s="319">
        <v>81296</v>
      </c>
      <c r="GO25" s="319">
        <v>11840</v>
      </c>
      <c r="GP25" s="320">
        <v>168736</v>
      </c>
      <c r="GQ25" s="322">
        <v>182992</v>
      </c>
      <c r="GR25" s="318">
        <v>0</v>
      </c>
      <c r="GS25" s="319">
        <v>128000</v>
      </c>
      <c r="GT25" s="320">
        <v>128000</v>
      </c>
      <c r="GU25" s="318">
        <v>0</v>
      </c>
      <c r="GV25" s="319">
        <v>58400</v>
      </c>
      <c r="GW25" s="319">
        <v>30400</v>
      </c>
      <c r="GX25" s="319">
        <v>79200</v>
      </c>
      <c r="GY25" s="319">
        <v>0</v>
      </c>
      <c r="GZ25" s="319">
        <v>0</v>
      </c>
      <c r="HA25" s="323">
        <v>168000</v>
      </c>
      <c r="HB25" s="322">
        <v>296000</v>
      </c>
      <c r="HC25" s="318">
        <v>102048</v>
      </c>
      <c r="HD25" s="319">
        <v>352095</v>
      </c>
      <c r="HE25" s="323">
        <v>454143</v>
      </c>
      <c r="HF25" s="324">
        <v>0</v>
      </c>
      <c r="HG25" s="319">
        <v>1329490</v>
      </c>
      <c r="HH25" s="319">
        <v>1896999</v>
      </c>
      <c r="HI25" s="319">
        <v>1195216</v>
      </c>
      <c r="HJ25" s="319">
        <v>1467103</v>
      </c>
      <c r="HK25" s="319">
        <v>230108</v>
      </c>
      <c r="HL25" s="320">
        <v>6118916</v>
      </c>
      <c r="HM25" s="321">
        <v>6573059</v>
      </c>
      <c r="HN25" s="411"/>
      <c r="HO25" s="412"/>
      <c r="HP25" s="413"/>
      <c r="HQ25" s="414"/>
      <c r="HR25" s="412"/>
      <c r="HS25" s="412"/>
      <c r="HT25" s="412"/>
      <c r="HU25" s="412"/>
      <c r="HV25" s="412"/>
      <c r="HW25" s="415"/>
      <c r="HX25" s="416"/>
      <c r="HY25" s="328">
        <v>0</v>
      </c>
      <c r="HZ25" s="329">
        <v>0</v>
      </c>
      <c r="IA25" s="330">
        <v>0</v>
      </c>
      <c r="IB25" s="353">
        <v>0</v>
      </c>
      <c r="IC25" s="329">
        <v>639849</v>
      </c>
      <c r="ID25" s="354">
        <v>1050170</v>
      </c>
      <c r="IE25" s="330">
        <v>680218</v>
      </c>
      <c r="IF25" s="329">
        <v>498178</v>
      </c>
      <c r="IG25" s="330">
        <v>0</v>
      </c>
      <c r="IH25" s="355">
        <v>2868415</v>
      </c>
      <c r="II25" s="336">
        <v>2868415</v>
      </c>
      <c r="IJ25" s="337">
        <v>0</v>
      </c>
      <c r="IK25" s="338">
        <v>0</v>
      </c>
      <c r="IL25" s="339">
        <v>0</v>
      </c>
      <c r="IM25" s="340"/>
      <c r="IN25" s="341">
        <v>0</v>
      </c>
      <c r="IO25" s="341">
        <v>0</v>
      </c>
      <c r="IP25" s="341">
        <v>0</v>
      </c>
      <c r="IQ25" s="341">
        <v>0</v>
      </c>
      <c r="IR25" s="341">
        <v>0</v>
      </c>
      <c r="IS25" s="342">
        <v>0</v>
      </c>
      <c r="IT25" s="343">
        <v>0</v>
      </c>
      <c r="IU25" s="344">
        <v>0</v>
      </c>
      <c r="IV25" s="341">
        <v>0</v>
      </c>
      <c r="IW25" s="345">
        <v>0</v>
      </c>
      <c r="IX25" s="340"/>
      <c r="IY25" s="341">
        <v>0</v>
      </c>
      <c r="IZ25" s="341">
        <v>0</v>
      </c>
      <c r="JA25" s="341">
        <v>0</v>
      </c>
      <c r="JB25" s="341">
        <v>0</v>
      </c>
      <c r="JC25" s="341">
        <v>0</v>
      </c>
      <c r="JD25" s="345">
        <v>0</v>
      </c>
      <c r="JE25" s="347">
        <v>0</v>
      </c>
      <c r="JF25" s="344">
        <v>0</v>
      </c>
      <c r="JG25" s="341">
        <v>0</v>
      </c>
      <c r="JH25" s="342">
        <v>0</v>
      </c>
      <c r="JI25" s="348">
        <v>0</v>
      </c>
      <c r="JJ25" s="341">
        <v>405761</v>
      </c>
      <c r="JK25" s="341">
        <v>575897</v>
      </c>
      <c r="JL25" s="341">
        <v>427638</v>
      </c>
      <c r="JM25" s="341">
        <v>0</v>
      </c>
      <c r="JN25" s="341">
        <v>0</v>
      </c>
      <c r="JO25" s="345">
        <v>1409296</v>
      </c>
      <c r="JP25" s="343">
        <v>1409296</v>
      </c>
      <c r="JQ25" s="344">
        <v>0</v>
      </c>
      <c r="JR25" s="341">
        <v>0</v>
      </c>
      <c r="JS25" s="342">
        <v>0</v>
      </c>
      <c r="JT25" s="348">
        <v>0</v>
      </c>
      <c r="JU25" s="341">
        <v>0</v>
      </c>
      <c r="JV25" s="341">
        <v>0</v>
      </c>
      <c r="JW25" s="341">
        <v>0</v>
      </c>
      <c r="JX25" s="341">
        <v>0</v>
      </c>
      <c r="JY25" s="341">
        <v>0</v>
      </c>
      <c r="JZ25" s="345">
        <v>0</v>
      </c>
      <c r="KA25" s="343">
        <v>0</v>
      </c>
      <c r="KB25" s="349">
        <v>0</v>
      </c>
      <c r="KC25" s="350">
        <v>0</v>
      </c>
      <c r="KD25" s="345">
        <v>0</v>
      </c>
      <c r="KE25" s="348">
        <v>0</v>
      </c>
      <c r="KF25" s="341">
        <v>0</v>
      </c>
      <c r="KG25" s="341">
        <v>0</v>
      </c>
      <c r="KH25" s="341">
        <v>0</v>
      </c>
      <c r="KI25" s="341">
        <v>0</v>
      </c>
      <c r="KJ25" s="341">
        <v>0</v>
      </c>
      <c r="KK25" s="345">
        <v>0</v>
      </c>
      <c r="KL25" s="351">
        <v>0</v>
      </c>
      <c r="KM25" s="337">
        <v>0</v>
      </c>
      <c r="KN25" s="338">
        <v>0</v>
      </c>
      <c r="KO25" s="339">
        <v>0</v>
      </c>
      <c r="KP25" s="340"/>
      <c r="KQ25" s="341">
        <v>234088</v>
      </c>
      <c r="KR25" s="341">
        <v>474273</v>
      </c>
      <c r="KS25" s="341">
        <v>252580</v>
      </c>
      <c r="KT25" s="341">
        <v>498178</v>
      </c>
      <c r="KU25" s="341">
        <v>0</v>
      </c>
      <c r="KV25" s="345">
        <v>1459119</v>
      </c>
      <c r="KW25" s="343">
        <v>1459119</v>
      </c>
      <c r="KX25" s="344">
        <v>0</v>
      </c>
      <c r="KY25" s="341">
        <v>0</v>
      </c>
      <c r="KZ25" s="345">
        <v>0</v>
      </c>
      <c r="LA25" s="340"/>
      <c r="LB25" s="341">
        <v>0</v>
      </c>
      <c r="LC25" s="341">
        <v>0</v>
      </c>
      <c r="LD25" s="341">
        <v>0</v>
      </c>
      <c r="LE25" s="341">
        <v>0</v>
      </c>
      <c r="LF25" s="341">
        <v>0</v>
      </c>
      <c r="LG25" s="345">
        <v>0</v>
      </c>
      <c r="LH25" s="347">
        <v>0</v>
      </c>
      <c r="LI25" s="344">
        <v>0</v>
      </c>
      <c r="LJ25" s="341">
        <v>0</v>
      </c>
      <c r="LK25" s="345">
        <v>0</v>
      </c>
      <c r="LL25" s="340"/>
      <c r="LM25" s="341">
        <v>0</v>
      </c>
      <c r="LN25" s="341">
        <v>0</v>
      </c>
      <c r="LO25" s="341">
        <v>0</v>
      </c>
      <c r="LP25" s="341">
        <v>0</v>
      </c>
      <c r="LQ25" s="341">
        <v>0</v>
      </c>
      <c r="LR25" s="345">
        <v>0</v>
      </c>
      <c r="LS25" s="343">
        <v>0</v>
      </c>
      <c r="LT25" s="344">
        <v>0</v>
      </c>
      <c r="LU25" s="341">
        <v>0</v>
      </c>
      <c r="LV25" s="345">
        <v>0</v>
      </c>
      <c r="LW25" s="340"/>
      <c r="LX25" s="341">
        <v>0</v>
      </c>
      <c r="LY25" s="341">
        <v>0</v>
      </c>
      <c r="LZ25" s="341">
        <v>0</v>
      </c>
      <c r="MA25" s="341">
        <v>0</v>
      </c>
      <c r="MB25" s="341">
        <v>0</v>
      </c>
      <c r="MC25" s="345">
        <v>0</v>
      </c>
      <c r="MD25" s="347">
        <v>0</v>
      </c>
      <c r="ME25" s="344">
        <v>0</v>
      </c>
      <c r="MF25" s="341">
        <v>0</v>
      </c>
      <c r="MG25" s="345">
        <v>0</v>
      </c>
      <c r="MH25" s="340"/>
      <c r="MI25" s="341">
        <v>0</v>
      </c>
      <c r="MJ25" s="341">
        <v>702443</v>
      </c>
      <c r="MK25" s="341">
        <v>2231254</v>
      </c>
      <c r="ML25" s="341">
        <v>3393277</v>
      </c>
      <c r="MM25" s="341">
        <v>2233562</v>
      </c>
      <c r="MN25" s="345">
        <v>8560536</v>
      </c>
      <c r="MO25" s="351">
        <v>8560536</v>
      </c>
      <c r="MP25" s="344">
        <v>0</v>
      </c>
      <c r="MQ25" s="341">
        <v>0</v>
      </c>
      <c r="MR25" s="345">
        <v>0</v>
      </c>
      <c r="MS25" s="340"/>
      <c r="MT25" s="341">
        <v>0</v>
      </c>
      <c r="MU25" s="341">
        <v>0</v>
      </c>
      <c r="MV25" s="341">
        <v>1198867</v>
      </c>
      <c r="MW25" s="341">
        <v>2856713</v>
      </c>
      <c r="MX25" s="341">
        <v>842574</v>
      </c>
      <c r="MY25" s="345">
        <v>4898154</v>
      </c>
      <c r="MZ25" s="351">
        <v>4898154</v>
      </c>
      <c r="NA25" s="344">
        <v>0</v>
      </c>
      <c r="NB25" s="341">
        <v>0</v>
      </c>
      <c r="NC25" s="345">
        <v>0</v>
      </c>
      <c r="ND25" s="340"/>
      <c r="NE25" s="341">
        <v>0</v>
      </c>
      <c r="NF25" s="341">
        <v>702443</v>
      </c>
      <c r="NG25" s="341">
        <v>1032387</v>
      </c>
      <c r="NH25" s="341">
        <v>536564</v>
      </c>
      <c r="NI25" s="341">
        <v>674976</v>
      </c>
      <c r="NJ25" s="345">
        <v>2946370</v>
      </c>
      <c r="NK25" s="343">
        <v>2946370</v>
      </c>
      <c r="NL25" s="344">
        <v>0</v>
      </c>
      <c r="NM25" s="341">
        <v>0</v>
      </c>
      <c r="NN25" s="345">
        <v>0</v>
      </c>
      <c r="NO25" s="340"/>
      <c r="NP25" s="341">
        <v>0</v>
      </c>
      <c r="NQ25" s="341">
        <v>0</v>
      </c>
      <c r="NR25" s="341">
        <v>0</v>
      </c>
      <c r="NS25" s="341">
        <v>0</v>
      </c>
      <c r="NT25" s="341">
        <v>0</v>
      </c>
      <c r="NU25" s="345">
        <v>0</v>
      </c>
      <c r="NV25" s="347">
        <v>0</v>
      </c>
      <c r="NW25" s="344">
        <v>0</v>
      </c>
      <c r="NX25" s="341">
        <v>0</v>
      </c>
      <c r="NY25" s="345">
        <v>0</v>
      </c>
      <c r="NZ25" s="340"/>
      <c r="OA25" s="341">
        <v>0</v>
      </c>
      <c r="OB25" s="341">
        <v>0</v>
      </c>
      <c r="OC25" s="341">
        <v>0</v>
      </c>
      <c r="OD25" s="341">
        <v>0</v>
      </c>
      <c r="OE25" s="341">
        <v>716012</v>
      </c>
      <c r="OF25" s="345">
        <v>716012</v>
      </c>
      <c r="OG25" s="347">
        <v>716012</v>
      </c>
      <c r="OH25" s="344">
        <v>378927</v>
      </c>
      <c r="OI25" s="341">
        <v>1032426</v>
      </c>
      <c r="OJ25" s="342">
        <v>1411353</v>
      </c>
      <c r="OK25" s="348">
        <v>0</v>
      </c>
      <c r="OL25" s="341">
        <v>6750467</v>
      </c>
      <c r="OM25" s="341">
        <v>6840700</v>
      </c>
      <c r="ON25" s="341">
        <v>7728995</v>
      </c>
      <c r="OO25" s="341">
        <v>9653693</v>
      </c>
      <c r="OP25" s="341">
        <v>3238079</v>
      </c>
      <c r="OQ25" s="345">
        <v>34211934</v>
      </c>
      <c r="OR25" s="351">
        <v>35623287</v>
      </c>
    </row>
    <row r="26" spans="1:408" ht="20.25" customHeight="1" x14ac:dyDescent="0.2">
      <c r="A26" s="111" t="s">
        <v>21</v>
      </c>
      <c r="B26" s="318">
        <v>238547</v>
      </c>
      <c r="C26" s="319">
        <v>344870</v>
      </c>
      <c r="D26" s="320">
        <v>583417</v>
      </c>
      <c r="E26" s="321">
        <v>0</v>
      </c>
      <c r="F26" s="319">
        <v>4137552</v>
      </c>
      <c r="G26" s="319">
        <v>4431764</v>
      </c>
      <c r="H26" s="319">
        <v>4218992</v>
      </c>
      <c r="I26" s="319">
        <v>5412675</v>
      </c>
      <c r="J26" s="319">
        <v>2910866</v>
      </c>
      <c r="K26" s="358">
        <v>21111849</v>
      </c>
      <c r="L26" s="322">
        <v>21695266</v>
      </c>
      <c r="M26" s="318">
        <v>156143</v>
      </c>
      <c r="N26" s="319">
        <v>153201</v>
      </c>
      <c r="O26" s="320">
        <v>309344</v>
      </c>
      <c r="P26" s="318">
        <v>0</v>
      </c>
      <c r="Q26" s="319">
        <v>1271711</v>
      </c>
      <c r="R26" s="319">
        <v>1663731</v>
      </c>
      <c r="S26" s="319">
        <v>1325500</v>
      </c>
      <c r="T26" s="319">
        <v>2467413</v>
      </c>
      <c r="U26" s="319">
        <v>1329069</v>
      </c>
      <c r="V26" s="320">
        <v>8057424</v>
      </c>
      <c r="W26" s="322">
        <v>8366768</v>
      </c>
      <c r="X26" s="318">
        <v>0</v>
      </c>
      <c r="Y26" s="319">
        <v>0</v>
      </c>
      <c r="Z26" s="320">
        <v>0</v>
      </c>
      <c r="AA26" s="318">
        <v>0</v>
      </c>
      <c r="AB26" s="319">
        <v>427280</v>
      </c>
      <c r="AC26" s="319">
        <v>468703</v>
      </c>
      <c r="AD26" s="319">
        <v>790034</v>
      </c>
      <c r="AE26" s="319">
        <v>1802264</v>
      </c>
      <c r="AF26" s="319">
        <v>1009173</v>
      </c>
      <c r="AG26" s="320">
        <v>4497454</v>
      </c>
      <c r="AH26" s="322">
        <v>4497454</v>
      </c>
      <c r="AI26" s="318">
        <v>0</v>
      </c>
      <c r="AJ26" s="319">
        <v>0</v>
      </c>
      <c r="AK26" s="320">
        <v>0</v>
      </c>
      <c r="AL26" s="318">
        <v>0</v>
      </c>
      <c r="AM26" s="319">
        <v>0</v>
      </c>
      <c r="AN26" s="319">
        <v>0</v>
      </c>
      <c r="AO26" s="319">
        <v>0</v>
      </c>
      <c r="AP26" s="319">
        <v>11724</v>
      </c>
      <c r="AQ26" s="319">
        <v>46292</v>
      </c>
      <c r="AR26" s="320">
        <v>58016</v>
      </c>
      <c r="AS26" s="322">
        <v>58016</v>
      </c>
      <c r="AT26" s="318">
        <v>94979</v>
      </c>
      <c r="AU26" s="319">
        <v>120771</v>
      </c>
      <c r="AV26" s="320">
        <v>215750</v>
      </c>
      <c r="AW26" s="318">
        <v>0</v>
      </c>
      <c r="AX26" s="319">
        <v>438629</v>
      </c>
      <c r="AY26" s="319">
        <v>876439</v>
      </c>
      <c r="AZ26" s="319">
        <v>367882</v>
      </c>
      <c r="BA26" s="319">
        <v>360718</v>
      </c>
      <c r="BB26" s="319">
        <v>154076</v>
      </c>
      <c r="BC26" s="320">
        <v>2197744</v>
      </c>
      <c r="BD26" s="322">
        <v>2413494</v>
      </c>
      <c r="BE26" s="318">
        <v>24788</v>
      </c>
      <c r="BF26" s="319">
        <v>25910</v>
      </c>
      <c r="BG26" s="323">
        <v>50698</v>
      </c>
      <c r="BH26" s="324">
        <v>0</v>
      </c>
      <c r="BI26" s="319">
        <v>115322</v>
      </c>
      <c r="BJ26" s="319">
        <v>115461</v>
      </c>
      <c r="BK26" s="319">
        <v>0</v>
      </c>
      <c r="BL26" s="319">
        <v>0</v>
      </c>
      <c r="BM26" s="319">
        <v>0</v>
      </c>
      <c r="BN26" s="320">
        <v>230783</v>
      </c>
      <c r="BO26" s="322">
        <v>281481</v>
      </c>
      <c r="BP26" s="318">
        <v>36376</v>
      </c>
      <c r="BQ26" s="319">
        <v>6520</v>
      </c>
      <c r="BR26" s="320">
        <v>42896</v>
      </c>
      <c r="BS26" s="318">
        <v>0</v>
      </c>
      <c r="BT26" s="319">
        <v>290480</v>
      </c>
      <c r="BU26" s="319">
        <v>203128</v>
      </c>
      <c r="BV26" s="319">
        <v>167584</v>
      </c>
      <c r="BW26" s="319">
        <v>292707</v>
      </c>
      <c r="BX26" s="319">
        <v>119528</v>
      </c>
      <c r="BY26" s="320">
        <v>1073427</v>
      </c>
      <c r="BZ26" s="322">
        <v>1116323</v>
      </c>
      <c r="CA26" s="318">
        <v>0</v>
      </c>
      <c r="CB26" s="319">
        <v>75537</v>
      </c>
      <c r="CC26" s="320">
        <v>75537</v>
      </c>
      <c r="CD26" s="318">
        <v>0</v>
      </c>
      <c r="CE26" s="319">
        <v>1173019</v>
      </c>
      <c r="CF26" s="319">
        <v>1458451</v>
      </c>
      <c r="CG26" s="319">
        <v>930068</v>
      </c>
      <c r="CH26" s="319">
        <v>299219</v>
      </c>
      <c r="CI26" s="319">
        <v>247656</v>
      </c>
      <c r="CJ26" s="320">
        <v>4108413</v>
      </c>
      <c r="CK26" s="322">
        <v>4183950</v>
      </c>
      <c r="CL26" s="318">
        <v>0</v>
      </c>
      <c r="CM26" s="319">
        <v>0</v>
      </c>
      <c r="CN26" s="320">
        <v>0</v>
      </c>
      <c r="CO26" s="324">
        <v>0</v>
      </c>
      <c r="CP26" s="319">
        <v>917231</v>
      </c>
      <c r="CQ26" s="319">
        <v>813126</v>
      </c>
      <c r="CR26" s="319">
        <v>685122</v>
      </c>
      <c r="CS26" s="319">
        <v>283963</v>
      </c>
      <c r="CT26" s="319">
        <v>247656</v>
      </c>
      <c r="CU26" s="320">
        <v>2947098</v>
      </c>
      <c r="CV26" s="322">
        <v>2947098</v>
      </c>
      <c r="CW26" s="318">
        <v>0</v>
      </c>
      <c r="CX26" s="319">
        <v>75537</v>
      </c>
      <c r="CY26" s="320">
        <v>75537</v>
      </c>
      <c r="CZ26" s="318">
        <v>0</v>
      </c>
      <c r="DA26" s="319">
        <v>255788</v>
      </c>
      <c r="DB26" s="319">
        <v>645325</v>
      </c>
      <c r="DC26" s="319">
        <v>244946</v>
      </c>
      <c r="DD26" s="319">
        <v>15256</v>
      </c>
      <c r="DE26" s="319">
        <v>0</v>
      </c>
      <c r="DF26" s="320">
        <v>1161315</v>
      </c>
      <c r="DG26" s="322">
        <v>1236852</v>
      </c>
      <c r="DH26" s="318">
        <v>0</v>
      </c>
      <c r="DI26" s="319">
        <v>0</v>
      </c>
      <c r="DJ26" s="323">
        <v>0</v>
      </c>
      <c r="DK26" s="324">
        <v>0</v>
      </c>
      <c r="DL26" s="319">
        <v>90550</v>
      </c>
      <c r="DM26" s="319">
        <v>81098</v>
      </c>
      <c r="DN26" s="319">
        <v>1120098</v>
      </c>
      <c r="DO26" s="319">
        <v>1574829</v>
      </c>
      <c r="DP26" s="319">
        <v>461835</v>
      </c>
      <c r="DQ26" s="320">
        <v>3328410</v>
      </c>
      <c r="DR26" s="322">
        <v>3328410</v>
      </c>
      <c r="DS26" s="318">
        <v>0</v>
      </c>
      <c r="DT26" s="319">
        <v>0</v>
      </c>
      <c r="DU26" s="320">
        <v>0</v>
      </c>
      <c r="DV26" s="318">
        <v>0</v>
      </c>
      <c r="DW26" s="319">
        <v>90550</v>
      </c>
      <c r="DX26" s="319">
        <v>81098</v>
      </c>
      <c r="DY26" s="319">
        <v>1120098</v>
      </c>
      <c r="DZ26" s="319">
        <v>1574829</v>
      </c>
      <c r="EA26" s="319">
        <v>461835</v>
      </c>
      <c r="EB26" s="320">
        <v>3328410</v>
      </c>
      <c r="EC26" s="322">
        <v>3328410</v>
      </c>
      <c r="ED26" s="318">
        <v>0</v>
      </c>
      <c r="EE26" s="323">
        <v>0</v>
      </c>
      <c r="EF26" s="320">
        <v>0</v>
      </c>
      <c r="EG26" s="318">
        <v>0</v>
      </c>
      <c r="EH26" s="319">
        <v>0</v>
      </c>
      <c r="EI26" s="319">
        <v>0</v>
      </c>
      <c r="EJ26" s="319">
        <v>0</v>
      </c>
      <c r="EK26" s="319">
        <v>0</v>
      </c>
      <c r="EL26" s="319">
        <v>0</v>
      </c>
      <c r="EM26" s="323">
        <v>0</v>
      </c>
      <c r="EN26" s="322">
        <v>0</v>
      </c>
      <c r="EO26" s="318">
        <v>0</v>
      </c>
      <c r="EP26" s="319">
        <v>0</v>
      </c>
      <c r="EQ26" s="323">
        <v>0</v>
      </c>
      <c r="ER26" s="324">
        <v>0</v>
      </c>
      <c r="ES26" s="319">
        <v>0</v>
      </c>
      <c r="ET26" s="319">
        <v>0</v>
      </c>
      <c r="EU26" s="319">
        <v>0</v>
      </c>
      <c r="EV26" s="319">
        <v>0</v>
      </c>
      <c r="EW26" s="319">
        <v>0</v>
      </c>
      <c r="EX26" s="320">
        <v>0</v>
      </c>
      <c r="EY26" s="322">
        <v>0</v>
      </c>
      <c r="EZ26" s="318">
        <v>0</v>
      </c>
      <c r="FA26" s="319">
        <v>0</v>
      </c>
      <c r="FB26" s="323">
        <v>0</v>
      </c>
      <c r="FC26" s="325"/>
      <c r="FD26" s="319">
        <v>0</v>
      </c>
      <c r="FE26" s="319">
        <v>0</v>
      </c>
      <c r="FF26" s="319">
        <v>0</v>
      </c>
      <c r="FG26" s="319">
        <v>0</v>
      </c>
      <c r="FH26" s="319">
        <v>0</v>
      </c>
      <c r="FI26" s="320">
        <v>0</v>
      </c>
      <c r="FJ26" s="322">
        <v>0</v>
      </c>
      <c r="FK26" s="318">
        <v>24064</v>
      </c>
      <c r="FL26" s="319">
        <v>28512</v>
      </c>
      <c r="FM26" s="320">
        <v>52576</v>
      </c>
      <c r="FN26" s="318">
        <v>0</v>
      </c>
      <c r="FO26" s="319">
        <v>308512</v>
      </c>
      <c r="FP26" s="319">
        <v>564648</v>
      </c>
      <c r="FQ26" s="319">
        <v>265808</v>
      </c>
      <c r="FR26" s="319">
        <v>232034</v>
      </c>
      <c r="FS26" s="319">
        <v>193136</v>
      </c>
      <c r="FT26" s="320">
        <v>1564138</v>
      </c>
      <c r="FU26" s="322">
        <v>1616714</v>
      </c>
      <c r="FV26" s="326">
        <v>24064</v>
      </c>
      <c r="FW26" s="319">
        <v>28512</v>
      </c>
      <c r="FX26" s="323">
        <v>52576</v>
      </c>
      <c r="FY26" s="324">
        <v>0</v>
      </c>
      <c r="FZ26" s="319">
        <v>137600</v>
      </c>
      <c r="GA26" s="319">
        <v>555128</v>
      </c>
      <c r="GB26" s="319">
        <v>247008</v>
      </c>
      <c r="GC26" s="319">
        <v>232034</v>
      </c>
      <c r="GD26" s="319">
        <v>80056</v>
      </c>
      <c r="GE26" s="320">
        <v>1251826</v>
      </c>
      <c r="GF26" s="327">
        <v>1304402</v>
      </c>
      <c r="GG26" s="326">
        <v>0</v>
      </c>
      <c r="GH26" s="319">
        <v>0</v>
      </c>
      <c r="GI26" s="323">
        <v>0</v>
      </c>
      <c r="GJ26" s="324">
        <v>0</v>
      </c>
      <c r="GK26" s="319">
        <v>10912</v>
      </c>
      <c r="GL26" s="319">
        <v>0</v>
      </c>
      <c r="GM26" s="319">
        <v>18800</v>
      </c>
      <c r="GN26" s="319">
        <v>0</v>
      </c>
      <c r="GO26" s="319">
        <v>0</v>
      </c>
      <c r="GP26" s="320">
        <v>29712</v>
      </c>
      <c r="GQ26" s="322">
        <v>29712</v>
      </c>
      <c r="GR26" s="318">
        <v>0</v>
      </c>
      <c r="GS26" s="319">
        <v>0</v>
      </c>
      <c r="GT26" s="320">
        <v>0</v>
      </c>
      <c r="GU26" s="318">
        <v>0</v>
      </c>
      <c r="GV26" s="319">
        <v>160000</v>
      </c>
      <c r="GW26" s="319">
        <v>9520</v>
      </c>
      <c r="GX26" s="319">
        <v>0</v>
      </c>
      <c r="GY26" s="319">
        <v>0</v>
      </c>
      <c r="GZ26" s="319">
        <v>113080</v>
      </c>
      <c r="HA26" s="323">
        <v>282600</v>
      </c>
      <c r="HB26" s="322">
        <v>282600</v>
      </c>
      <c r="HC26" s="318">
        <v>58340</v>
      </c>
      <c r="HD26" s="319">
        <v>87620</v>
      </c>
      <c r="HE26" s="323">
        <v>145960</v>
      </c>
      <c r="HF26" s="324">
        <v>0</v>
      </c>
      <c r="HG26" s="319">
        <v>1293760</v>
      </c>
      <c r="HH26" s="319">
        <v>663836</v>
      </c>
      <c r="HI26" s="319">
        <v>577518</v>
      </c>
      <c r="HJ26" s="319">
        <v>839180</v>
      </c>
      <c r="HK26" s="319">
        <v>679170</v>
      </c>
      <c r="HL26" s="320">
        <v>4053464</v>
      </c>
      <c r="HM26" s="321">
        <v>4199424</v>
      </c>
      <c r="HN26" s="411"/>
      <c r="HO26" s="412"/>
      <c r="HP26" s="413"/>
      <c r="HQ26" s="414"/>
      <c r="HR26" s="412"/>
      <c r="HS26" s="412"/>
      <c r="HT26" s="412"/>
      <c r="HU26" s="412"/>
      <c r="HV26" s="412"/>
      <c r="HW26" s="415"/>
      <c r="HX26" s="416"/>
      <c r="HY26" s="357">
        <v>0</v>
      </c>
      <c r="HZ26" s="332">
        <v>0</v>
      </c>
      <c r="IA26" s="357">
        <v>0</v>
      </c>
      <c r="IB26" s="331">
        <v>0</v>
      </c>
      <c r="IC26" s="332">
        <v>859658</v>
      </c>
      <c r="ID26" s="333">
        <v>799516</v>
      </c>
      <c r="IE26" s="334">
        <v>1098468</v>
      </c>
      <c r="IF26" s="332">
        <v>682958</v>
      </c>
      <c r="IG26" s="334">
        <v>119104</v>
      </c>
      <c r="IH26" s="335">
        <v>3559704</v>
      </c>
      <c r="II26" s="357">
        <v>3559704</v>
      </c>
      <c r="IJ26" s="337">
        <v>0</v>
      </c>
      <c r="IK26" s="338">
        <v>0</v>
      </c>
      <c r="IL26" s="339">
        <v>0</v>
      </c>
      <c r="IM26" s="340"/>
      <c r="IN26" s="341">
        <v>0</v>
      </c>
      <c r="IO26" s="341">
        <v>0</v>
      </c>
      <c r="IP26" s="341">
        <v>0</v>
      </c>
      <c r="IQ26" s="341">
        <v>0</v>
      </c>
      <c r="IR26" s="341">
        <v>0</v>
      </c>
      <c r="IS26" s="342">
        <v>0</v>
      </c>
      <c r="IT26" s="343">
        <v>0</v>
      </c>
      <c r="IU26" s="344">
        <v>0</v>
      </c>
      <c r="IV26" s="341">
        <v>0</v>
      </c>
      <c r="IW26" s="345">
        <v>0</v>
      </c>
      <c r="IX26" s="340"/>
      <c r="IY26" s="341">
        <v>0</v>
      </c>
      <c r="IZ26" s="341">
        <v>0</v>
      </c>
      <c r="JA26" s="341">
        <v>0</v>
      </c>
      <c r="JB26" s="341">
        <v>0</v>
      </c>
      <c r="JC26" s="341">
        <v>0</v>
      </c>
      <c r="JD26" s="345">
        <v>0</v>
      </c>
      <c r="JE26" s="347">
        <v>0</v>
      </c>
      <c r="JF26" s="344">
        <v>0</v>
      </c>
      <c r="JG26" s="341">
        <v>0</v>
      </c>
      <c r="JH26" s="342">
        <v>0</v>
      </c>
      <c r="JI26" s="348">
        <v>0</v>
      </c>
      <c r="JJ26" s="341">
        <v>428710</v>
      </c>
      <c r="JK26" s="341">
        <v>799516</v>
      </c>
      <c r="JL26" s="341">
        <v>367261</v>
      </c>
      <c r="JM26" s="341">
        <v>436473</v>
      </c>
      <c r="JN26" s="341">
        <v>119104</v>
      </c>
      <c r="JO26" s="345">
        <v>2151064</v>
      </c>
      <c r="JP26" s="343">
        <v>2151064</v>
      </c>
      <c r="JQ26" s="344">
        <v>0</v>
      </c>
      <c r="JR26" s="341">
        <v>0</v>
      </c>
      <c r="JS26" s="342">
        <v>0</v>
      </c>
      <c r="JT26" s="348">
        <v>0</v>
      </c>
      <c r="JU26" s="341">
        <v>0</v>
      </c>
      <c r="JV26" s="341">
        <v>0</v>
      </c>
      <c r="JW26" s="341">
        <v>0</v>
      </c>
      <c r="JX26" s="341">
        <v>0</v>
      </c>
      <c r="JY26" s="341">
        <v>0</v>
      </c>
      <c r="JZ26" s="345">
        <v>0</v>
      </c>
      <c r="KA26" s="343">
        <v>0</v>
      </c>
      <c r="KB26" s="349">
        <v>0</v>
      </c>
      <c r="KC26" s="350">
        <v>0</v>
      </c>
      <c r="KD26" s="345">
        <v>0</v>
      </c>
      <c r="KE26" s="348">
        <v>0</v>
      </c>
      <c r="KF26" s="341">
        <v>0</v>
      </c>
      <c r="KG26" s="341">
        <v>0</v>
      </c>
      <c r="KH26" s="341">
        <v>488801</v>
      </c>
      <c r="KI26" s="341">
        <v>0</v>
      </c>
      <c r="KJ26" s="341">
        <v>0</v>
      </c>
      <c r="KK26" s="345">
        <v>488801</v>
      </c>
      <c r="KL26" s="351">
        <v>488801</v>
      </c>
      <c r="KM26" s="337">
        <v>0</v>
      </c>
      <c r="KN26" s="338">
        <v>0</v>
      </c>
      <c r="KO26" s="339">
        <v>0</v>
      </c>
      <c r="KP26" s="340"/>
      <c r="KQ26" s="341">
        <v>430948</v>
      </c>
      <c r="KR26" s="341">
        <v>0</v>
      </c>
      <c r="KS26" s="341">
        <v>242406</v>
      </c>
      <c r="KT26" s="341">
        <v>246485</v>
      </c>
      <c r="KU26" s="341">
        <v>0</v>
      </c>
      <c r="KV26" s="345">
        <v>919839</v>
      </c>
      <c r="KW26" s="343">
        <v>919839</v>
      </c>
      <c r="KX26" s="344">
        <v>0</v>
      </c>
      <c r="KY26" s="341">
        <v>0</v>
      </c>
      <c r="KZ26" s="345">
        <v>0</v>
      </c>
      <c r="LA26" s="340"/>
      <c r="LB26" s="341">
        <v>0</v>
      </c>
      <c r="LC26" s="341">
        <v>0</v>
      </c>
      <c r="LD26" s="341">
        <v>0</v>
      </c>
      <c r="LE26" s="341">
        <v>0</v>
      </c>
      <c r="LF26" s="341">
        <v>0</v>
      </c>
      <c r="LG26" s="345">
        <v>0</v>
      </c>
      <c r="LH26" s="347">
        <v>0</v>
      </c>
      <c r="LI26" s="344">
        <v>0</v>
      </c>
      <c r="LJ26" s="341">
        <v>0</v>
      </c>
      <c r="LK26" s="345">
        <v>0</v>
      </c>
      <c r="LL26" s="340"/>
      <c r="LM26" s="341">
        <v>0</v>
      </c>
      <c r="LN26" s="341">
        <v>0</v>
      </c>
      <c r="LO26" s="341">
        <v>0</v>
      </c>
      <c r="LP26" s="341">
        <v>0</v>
      </c>
      <c r="LQ26" s="341">
        <v>0</v>
      </c>
      <c r="LR26" s="345">
        <v>0</v>
      </c>
      <c r="LS26" s="343">
        <v>0</v>
      </c>
      <c r="LT26" s="344">
        <v>0</v>
      </c>
      <c r="LU26" s="341">
        <v>0</v>
      </c>
      <c r="LV26" s="345">
        <v>0</v>
      </c>
      <c r="LW26" s="340"/>
      <c r="LX26" s="341">
        <v>0</v>
      </c>
      <c r="LY26" s="341">
        <v>0</v>
      </c>
      <c r="LZ26" s="341">
        <v>0</v>
      </c>
      <c r="MA26" s="341">
        <v>0</v>
      </c>
      <c r="MB26" s="341">
        <v>0</v>
      </c>
      <c r="MC26" s="345">
        <v>0</v>
      </c>
      <c r="MD26" s="347">
        <v>0</v>
      </c>
      <c r="ME26" s="344">
        <v>0</v>
      </c>
      <c r="MF26" s="341">
        <v>0</v>
      </c>
      <c r="MG26" s="345">
        <v>0</v>
      </c>
      <c r="MH26" s="340"/>
      <c r="MI26" s="341">
        <v>0</v>
      </c>
      <c r="MJ26" s="341">
        <v>0</v>
      </c>
      <c r="MK26" s="341">
        <v>2132751</v>
      </c>
      <c r="ML26" s="341">
        <v>3827959</v>
      </c>
      <c r="MM26" s="341">
        <v>2267676</v>
      </c>
      <c r="MN26" s="345">
        <v>8228386</v>
      </c>
      <c r="MO26" s="351">
        <v>8228386</v>
      </c>
      <c r="MP26" s="344">
        <v>0</v>
      </c>
      <c r="MQ26" s="341">
        <v>0</v>
      </c>
      <c r="MR26" s="345">
        <v>0</v>
      </c>
      <c r="MS26" s="340"/>
      <c r="MT26" s="341">
        <v>0</v>
      </c>
      <c r="MU26" s="341">
        <v>0</v>
      </c>
      <c r="MV26" s="341">
        <v>1896941</v>
      </c>
      <c r="MW26" s="341">
        <v>2521813</v>
      </c>
      <c r="MX26" s="341">
        <v>1889879</v>
      </c>
      <c r="MY26" s="345">
        <v>6308633</v>
      </c>
      <c r="MZ26" s="351">
        <v>6308633</v>
      </c>
      <c r="NA26" s="344">
        <v>0</v>
      </c>
      <c r="NB26" s="341">
        <v>0</v>
      </c>
      <c r="NC26" s="345">
        <v>0</v>
      </c>
      <c r="ND26" s="340"/>
      <c r="NE26" s="341">
        <v>0</v>
      </c>
      <c r="NF26" s="341">
        <v>0</v>
      </c>
      <c r="NG26" s="341">
        <v>235810</v>
      </c>
      <c r="NH26" s="341">
        <v>658201</v>
      </c>
      <c r="NI26" s="341">
        <v>0</v>
      </c>
      <c r="NJ26" s="345">
        <v>894011</v>
      </c>
      <c r="NK26" s="343">
        <v>894011</v>
      </c>
      <c r="NL26" s="344">
        <v>0</v>
      </c>
      <c r="NM26" s="341">
        <v>0</v>
      </c>
      <c r="NN26" s="345">
        <v>0</v>
      </c>
      <c r="NO26" s="340"/>
      <c r="NP26" s="341">
        <v>0</v>
      </c>
      <c r="NQ26" s="341">
        <v>0</v>
      </c>
      <c r="NR26" s="341">
        <v>0</v>
      </c>
      <c r="NS26" s="341">
        <v>280629</v>
      </c>
      <c r="NT26" s="341">
        <v>0</v>
      </c>
      <c r="NU26" s="345">
        <v>280629</v>
      </c>
      <c r="NV26" s="347">
        <v>280629</v>
      </c>
      <c r="NW26" s="344">
        <v>0</v>
      </c>
      <c r="NX26" s="341">
        <v>0</v>
      </c>
      <c r="NY26" s="345">
        <v>0</v>
      </c>
      <c r="NZ26" s="340"/>
      <c r="OA26" s="341">
        <v>0</v>
      </c>
      <c r="OB26" s="341">
        <v>0</v>
      </c>
      <c r="OC26" s="341">
        <v>0</v>
      </c>
      <c r="OD26" s="341">
        <v>367316</v>
      </c>
      <c r="OE26" s="341">
        <v>377797</v>
      </c>
      <c r="OF26" s="345">
        <v>745113</v>
      </c>
      <c r="OG26" s="347">
        <v>745113</v>
      </c>
      <c r="OH26" s="344">
        <v>238547</v>
      </c>
      <c r="OI26" s="341">
        <v>344870</v>
      </c>
      <c r="OJ26" s="342">
        <v>583417</v>
      </c>
      <c r="OK26" s="348">
        <v>0</v>
      </c>
      <c r="OL26" s="341">
        <v>4997210</v>
      </c>
      <c r="OM26" s="341">
        <v>5231280</v>
      </c>
      <c r="ON26" s="341">
        <v>7450211</v>
      </c>
      <c r="OO26" s="341">
        <v>9923592</v>
      </c>
      <c r="OP26" s="341">
        <v>5297646</v>
      </c>
      <c r="OQ26" s="345">
        <v>32899939</v>
      </c>
      <c r="OR26" s="351">
        <v>33483356</v>
      </c>
    </row>
    <row r="27" spans="1:408" ht="20.25" customHeight="1" x14ac:dyDescent="0.2">
      <c r="A27" s="111" t="s">
        <v>22</v>
      </c>
      <c r="B27" s="318">
        <v>62545</v>
      </c>
      <c r="C27" s="319">
        <v>122008</v>
      </c>
      <c r="D27" s="320">
        <v>184553</v>
      </c>
      <c r="E27" s="321">
        <v>0</v>
      </c>
      <c r="F27" s="319">
        <v>1361055</v>
      </c>
      <c r="G27" s="319">
        <v>2310444</v>
      </c>
      <c r="H27" s="319">
        <v>1315588</v>
      </c>
      <c r="I27" s="319">
        <v>1618024</v>
      </c>
      <c r="J27" s="319">
        <v>1193316</v>
      </c>
      <c r="K27" s="358">
        <v>7798427</v>
      </c>
      <c r="L27" s="322">
        <v>7982980</v>
      </c>
      <c r="M27" s="318">
        <v>9689</v>
      </c>
      <c r="N27" s="319">
        <v>0</v>
      </c>
      <c r="O27" s="320">
        <v>9689</v>
      </c>
      <c r="P27" s="318">
        <v>0</v>
      </c>
      <c r="Q27" s="319">
        <v>247920</v>
      </c>
      <c r="R27" s="319">
        <v>345149</v>
      </c>
      <c r="S27" s="319">
        <v>245304</v>
      </c>
      <c r="T27" s="319">
        <v>550031</v>
      </c>
      <c r="U27" s="319">
        <v>516090</v>
      </c>
      <c r="V27" s="320">
        <v>1904494</v>
      </c>
      <c r="W27" s="322">
        <v>1914183</v>
      </c>
      <c r="X27" s="318">
        <v>0</v>
      </c>
      <c r="Y27" s="319">
        <v>0</v>
      </c>
      <c r="Z27" s="320">
        <v>0</v>
      </c>
      <c r="AA27" s="318">
        <v>0</v>
      </c>
      <c r="AB27" s="319">
        <v>72712</v>
      </c>
      <c r="AC27" s="319">
        <v>172944</v>
      </c>
      <c r="AD27" s="319">
        <v>104664</v>
      </c>
      <c r="AE27" s="319">
        <v>222310</v>
      </c>
      <c r="AF27" s="319">
        <v>111168</v>
      </c>
      <c r="AG27" s="320">
        <v>683798</v>
      </c>
      <c r="AH27" s="322">
        <v>683798</v>
      </c>
      <c r="AI27" s="318">
        <v>0</v>
      </c>
      <c r="AJ27" s="319">
        <v>0</v>
      </c>
      <c r="AK27" s="320">
        <v>0</v>
      </c>
      <c r="AL27" s="318">
        <v>0</v>
      </c>
      <c r="AM27" s="319">
        <v>0</v>
      </c>
      <c r="AN27" s="319">
        <v>0</v>
      </c>
      <c r="AO27" s="319">
        <v>43264</v>
      </c>
      <c r="AP27" s="319">
        <v>36045</v>
      </c>
      <c r="AQ27" s="319">
        <v>139528</v>
      </c>
      <c r="AR27" s="320">
        <v>218837</v>
      </c>
      <c r="AS27" s="322">
        <v>218837</v>
      </c>
      <c r="AT27" s="318">
        <v>9689</v>
      </c>
      <c r="AU27" s="319">
        <v>0</v>
      </c>
      <c r="AV27" s="320">
        <v>9689</v>
      </c>
      <c r="AW27" s="318">
        <v>0</v>
      </c>
      <c r="AX27" s="319">
        <v>29840</v>
      </c>
      <c r="AY27" s="319">
        <v>92637</v>
      </c>
      <c r="AZ27" s="319">
        <v>56992</v>
      </c>
      <c r="BA27" s="319">
        <v>192756</v>
      </c>
      <c r="BB27" s="319">
        <v>167776</v>
      </c>
      <c r="BC27" s="320">
        <v>540001</v>
      </c>
      <c r="BD27" s="322">
        <v>549690</v>
      </c>
      <c r="BE27" s="318">
        <v>0</v>
      </c>
      <c r="BF27" s="319">
        <v>0</v>
      </c>
      <c r="BG27" s="323">
        <v>0</v>
      </c>
      <c r="BH27" s="324">
        <v>0</v>
      </c>
      <c r="BI27" s="319">
        <v>102200</v>
      </c>
      <c r="BJ27" s="319">
        <v>0</v>
      </c>
      <c r="BK27" s="319">
        <v>0</v>
      </c>
      <c r="BL27" s="319">
        <v>47112</v>
      </c>
      <c r="BM27" s="319">
        <v>85834</v>
      </c>
      <c r="BN27" s="320">
        <v>235146</v>
      </c>
      <c r="BO27" s="322">
        <v>235146</v>
      </c>
      <c r="BP27" s="318">
        <v>0</v>
      </c>
      <c r="BQ27" s="319">
        <v>0</v>
      </c>
      <c r="BR27" s="320">
        <v>0</v>
      </c>
      <c r="BS27" s="318">
        <v>0</v>
      </c>
      <c r="BT27" s="319">
        <v>43168</v>
      </c>
      <c r="BU27" s="319">
        <v>79568</v>
      </c>
      <c r="BV27" s="319">
        <v>40384</v>
      </c>
      <c r="BW27" s="319">
        <v>51808</v>
      </c>
      <c r="BX27" s="319">
        <v>11784</v>
      </c>
      <c r="BY27" s="320">
        <v>226712</v>
      </c>
      <c r="BZ27" s="322">
        <v>226712</v>
      </c>
      <c r="CA27" s="318">
        <v>0</v>
      </c>
      <c r="CB27" s="319">
        <v>0</v>
      </c>
      <c r="CC27" s="320">
        <v>0</v>
      </c>
      <c r="CD27" s="318">
        <v>0</v>
      </c>
      <c r="CE27" s="319">
        <v>559289</v>
      </c>
      <c r="CF27" s="319">
        <v>997573</v>
      </c>
      <c r="CG27" s="319">
        <v>281566</v>
      </c>
      <c r="CH27" s="319">
        <v>253880</v>
      </c>
      <c r="CI27" s="319">
        <v>297568</v>
      </c>
      <c r="CJ27" s="320">
        <v>2389876</v>
      </c>
      <c r="CK27" s="322">
        <v>2389876</v>
      </c>
      <c r="CL27" s="318">
        <v>0</v>
      </c>
      <c r="CM27" s="319">
        <v>0</v>
      </c>
      <c r="CN27" s="320">
        <v>0</v>
      </c>
      <c r="CO27" s="324">
        <v>0</v>
      </c>
      <c r="CP27" s="319">
        <v>374064</v>
      </c>
      <c r="CQ27" s="319">
        <v>868541</v>
      </c>
      <c r="CR27" s="319">
        <v>240398</v>
      </c>
      <c r="CS27" s="319">
        <v>176304</v>
      </c>
      <c r="CT27" s="319">
        <v>122160</v>
      </c>
      <c r="CU27" s="320">
        <v>1781467</v>
      </c>
      <c r="CV27" s="322">
        <v>1781467</v>
      </c>
      <c r="CW27" s="318">
        <v>0</v>
      </c>
      <c r="CX27" s="319">
        <v>0</v>
      </c>
      <c r="CY27" s="320">
        <v>0</v>
      </c>
      <c r="CZ27" s="318">
        <v>0</v>
      </c>
      <c r="DA27" s="319">
        <v>185225</v>
      </c>
      <c r="DB27" s="319">
        <v>129032</v>
      </c>
      <c r="DC27" s="319">
        <v>41168</v>
      </c>
      <c r="DD27" s="319">
        <v>77576</v>
      </c>
      <c r="DE27" s="319">
        <v>175408</v>
      </c>
      <c r="DF27" s="320">
        <v>608409</v>
      </c>
      <c r="DG27" s="322">
        <v>608409</v>
      </c>
      <c r="DH27" s="318">
        <v>0</v>
      </c>
      <c r="DI27" s="319">
        <v>0</v>
      </c>
      <c r="DJ27" s="323">
        <v>0</v>
      </c>
      <c r="DK27" s="324">
        <v>0</v>
      </c>
      <c r="DL27" s="319">
        <v>0</v>
      </c>
      <c r="DM27" s="319">
        <v>275858</v>
      </c>
      <c r="DN27" s="319">
        <v>472630</v>
      </c>
      <c r="DO27" s="319">
        <v>254889</v>
      </c>
      <c r="DP27" s="319">
        <v>205994</v>
      </c>
      <c r="DQ27" s="320">
        <v>1209371</v>
      </c>
      <c r="DR27" s="322">
        <v>1209371</v>
      </c>
      <c r="DS27" s="318">
        <v>0</v>
      </c>
      <c r="DT27" s="319">
        <v>0</v>
      </c>
      <c r="DU27" s="320">
        <v>0</v>
      </c>
      <c r="DV27" s="318">
        <v>0</v>
      </c>
      <c r="DW27" s="319">
        <v>0</v>
      </c>
      <c r="DX27" s="319">
        <v>275858</v>
      </c>
      <c r="DY27" s="319">
        <v>472630</v>
      </c>
      <c r="DZ27" s="319">
        <v>254889</v>
      </c>
      <c r="EA27" s="319">
        <v>205994</v>
      </c>
      <c r="EB27" s="320">
        <v>1209371</v>
      </c>
      <c r="EC27" s="322">
        <v>1209371</v>
      </c>
      <c r="ED27" s="318">
        <v>0</v>
      </c>
      <c r="EE27" s="323">
        <v>0</v>
      </c>
      <c r="EF27" s="320">
        <v>0</v>
      </c>
      <c r="EG27" s="318">
        <v>0</v>
      </c>
      <c r="EH27" s="319">
        <v>0</v>
      </c>
      <c r="EI27" s="319">
        <v>0</v>
      </c>
      <c r="EJ27" s="319">
        <v>0</v>
      </c>
      <c r="EK27" s="319">
        <v>0</v>
      </c>
      <c r="EL27" s="319">
        <v>0</v>
      </c>
      <c r="EM27" s="323">
        <v>0</v>
      </c>
      <c r="EN27" s="322">
        <v>0</v>
      </c>
      <c r="EO27" s="318">
        <v>0</v>
      </c>
      <c r="EP27" s="319">
        <v>0</v>
      </c>
      <c r="EQ27" s="323">
        <v>0</v>
      </c>
      <c r="ER27" s="324">
        <v>0</v>
      </c>
      <c r="ES27" s="319">
        <v>0</v>
      </c>
      <c r="ET27" s="319">
        <v>0</v>
      </c>
      <c r="EU27" s="319">
        <v>0</v>
      </c>
      <c r="EV27" s="319">
        <v>0</v>
      </c>
      <c r="EW27" s="319">
        <v>0</v>
      </c>
      <c r="EX27" s="320">
        <v>0</v>
      </c>
      <c r="EY27" s="322">
        <v>0</v>
      </c>
      <c r="EZ27" s="318">
        <v>0</v>
      </c>
      <c r="FA27" s="319">
        <v>0</v>
      </c>
      <c r="FB27" s="323">
        <v>0</v>
      </c>
      <c r="FC27" s="325"/>
      <c r="FD27" s="319">
        <v>0</v>
      </c>
      <c r="FE27" s="319">
        <v>0</v>
      </c>
      <c r="FF27" s="319">
        <v>0</v>
      </c>
      <c r="FG27" s="319">
        <v>0</v>
      </c>
      <c r="FH27" s="319">
        <v>0</v>
      </c>
      <c r="FI27" s="320">
        <v>0</v>
      </c>
      <c r="FJ27" s="322">
        <v>0</v>
      </c>
      <c r="FK27" s="318">
        <v>52856</v>
      </c>
      <c r="FL27" s="319">
        <v>38080</v>
      </c>
      <c r="FM27" s="320">
        <v>90936</v>
      </c>
      <c r="FN27" s="318">
        <v>0</v>
      </c>
      <c r="FO27" s="319">
        <v>107920</v>
      </c>
      <c r="FP27" s="319">
        <v>196456</v>
      </c>
      <c r="FQ27" s="319">
        <v>129792</v>
      </c>
      <c r="FR27" s="319">
        <v>152840</v>
      </c>
      <c r="FS27" s="319">
        <v>173664</v>
      </c>
      <c r="FT27" s="320">
        <v>760672</v>
      </c>
      <c r="FU27" s="322">
        <v>851608</v>
      </c>
      <c r="FV27" s="326">
        <v>8400</v>
      </c>
      <c r="FW27" s="319">
        <v>38080</v>
      </c>
      <c r="FX27" s="323">
        <v>46480</v>
      </c>
      <c r="FY27" s="324">
        <v>0</v>
      </c>
      <c r="FZ27" s="319">
        <v>45120</v>
      </c>
      <c r="GA27" s="319">
        <v>196456</v>
      </c>
      <c r="GB27" s="319">
        <v>129792</v>
      </c>
      <c r="GC27" s="319">
        <v>152840</v>
      </c>
      <c r="GD27" s="319">
        <v>173664</v>
      </c>
      <c r="GE27" s="320">
        <v>697872</v>
      </c>
      <c r="GF27" s="327">
        <v>744352</v>
      </c>
      <c r="GG27" s="326">
        <v>0</v>
      </c>
      <c r="GH27" s="319">
        <v>0</v>
      </c>
      <c r="GI27" s="323">
        <v>0</v>
      </c>
      <c r="GJ27" s="324">
        <v>0</v>
      </c>
      <c r="GK27" s="319">
        <v>0</v>
      </c>
      <c r="GL27" s="319">
        <v>0</v>
      </c>
      <c r="GM27" s="319">
        <v>0</v>
      </c>
      <c r="GN27" s="319">
        <v>0</v>
      </c>
      <c r="GO27" s="319">
        <v>0</v>
      </c>
      <c r="GP27" s="320">
        <v>0</v>
      </c>
      <c r="GQ27" s="322">
        <v>0</v>
      </c>
      <c r="GR27" s="318">
        <v>44456</v>
      </c>
      <c r="GS27" s="319">
        <v>0</v>
      </c>
      <c r="GT27" s="320">
        <v>44456</v>
      </c>
      <c r="GU27" s="318">
        <v>0</v>
      </c>
      <c r="GV27" s="319">
        <v>62800</v>
      </c>
      <c r="GW27" s="319">
        <v>0</v>
      </c>
      <c r="GX27" s="319">
        <v>0</v>
      </c>
      <c r="GY27" s="319">
        <v>0</v>
      </c>
      <c r="GZ27" s="319">
        <v>0</v>
      </c>
      <c r="HA27" s="323">
        <v>62800</v>
      </c>
      <c r="HB27" s="322">
        <v>107256</v>
      </c>
      <c r="HC27" s="318">
        <v>0</v>
      </c>
      <c r="HD27" s="319">
        <v>83928</v>
      </c>
      <c r="HE27" s="323">
        <v>83928</v>
      </c>
      <c r="HF27" s="324">
        <v>0</v>
      </c>
      <c r="HG27" s="319">
        <v>445926</v>
      </c>
      <c r="HH27" s="319">
        <v>495408</v>
      </c>
      <c r="HI27" s="319">
        <v>186296</v>
      </c>
      <c r="HJ27" s="319">
        <v>406384</v>
      </c>
      <c r="HK27" s="319">
        <v>0</v>
      </c>
      <c r="HL27" s="320">
        <v>1534014</v>
      </c>
      <c r="HM27" s="321">
        <v>1617942</v>
      </c>
      <c r="HN27" s="411"/>
      <c r="HO27" s="412"/>
      <c r="HP27" s="413"/>
      <c r="HQ27" s="414"/>
      <c r="HR27" s="412"/>
      <c r="HS27" s="412"/>
      <c r="HT27" s="412"/>
      <c r="HU27" s="412"/>
      <c r="HV27" s="412"/>
      <c r="HW27" s="415"/>
      <c r="HX27" s="416"/>
      <c r="HY27" s="328">
        <v>39912</v>
      </c>
      <c r="HZ27" s="329">
        <v>0</v>
      </c>
      <c r="IA27" s="330">
        <v>39912</v>
      </c>
      <c r="IB27" s="353">
        <v>0</v>
      </c>
      <c r="IC27" s="329">
        <v>906250</v>
      </c>
      <c r="ID27" s="354">
        <v>696312</v>
      </c>
      <c r="IE27" s="330">
        <v>314566</v>
      </c>
      <c r="IF27" s="329">
        <v>1035320</v>
      </c>
      <c r="IG27" s="330">
        <v>293200</v>
      </c>
      <c r="IH27" s="355">
        <v>3245648</v>
      </c>
      <c r="II27" s="336">
        <v>3285560</v>
      </c>
      <c r="IJ27" s="337">
        <v>0</v>
      </c>
      <c r="IK27" s="338">
        <v>0</v>
      </c>
      <c r="IL27" s="339">
        <v>0</v>
      </c>
      <c r="IM27" s="340"/>
      <c r="IN27" s="341">
        <v>0</v>
      </c>
      <c r="IO27" s="341">
        <v>0</v>
      </c>
      <c r="IP27" s="341">
        <v>156168</v>
      </c>
      <c r="IQ27" s="341">
        <v>0</v>
      </c>
      <c r="IR27" s="341">
        <v>0</v>
      </c>
      <c r="IS27" s="342">
        <v>156168</v>
      </c>
      <c r="IT27" s="343">
        <v>156168</v>
      </c>
      <c r="IU27" s="344">
        <v>0</v>
      </c>
      <c r="IV27" s="341">
        <v>0</v>
      </c>
      <c r="IW27" s="345">
        <v>0</v>
      </c>
      <c r="IX27" s="340"/>
      <c r="IY27" s="341">
        <v>0</v>
      </c>
      <c r="IZ27" s="341">
        <v>0</v>
      </c>
      <c r="JA27" s="341">
        <v>0</v>
      </c>
      <c r="JB27" s="341">
        <v>0</v>
      </c>
      <c r="JC27" s="341">
        <v>0</v>
      </c>
      <c r="JD27" s="345">
        <v>0</v>
      </c>
      <c r="JE27" s="347">
        <v>0</v>
      </c>
      <c r="JF27" s="344">
        <v>0</v>
      </c>
      <c r="JG27" s="341">
        <v>0</v>
      </c>
      <c r="JH27" s="342">
        <v>0</v>
      </c>
      <c r="JI27" s="348">
        <v>0</v>
      </c>
      <c r="JJ27" s="341">
        <v>108752</v>
      </c>
      <c r="JK27" s="341">
        <v>156712</v>
      </c>
      <c r="JL27" s="341">
        <v>75290</v>
      </c>
      <c r="JM27" s="341">
        <v>147136</v>
      </c>
      <c r="JN27" s="341">
        <v>0</v>
      </c>
      <c r="JO27" s="345">
        <v>487890</v>
      </c>
      <c r="JP27" s="343">
        <v>487890</v>
      </c>
      <c r="JQ27" s="344">
        <v>0</v>
      </c>
      <c r="JR27" s="341">
        <v>0</v>
      </c>
      <c r="JS27" s="342">
        <v>0</v>
      </c>
      <c r="JT27" s="348">
        <v>0</v>
      </c>
      <c r="JU27" s="341">
        <v>62032</v>
      </c>
      <c r="JV27" s="341">
        <v>0</v>
      </c>
      <c r="JW27" s="341">
        <v>83108</v>
      </c>
      <c r="JX27" s="341">
        <v>137664</v>
      </c>
      <c r="JY27" s="341">
        <v>0</v>
      </c>
      <c r="JZ27" s="345">
        <v>282804</v>
      </c>
      <c r="KA27" s="343">
        <v>282804</v>
      </c>
      <c r="KB27" s="349">
        <v>39912</v>
      </c>
      <c r="KC27" s="350">
        <v>0</v>
      </c>
      <c r="KD27" s="345">
        <v>39912</v>
      </c>
      <c r="KE27" s="348">
        <v>0</v>
      </c>
      <c r="KF27" s="341">
        <v>516808</v>
      </c>
      <c r="KG27" s="341">
        <v>145784</v>
      </c>
      <c r="KH27" s="341">
        <v>0</v>
      </c>
      <c r="KI27" s="341">
        <v>228448</v>
      </c>
      <c r="KJ27" s="341">
        <v>0</v>
      </c>
      <c r="KK27" s="345">
        <v>891040</v>
      </c>
      <c r="KL27" s="351">
        <v>930952</v>
      </c>
      <c r="KM27" s="337">
        <v>0</v>
      </c>
      <c r="KN27" s="338">
        <v>0</v>
      </c>
      <c r="KO27" s="339">
        <v>0</v>
      </c>
      <c r="KP27" s="340"/>
      <c r="KQ27" s="341">
        <v>218658</v>
      </c>
      <c r="KR27" s="341">
        <v>393816</v>
      </c>
      <c r="KS27" s="341">
        <v>0</v>
      </c>
      <c r="KT27" s="341">
        <v>0</v>
      </c>
      <c r="KU27" s="341">
        <v>0</v>
      </c>
      <c r="KV27" s="345">
        <v>612474</v>
      </c>
      <c r="KW27" s="343">
        <v>612474</v>
      </c>
      <c r="KX27" s="344">
        <v>0</v>
      </c>
      <c r="KY27" s="341">
        <v>0</v>
      </c>
      <c r="KZ27" s="345">
        <v>0</v>
      </c>
      <c r="LA27" s="340"/>
      <c r="LB27" s="341">
        <v>0</v>
      </c>
      <c r="LC27" s="341">
        <v>0</v>
      </c>
      <c r="LD27" s="341">
        <v>0</v>
      </c>
      <c r="LE27" s="341">
        <v>0</v>
      </c>
      <c r="LF27" s="341">
        <v>0</v>
      </c>
      <c r="LG27" s="345">
        <v>0</v>
      </c>
      <c r="LH27" s="347">
        <v>0</v>
      </c>
      <c r="LI27" s="344">
        <v>0</v>
      </c>
      <c r="LJ27" s="341">
        <v>0</v>
      </c>
      <c r="LK27" s="345">
        <v>0</v>
      </c>
      <c r="LL27" s="340"/>
      <c r="LM27" s="341">
        <v>0</v>
      </c>
      <c r="LN27" s="341">
        <v>0</v>
      </c>
      <c r="LO27" s="341">
        <v>0</v>
      </c>
      <c r="LP27" s="341">
        <v>522072</v>
      </c>
      <c r="LQ27" s="341">
        <v>293200</v>
      </c>
      <c r="LR27" s="345">
        <v>815272</v>
      </c>
      <c r="LS27" s="343">
        <v>815272</v>
      </c>
      <c r="LT27" s="344">
        <v>0</v>
      </c>
      <c r="LU27" s="341">
        <v>0</v>
      </c>
      <c r="LV27" s="345">
        <v>0</v>
      </c>
      <c r="LW27" s="340"/>
      <c r="LX27" s="341">
        <v>0</v>
      </c>
      <c r="LY27" s="341">
        <v>0</v>
      </c>
      <c r="LZ27" s="341">
        <v>0</v>
      </c>
      <c r="MA27" s="341">
        <v>0</v>
      </c>
      <c r="MB27" s="341">
        <v>0</v>
      </c>
      <c r="MC27" s="345">
        <v>0</v>
      </c>
      <c r="MD27" s="347">
        <v>0</v>
      </c>
      <c r="ME27" s="344">
        <v>0</v>
      </c>
      <c r="MF27" s="341">
        <v>0</v>
      </c>
      <c r="MG27" s="345">
        <v>0</v>
      </c>
      <c r="MH27" s="340"/>
      <c r="MI27" s="341">
        <v>0</v>
      </c>
      <c r="MJ27" s="341">
        <v>39784</v>
      </c>
      <c r="MK27" s="341">
        <v>232296</v>
      </c>
      <c r="ML27" s="341">
        <v>501036</v>
      </c>
      <c r="MM27" s="341">
        <v>47816</v>
      </c>
      <c r="MN27" s="345">
        <v>820932</v>
      </c>
      <c r="MO27" s="351">
        <v>820932</v>
      </c>
      <c r="MP27" s="344">
        <v>0</v>
      </c>
      <c r="MQ27" s="341">
        <v>0</v>
      </c>
      <c r="MR27" s="345">
        <v>0</v>
      </c>
      <c r="MS27" s="340"/>
      <c r="MT27" s="341">
        <v>0</v>
      </c>
      <c r="MU27" s="341">
        <v>0</v>
      </c>
      <c r="MV27" s="341">
        <v>232296</v>
      </c>
      <c r="MW27" s="341">
        <v>501036</v>
      </c>
      <c r="MX27" s="341">
        <v>0</v>
      </c>
      <c r="MY27" s="345">
        <v>733332</v>
      </c>
      <c r="MZ27" s="351">
        <v>733332</v>
      </c>
      <c r="NA27" s="344">
        <v>0</v>
      </c>
      <c r="NB27" s="341">
        <v>0</v>
      </c>
      <c r="NC27" s="345">
        <v>0</v>
      </c>
      <c r="ND27" s="340"/>
      <c r="NE27" s="341">
        <v>0</v>
      </c>
      <c r="NF27" s="341">
        <v>39784</v>
      </c>
      <c r="NG27" s="341">
        <v>0</v>
      </c>
      <c r="NH27" s="341">
        <v>0</v>
      </c>
      <c r="NI27" s="341">
        <v>47816</v>
      </c>
      <c r="NJ27" s="345">
        <v>87600</v>
      </c>
      <c r="NK27" s="343">
        <v>87600</v>
      </c>
      <c r="NL27" s="344">
        <v>0</v>
      </c>
      <c r="NM27" s="341">
        <v>0</v>
      </c>
      <c r="NN27" s="345">
        <v>0</v>
      </c>
      <c r="NO27" s="340"/>
      <c r="NP27" s="341">
        <v>0</v>
      </c>
      <c r="NQ27" s="341">
        <v>0</v>
      </c>
      <c r="NR27" s="341">
        <v>0</v>
      </c>
      <c r="NS27" s="341">
        <v>0</v>
      </c>
      <c r="NT27" s="341">
        <v>0</v>
      </c>
      <c r="NU27" s="345">
        <v>0</v>
      </c>
      <c r="NV27" s="347">
        <v>0</v>
      </c>
      <c r="NW27" s="344">
        <v>0</v>
      </c>
      <c r="NX27" s="341">
        <v>0</v>
      </c>
      <c r="NY27" s="345">
        <v>0</v>
      </c>
      <c r="NZ27" s="340"/>
      <c r="OA27" s="341">
        <v>0</v>
      </c>
      <c r="OB27" s="341">
        <v>0</v>
      </c>
      <c r="OC27" s="341">
        <v>0</v>
      </c>
      <c r="OD27" s="341">
        <v>0</v>
      </c>
      <c r="OE27" s="341">
        <v>0</v>
      </c>
      <c r="OF27" s="345">
        <v>0</v>
      </c>
      <c r="OG27" s="347">
        <v>0</v>
      </c>
      <c r="OH27" s="344">
        <v>102457</v>
      </c>
      <c r="OI27" s="341">
        <v>122008</v>
      </c>
      <c r="OJ27" s="342">
        <v>224465</v>
      </c>
      <c r="OK27" s="348">
        <v>0</v>
      </c>
      <c r="OL27" s="341">
        <v>2267305</v>
      </c>
      <c r="OM27" s="341">
        <v>3046540</v>
      </c>
      <c r="ON27" s="341">
        <v>1862450</v>
      </c>
      <c r="OO27" s="341">
        <v>3154380</v>
      </c>
      <c r="OP27" s="341">
        <v>1534332</v>
      </c>
      <c r="OQ27" s="345">
        <v>11865007</v>
      </c>
      <c r="OR27" s="351">
        <v>12089472</v>
      </c>
    </row>
    <row r="28" spans="1:408" ht="20.25" customHeight="1" x14ac:dyDescent="0.2">
      <c r="A28" s="111" t="s">
        <v>23</v>
      </c>
      <c r="B28" s="318">
        <v>213205</v>
      </c>
      <c r="C28" s="319">
        <v>352559</v>
      </c>
      <c r="D28" s="320">
        <v>565764</v>
      </c>
      <c r="E28" s="321">
        <v>0</v>
      </c>
      <c r="F28" s="319">
        <v>3036040</v>
      </c>
      <c r="G28" s="319">
        <v>2475873</v>
      </c>
      <c r="H28" s="319">
        <v>2293530</v>
      </c>
      <c r="I28" s="319">
        <v>2508876</v>
      </c>
      <c r="J28" s="319">
        <v>1346811</v>
      </c>
      <c r="K28" s="358">
        <v>11661130</v>
      </c>
      <c r="L28" s="322">
        <v>12226894</v>
      </c>
      <c r="M28" s="318">
        <v>95181</v>
      </c>
      <c r="N28" s="319">
        <v>138631</v>
      </c>
      <c r="O28" s="320">
        <v>233812</v>
      </c>
      <c r="P28" s="318">
        <v>0</v>
      </c>
      <c r="Q28" s="319">
        <v>927233</v>
      </c>
      <c r="R28" s="319">
        <v>934165</v>
      </c>
      <c r="S28" s="319">
        <v>626446</v>
      </c>
      <c r="T28" s="319">
        <v>843575</v>
      </c>
      <c r="U28" s="319">
        <v>624420</v>
      </c>
      <c r="V28" s="320">
        <v>3955839</v>
      </c>
      <c r="W28" s="322">
        <v>4189651</v>
      </c>
      <c r="X28" s="318">
        <v>0</v>
      </c>
      <c r="Y28" s="319">
        <v>0</v>
      </c>
      <c r="Z28" s="320">
        <v>0</v>
      </c>
      <c r="AA28" s="318">
        <v>0</v>
      </c>
      <c r="AB28" s="319">
        <v>387792</v>
      </c>
      <c r="AC28" s="319">
        <v>235562</v>
      </c>
      <c r="AD28" s="319">
        <v>450019</v>
      </c>
      <c r="AE28" s="319">
        <v>573782</v>
      </c>
      <c r="AF28" s="319">
        <v>467203</v>
      </c>
      <c r="AG28" s="320">
        <v>2114358</v>
      </c>
      <c r="AH28" s="322">
        <v>2114358</v>
      </c>
      <c r="AI28" s="318">
        <v>0</v>
      </c>
      <c r="AJ28" s="319">
        <v>0</v>
      </c>
      <c r="AK28" s="320">
        <v>0</v>
      </c>
      <c r="AL28" s="318">
        <v>0</v>
      </c>
      <c r="AM28" s="319">
        <v>0</v>
      </c>
      <c r="AN28" s="319">
        <v>0</v>
      </c>
      <c r="AO28" s="319">
        <v>0</v>
      </c>
      <c r="AP28" s="319">
        <v>0</v>
      </c>
      <c r="AQ28" s="319">
        <v>0</v>
      </c>
      <c r="AR28" s="320">
        <v>0</v>
      </c>
      <c r="AS28" s="322">
        <v>0</v>
      </c>
      <c r="AT28" s="318">
        <v>50557</v>
      </c>
      <c r="AU28" s="319">
        <v>113967</v>
      </c>
      <c r="AV28" s="320">
        <v>164524</v>
      </c>
      <c r="AW28" s="318">
        <v>0</v>
      </c>
      <c r="AX28" s="319">
        <v>321499</v>
      </c>
      <c r="AY28" s="319">
        <v>534861</v>
      </c>
      <c r="AZ28" s="319">
        <v>113051</v>
      </c>
      <c r="BA28" s="319">
        <v>164697</v>
      </c>
      <c r="BB28" s="319">
        <v>52681</v>
      </c>
      <c r="BC28" s="320">
        <v>1186789</v>
      </c>
      <c r="BD28" s="322">
        <v>1351313</v>
      </c>
      <c r="BE28" s="318">
        <v>0</v>
      </c>
      <c r="BF28" s="319">
        <v>0</v>
      </c>
      <c r="BG28" s="323">
        <v>0</v>
      </c>
      <c r="BH28" s="324">
        <v>0</v>
      </c>
      <c r="BI28" s="319">
        <v>19926</v>
      </c>
      <c r="BJ28" s="319">
        <v>32030</v>
      </c>
      <c r="BK28" s="319">
        <v>0</v>
      </c>
      <c r="BL28" s="319">
        <v>0</v>
      </c>
      <c r="BM28" s="319">
        <v>0</v>
      </c>
      <c r="BN28" s="320">
        <v>51956</v>
      </c>
      <c r="BO28" s="322">
        <v>51956</v>
      </c>
      <c r="BP28" s="318">
        <v>44624</v>
      </c>
      <c r="BQ28" s="319">
        <v>24664</v>
      </c>
      <c r="BR28" s="320">
        <v>69288</v>
      </c>
      <c r="BS28" s="318">
        <v>0</v>
      </c>
      <c r="BT28" s="319">
        <v>198016</v>
      </c>
      <c r="BU28" s="319">
        <v>131712</v>
      </c>
      <c r="BV28" s="319">
        <v>63376</v>
      </c>
      <c r="BW28" s="319">
        <v>105096</v>
      </c>
      <c r="BX28" s="319">
        <v>104536</v>
      </c>
      <c r="BY28" s="320">
        <v>602736</v>
      </c>
      <c r="BZ28" s="322">
        <v>672024</v>
      </c>
      <c r="CA28" s="318">
        <v>0</v>
      </c>
      <c r="CB28" s="319">
        <v>0</v>
      </c>
      <c r="CC28" s="320">
        <v>0</v>
      </c>
      <c r="CD28" s="318">
        <v>0</v>
      </c>
      <c r="CE28" s="319">
        <v>1158263</v>
      </c>
      <c r="CF28" s="319">
        <v>863034</v>
      </c>
      <c r="CG28" s="319">
        <v>892430</v>
      </c>
      <c r="CH28" s="319">
        <v>650443</v>
      </c>
      <c r="CI28" s="319">
        <v>0</v>
      </c>
      <c r="CJ28" s="320">
        <v>3564170</v>
      </c>
      <c r="CK28" s="322">
        <v>3564170</v>
      </c>
      <c r="CL28" s="318">
        <v>0</v>
      </c>
      <c r="CM28" s="319">
        <v>0</v>
      </c>
      <c r="CN28" s="320">
        <v>0</v>
      </c>
      <c r="CO28" s="324">
        <v>0</v>
      </c>
      <c r="CP28" s="319">
        <v>1001019</v>
      </c>
      <c r="CQ28" s="319">
        <v>530334</v>
      </c>
      <c r="CR28" s="319">
        <v>764750</v>
      </c>
      <c r="CS28" s="319">
        <v>375662</v>
      </c>
      <c r="CT28" s="319">
        <v>0</v>
      </c>
      <c r="CU28" s="320">
        <v>2671765</v>
      </c>
      <c r="CV28" s="322">
        <v>2671765</v>
      </c>
      <c r="CW28" s="318">
        <v>0</v>
      </c>
      <c r="CX28" s="319">
        <v>0</v>
      </c>
      <c r="CY28" s="320">
        <v>0</v>
      </c>
      <c r="CZ28" s="318">
        <v>0</v>
      </c>
      <c r="DA28" s="319">
        <v>157244</v>
      </c>
      <c r="DB28" s="319">
        <v>332700</v>
      </c>
      <c r="DC28" s="319">
        <v>127680</v>
      </c>
      <c r="DD28" s="319">
        <v>274781</v>
      </c>
      <c r="DE28" s="319">
        <v>0</v>
      </c>
      <c r="DF28" s="320">
        <v>892405</v>
      </c>
      <c r="DG28" s="322">
        <v>892405</v>
      </c>
      <c r="DH28" s="318">
        <v>0</v>
      </c>
      <c r="DI28" s="319">
        <v>0</v>
      </c>
      <c r="DJ28" s="323">
        <v>0</v>
      </c>
      <c r="DK28" s="324">
        <v>0</v>
      </c>
      <c r="DL28" s="319">
        <v>82905</v>
      </c>
      <c r="DM28" s="319">
        <v>0</v>
      </c>
      <c r="DN28" s="319">
        <v>450363</v>
      </c>
      <c r="DO28" s="319">
        <v>193653</v>
      </c>
      <c r="DP28" s="319">
        <v>0</v>
      </c>
      <c r="DQ28" s="320">
        <v>726921</v>
      </c>
      <c r="DR28" s="322">
        <v>726921</v>
      </c>
      <c r="DS28" s="318">
        <v>0</v>
      </c>
      <c r="DT28" s="319">
        <v>0</v>
      </c>
      <c r="DU28" s="320">
        <v>0</v>
      </c>
      <c r="DV28" s="318">
        <v>0</v>
      </c>
      <c r="DW28" s="319">
        <v>82905</v>
      </c>
      <c r="DX28" s="319">
        <v>0</v>
      </c>
      <c r="DY28" s="319">
        <v>450363</v>
      </c>
      <c r="DZ28" s="319">
        <v>193653</v>
      </c>
      <c r="EA28" s="319">
        <v>0</v>
      </c>
      <c r="EB28" s="320">
        <v>726921</v>
      </c>
      <c r="EC28" s="322">
        <v>726921</v>
      </c>
      <c r="ED28" s="318">
        <v>0</v>
      </c>
      <c r="EE28" s="323">
        <v>0</v>
      </c>
      <c r="EF28" s="320">
        <v>0</v>
      </c>
      <c r="EG28" s="318">
        <v>0</v>
      </c>
      <c r="EH28" s="319">
        <v>0</v>
      </c>
      <c r="EI28" s="319">
        <v>0</v>
      </c>
      <c r="EJ28" s="319">
        <v>0</v>
      </c>
      <c r="EK28" s="319">
        <v>0</v>
      </c>
      <c r="EL28" s="319">
        <v>0</v>
      </c>
      <c r="EM28" s="323">
        <v>0</v>
      </c>
      <c r="EN28" s="322">
        <v>0</v>
      </c>
      <c r="EO28" s="318">
        <v>0</v>
      </c>
      <c r="EP28" s="319">
        <v>0</v>
      </c>
      <c r="EQ28" s="323">
        <v>0</v>
      </c>
      <c r="ER28" s="324">
        <v>0</v>
      </c>
      <c r="ES28" s="319">
        <v>0</v>
      </c>
      <c r="ET28" s="319">
        <v>0</v>
      </c>
      <c r="EU28" s="319">
        <v>0</v>
      </c>
      <c r="EV28" s="319">
        <v>0</v>
      </c>
      <c r="EW28" s="319">
        <v>0</v>
      </c>
      <c r="EX28" s="320">
        <v>0</v>
      </c>
      <c r="EY28" s="322">
        <v>0</v>
      </c>
      <c r="EZ28" s="318">
        <v>0</v>
      </c>
      <c r="FA28" s="319">
        <v>0</v>
      </c>
      <c r="FB28" s="323">
        <v>0</v>
      </c>
      <c r="FC28" s="325"/>
      <c r="FD28" s="319">
        <v>0</v>
      </c>
      <c r="FE28" s="319">
        <v>0</v>
      </c>
      <c r="FF28" s="319">
        <v>0</v>
      </c>
      <c r="FG28" s="319">
        <v>0</v>
      </c>
      <c r="FH28" s="319">
        <v>0</v>
      </c>
      <c r="FI28" s="320">
        <v>0</v>
      </c>
      <c r="FJ28" s="322">
        <v>0</v>
      </c>
      <c r="FK28" s="318">
        <v>5552</v>
      </c>
      <c r="FL28" s="319">
        <v>36600</v>
      </c>
      <c r="FM28" s="320">
        <v>42152</v>
      </c>
      <c r="FN28" s="318">
        <v>0</v>
      </c>
      <c r="FO28" s="319">
        <v>85296</v>
      </c>
      <c r="FP28" s="319">
        <v>337032</v>
      </c>
      <c r="FQ28" s="319">
        <v>133600</v>
      </c>
      <c r="FR28" s="319">
        <v>230064</v>
      </c>
      <c r="FS28" s="319">
        <v>38640</v>
      </c>
      <c r="FT28" s="320">
        <v>824632</v>
      </c>
      <c r="FU28" s="322">
        <v>866784</v>
      </c>
      <c r="FV28" s="326">
        <v>5552</v>
      </c>
      <c r="FW28" s="319">
        <v>36600</v>
      </c>
      <c r="FX28" s="323">
        <v>42152</v>
      </c>
      <c r="FY28" s="324">
        <v>0</v>
      </c>
      <c r="FZ28" s="319">
        <v>85296</v>
      </c>
      <c r="GA28" s="319">
        <v>318384</v>
      </c>
      <c r="GB28" s="319">
        <v>133600</v>
      </c>
      <c r="GC28" s="319">
        <v>230064</v>
      </c>
      <c r="GD28" s="319">
        <v>38640</v>
      </c>
      <c r="GE28" s="320">
        <v>805984</v>
      </c>
      <c r="GF28" s="327">
        <v>848136</v>
      </c>
      <c r="GG28" s="326">
        <v>0</v>
      </c>
      <c r="GH28" s="319">
        <v>0</v>
      </c>
      <c r="GI28" s="323">
        <v>0</v>
      </c>
      <c r="GJ28" s="324">
        <v>0</v>
      </c>
      <c r="GK28" s="319">
        <v>0</v>
      </c>
      <c r="GL28" s="319">
        <v>18648</v>
      </c>
      <c r="GM28" s="319">
        <v>0</v>
      </c>
      <c r="GN28" s="319">
        <v>0</v>
      </c>
      <c r="GO28" s="319">
        <v>0</v>
      </c>
      <c r="GP28" s="320">
        <v>18648</v>
      </c>
      <c r="GQ28" s="322">
        <v>18648</v>
      </c>
      <c r="GR28" s="318">
        <v>0</v>
      </c>
      <c r="GS28" s="319">
        <v>0</v>
      </c>
      <c r="GT28" s="320">
        <v>0</v>
      </c>
      <c r="GU28" s="318">
        <v>0</v>
      </c>
      <c r="GV28" s="319">
        <v>0</v>
      </c>
      <c r="GW28" s="319">
        <v>0</v>
      </c>
      <c r="GX28" s="319">
        <v>0</v>
      </c>
      <c r="GY28" s="319">
        <v>0</v>
      </c>
      <c r="GZ28" s="319">
        <v>0</v>
      </c>
      <c r="HA28" s="323">
        <v>0</v>
      </c>
      <c r="HB28" s="322">
        <v>0</v>
      </c>
      <c r="HC28" s="318">
        <v>112472</v>
      </c>
      <c r="HD28" s="319">
        <v>177328</v>
      </c>
      <c r="HE28" s="323">
        <v>289800</v>
      </c>
      <c r="HF28" s="324">
        <v>0</v>
      </c>
      <c r="HG28" s="319">
        <v>782343</v>
      </c>
      <c r="HH28" s="319">
        <v>341642</v>
      </c>
      <c r="HI28" s="319">
        <v>190691</v>
      </c>
      <c r="HJ28" s="319">
        <v>591141</v>
      </c>
      <c r="HK28" s="319">
        <v>683751</v>
      </c>
      <c r="HL28" s="320">
        <v>2589568</v>
      </c>
      <c r="HM28" s="321">
        <v>2879368</v>
      </c>
      <c r="HN28" s="411"/>
      <c r="HO28" s="412"/>
      <c r="HP28" s="413"/>
      <c r="HQ28" s="414"/>
      <c r="HR28" s="412"/>
      <c r="HS28" s="412"/>
      <c r="HT28" s="412"/>
      <c r="HU28" s="412"/>
      <c r="HV28" s="412"/>
      <c r="HW28" s="415"/>
      <c r="HX28" s="416"/>
      <c r="HY28" s="357">
        <v>0</v>
      </c>
      <c r="HZ28" s="332">
        <v>0</v>
      </c>
      <c r="IA28" s="357">
        <v>0</v>
      </c>
      <c r="IB28" s="331">
        <v>0</v>
      </c>
      <c r="IC28" s="332">
        <v>916227</v>
      </c>
      <c r="ID28" s="333">
        <v>979337</v>
      </c>
      <c r="IE28" s="334">
        <v>32168</v>
      </c>
      <c r="IF28" s="332">
        <v>274240</v>
      </c>
      <c r="IG28" s="334">
        <v>0</v>
      </c>
      <c r="IH28" s="335">
        <v>2201972</v>
      </c>
      <c r="II28" s="357">
        <v>2201972</v>
      </c>
      <c r="IJ28" s="337">
        <v>0</v>
      </c>
      <c r="IK28" s="338">
        <v>0</v>
      </c>
      <c r="IL28" s="339">
        <v>0</v>
      </c>
      <c r="IM28" s="340"/>
      <c r="IN28" s="341">
        <v>0</v>
      </c>
      <c r="IO28" s="341">
        <v>0</v>
      </c>
      <c r="IP28" s="341">
        <v>0</v>
      </c>
      <c r="IQ28" s="341">
        <v>0</v>
      </c>
      <c r="IR28" s="341">
        <v>0</v>
      </c>
      <c r="IS28" s="342">
        <v>0</v>
      </c>
      <c r="IT28" s="343">
        <v>0</v>
      </c>
      <c r="IU28" s="344">
        <v>0</v>
      </c>
      <c r="IV28" s="341">
        <v>0</v>
      </c>
      <c r="IW28" s="345">
        <v>0</v>
      </c>
      <c r="IX28" s="340"/>
      <c r="IY28" s="341">
        <v>0</v>
      </c>
      <c r="IZ28" s="341">
        <v>0</v>
      </c>
      <c r="JA28" s="341">
        <v>0</v>
      </c>
      <c r="JB28" s="341">
        <v>0</v>
      </c>
      <c r="JC28" s="341">
        <v>0</v>
      </c>
      <c r="JD28" s="345">
        <v>0</v>
      </c>
      <c r="JE28" s="347">
        <v>0</v>
      </c>
      <c r="JF28" s="344">
        <v>0</v>
      </c>
      <c r="JG28" s="341">
        <v>0</v>
      </c>
      <c r="JH28" s="342">
        <v>0</v>
      </c>
      <c r="JI28" s="348">
        <v>0</v>
      </c>
      <c r="JJ28" s="341">
        <v>230233</v>
      </c>
      <c r="JK28" s="341">
        <v>34810</v>
      </c>
      <c r="JL28" s="341">
        <v>32168</v>
      </c>
      <c r="JM28" s="341">
        <v>274240</v>
      </c>
      <c r="JN28" s="341">
        <v>0</v>
      </c>
      <c r="JO28" s="345">
        <v>571451</v>
      </c>
      <c r="JP28" s="343">
        <v>571451</v>
      </c>
      <c r="JQ28" s="344">
        <v>0</v>
      </c>
      <c r="JR28" s="341">
        <v>0</v>
      </c>
      <c r="JS28" s="342">
        <v>0</v>
      </c>
      <c r="JT28" s="348">
        <v>0</v>
      </c>
      <c r="JU28" s="341">
        <v>0</v>
      </c>
      <c r="JV28" s="341">
        <v>0</v>
      </c>
      <c r="JW28" s="341">
        <v>0</v>
      </c>
      <c r="JX28" s="341">
        <v>0</v>
      </c>
      <c r="JY28" s="341">
        <v>0</v>
      </c>
      <c r="JZ28" s="345">
        <v>0</v>
      </c>
      <c r="KA28" s="343">
        <v>0</v>
      </c>
      <c r="KB28" s="349">
        <v>0</v>
      </c>
      <c r="KC28" s="350">
        <v>0</v>
      </c>
      <c r="KD28" s="345">
        <v>0</v>
      </c>
      <c r="KE28" s="348">
        <v>0</v>
      </c>
      <c r="KF28" s="341">
        <v>0</v>
      </c>
      <c r="KG28" s="341">
        <v>0</v>
      </c>
      <c r="KH28" s="341">
        <v>0</v>
      </c>
      <c r="KI28" s="341">
        <v>0</v>
      </c>
      <c r="KJ28" s="341">
        <v>0</v>
      </c>
      <c r="KK28" s="345">
        <v>0</v>
      </c>
      <c r="KL28" s="351">
        <v>0</v>
      </c>
      <c r="KM28" s="337">
        <v>0</v>
      </c>
      <c r="KN28" s="338">
        <v>0</v>
      </c>
      <c r="KO28" s="339">
        <v>0</v>
      </c>
      <c r="KP28" s="340"/>
      <c r="KQ28" s="341">
        <v>685994</v>
      </c>
      <c r="KR28" s="341">
        <v>944527</v>
      </c>
      <c r="KS28" s="341">
        <v>0</v>
      </c>
      <c r="KT28" s="341">
        <v>0</v>
      </c>
      <c r="KU28" s="341">
        <v>0</v>
      </c>
      <c r="KV28" s="345">
        <v>1630521</v>
      </c>
      <c r="KW28" s="343">
        <v>1630521</v>
      </c>
      <c r="KX28" s="344">
        <v>0</v>
      </c>
      <c r="KY28" s="341">
        <v>0</v>
      </c>
      <c r="KZ28" s="345">
        <v>0</v>
      </c>
      <c r="LA28" s="340"/>
      <c r="LB28" s="341">
        <v>0</v>
      </c>
      <c r="LC28" s="341">
        <v>0</v>
      </c>
      <c r="LD28" s="341">
        <v>0</v>
      </c>
      <c r="LE28" s="341">
        <v>0</v>
      </c>
      <c r="LF28" s="341">
        <v>0</v>
      </c>
      <c r="LG28" s="345">
        <v>0</v>
      </c>
      <c r="LH28" s="347">
        <v>0</v>
      </c>
      <c r="LI28" s="344">
        <v>0</v>
      </c>
      <c r="LJ28" s="341">
        <v>0</v>
      </c>
      <c r="LK28" s="345">
        <v>0</v>
      </c>
      <c r="LL28" s="340"/>
      <c r="LM28" s="341">
        <v>0</v>
      </c>
      <c r="LN28" s="341">
        <v>0</v>
      </c>
      <c r="LO28" s="341">
        <v>0</v>
      </c>
      <c r="LP28" s="341">
        <v>0</v>
      </c>
      <c r="LQ28" s="341">
        <v>0</v>
      </c>
      <c r="LR28" s="345">
        <v>0</v>
      </c>
      <c r="LS28" s="343">
        <v>0</v>
      </c>
      <c r="LT28" s="344">
        <v>0</v>
      </c>
      <c r="LU28" s="341">
        <v>0</v>
      </c>
      <c r="LV28" s="345">
        <v>0</v>
      </c>
      <c r="LW28" s="340"/>
      <c r="LX28" s="341">
        <v>0</v>
      </c>
      <c r="LY28" s="341">
        <v>0</v>
      </c>
      <c r="LZ28" s="341">
        <v>0</v>
      </c>
      <c r="MA28" s="341">
        <v>0</v>
      </c>
      <c r="MB28" s="341">
        <v>0</v>
      </c>
      <c r="MC28" s="345">
        <v>0</v>
      </c>
      <c r="MD28" s="347">
        <v>0</v>
      </c>
      <c r="ME28" s="344">
        <v>0</v>
      </c>
      <c r="MF28" s="341">
        <v>0</v>
      </c>
      <c r="MG28" s="345">
        <v>0</v>
      </c>
      <c r="MH28" s="340"/>
      <c r="MI28" s="341">
        <v>216432</v>
      </c>
      <c r="MJ28" s="341">
        <v>241408</v>
      </c>
      <c r="MK28" s="341">
        <v>135384</v>
      </c>
      <c r="ML28" s="341">
        <v>1146555</v>
      </c>
      <c r="MM28" s="341">
        <v>307371</v>
      </c>
      <c r="MN28" s="345">
        <v>2047150</v>
      </c>
      <c r="MO28" s="351">
        <v>2047150</v>
      </c>
      <c r="MP28" s="344">
        <v>0</v>
      </c>
      <c r="MQ28" s="341">
        <v>0</v>
      </c>
      <c r="MR28" s="345">
        <v>0</v>
      </c>
      <c r="MS28" s="340"/>
      <c r="MT28" s="341">
        <v>216432</v>
      </c>
      <c r="MU28" s="341">
        <v>0</v>
      </c>
      <c r="MV28" s="341">
        <v>135384</v>
      </c>
      <c r="MW28" s="341">
        <v>818493</v>
      </c>
      <c r="MX28" s="341">
        <v>0</v>
      </c>
      <c r="MY28" s="345">
        <v>1170309</v>
      </c>
      <c r="MZ28" s="351">
        <v>1170309</v>
      </c>
      <c r="NA28" s="344">
        <v>0</v>
      </c>
      <c r="NB28" s="341">
        <v>0</v>
      </c>
      <c r="NC28" s="345">
        <v>0</v>
      </c>
      <c r="ND28" s="340"/>
      <c r="NE28" s="341">
        <v>0</v>
      </c>
      <c r="NF28" s="341">
        <v>241408</v>
      </c>
      <c r="NG28" s="341">
        <v>0</v>
      </c>
      <c r="NH28" s="341">
        <v>328062</v>
      </c>
      <c r="NI28" s="341">
        <v>307371</v>
      </c>
      <c r="NJ28" s="345">
        <v>876841</v>
      </c>
      <c r="NK28" s="343">
        <v>876841</v>
      </c>
      <c r="NL28" s="344">
        <v>0</v>
      </c>
      <c r="NM28" s="341">
        <v>0</v>
      </c>
      <c r="NN28" s="345">
        <v>0</v>
      </c>
      <c r="NO28" s="340"/>
      <c r="NP28" s="341">
        <v>0</v>
      </c>
      <c r="NQ28" s="341">
        <v>0</v>
      </c>
      <c r="NR28" s="341">
        <v>0</v>
      </c>
      <c r="NS28" s="341">
        <v>0</v>
      </c>
      <c r="NT28" s="341">
        <v>0</v>
      </c>
      <c r="NU28" s="345">
        <v>0</v>
      </c>
      <c r="NV28" s="347">
        <v>0</v>
      </c>
      <c r="NW28" s="344">
        <v>0</v>
      </c>
      <c r="NX28" s="341">
        <v>0</v>
      </c>
      <c r="NY28" s="345">
        <v>0</v>
      </c>
      <c r="NZ28" s="340"/>
      <c r="OA28" s="341">
        <v>0</v>
      </c>
      <c r="OB28" s="341">
        <v>0</v>
      </c>
      <c r="OC28" s="341">
        <v>0</v>
      </c>
      <c r="OD28" s="341">
        <v>0</v>
      </c>
      <c r="OE28" s="341">
        <v>0</v>
      </c>
      <c r="OF28" s="345">
        <v>0</v>
      </c>
      <c r="OG28" s="347">
        <v>0</v>
      </c>
      <c r="OH28" s="344">
        <v>213205</v>
      </c>
      <c r="OI28" s="341">
        <v>352559</v>
      </c>
      <c r="OJ28" s="342">
        <v>565764</v>
      </c>
      <c r="OK28" s="348">
        <v>0</v>
      </c>
      <c r="OL28" s="341">
        <v>4168699</v>
      </c>
      <c r="OM28" s="341">
        <v>3696618</v>
      </c>
      <c r="ON28" s="341">
        <v>2461082</v>
      </c>
      <c r="OO28" s="341">
        <v>3929671</v>
      </c>
      <c r="OP28" s="341">
        <v>1654182</v>
      </c>
      <c r="OQ28" s="345">
        <v>15910252</v>
      </c>
      <c r="OR28" s="351">
        <v>16476016</v>
      </c>
    </row>
    <row r="29" spans="1:408" ht="20.25" customHeight="1" x14ac:dyDescent="0.2">
      <c r="A29" s="111" t="s">
        <v>24</v>
      </c>
      <c r="B29" s="318">
        <v>481852</v>
      </c>
      <c r="C29" s="319">
        <v>459686</v>
      </c>
      <c r="D29" s="320">
        <v>941538</v>
      </c>
      <c r="E29" s="321">
        <v>0</v>
      </c>
      <c r="F29" s="319">
        <v>2366627</v>
      </c>
      <c r="G29" s="319">
        <v>2569159</v>
      </c>
      <c r="H29" s="319">
        <v>2080783</v>
      </c>
      <c r="I29" s="319">
        <v>2421609</v>
      </c>
      <c r="J29" s="319">
        <v>806513</v>
      </c>
      <c r="K29" s="358">
        <v>10244691</v>
      </c>
      <c r="L29" s="322">
        <v>11186229</v>
      </c>
      <c r="M29" s="318">
        <v>211485</v>
      </c>
      <c r="N29" s="319">
        <v>147602</v>
      </c>
      <c r="O29" s="320">
        <v>359087</v>
      </c>
      <c r="P29" s="318">
        <v>0</v>
      </c>
      <c r="Q29" s="319">
        <v>1159062</v>
      </c>
      <c r="R29" s="319">
        <v>1032270</v>
      </c>
      <c r="S29" s="319">
        <v>557707</v>
      </c>
      <c r="T29" s="319">
        <v>1339284</v>
      </c>
      <c r="U29" s="319">
        <v>578123</v>
      </c>
      <c r="V29" s="320">
        <v>4666446</v>
      </c>
      <c r="W29" s="322">
        <v>5025533</v>
      </c>
      <c r="X29" s="318">
        <v>0</v>
      </c>
      <c r="Y29" s="319">
        <v>0</v>
      </c>
      <c r="Z29" s="320">
        <v>0</v>
      </c>
      <c r="AA29" s="318">
        <v>0</v>
      </c>
      <c r="AB29" s="319">
        <v>370660</v>
      </c>
      <c r="AC29" s="319">
        <v>530208</v>
      </c>
      <c r="AD29" s="319">
        <v>284092</v>
      </c>
      <c r="AE29" s="319">
        <v>852775</v>
      </c>
      <c r="AF29" s="319">
        <v>303752</v>
      </c>
      <c r="AG29" s="320">
        <v>2341487</v>
      </c>
      <c r="AH29" s="322">
        <v>2341487</v>
      </c>
      <c r="AI29" s="318">
        <v>0</v>
      </c>
      <c r="AJ29" s="319">
        <v>0</v>
      </c>
      <c r="AK29" s="320">
        <v>0</v>
      </c>
      <c r="AL29" s="318">
        <v>0</v>
      </c>
      <c r="AM29" s="319">
        <v>0</v>
      </c>
      <c r="AN29" s="319">
        <v>97783</v>
      </c>
      <c r="AO29" s="319">
        <v>0</v>
      </c>
      <c r="AP29" s="319">
        <v>107564</v>
      </c>
      <c r="AQ29" s="319">
        <v>128518</v>
      </c>
      <c r="AR29" s="320">
        <v>333865</v>
      </c>
      <c r="AS29" s="322">
        <v>333865</v>
      </c>
      <c r="AT29" s="318">
        <v>149467</v>
      </c>
      <c r="AU29" s="319">
        <v>53855</v>
      </c>
      <c r="AV29" s="320">
        <v>203322</v>
      </c>
      <c r="AW29" s="318">
        <v>0</v>
      </c>
      <c r="AX29" s="319">
        <v>605415</v>
      </c>
      <c r="AY29" s="319">
        <v>274503</v>
      </c>
      <c r="AZ29" s="319">
        <v>141959</v>
      </c>
      <c r="BA29" s="319">
        <v>259321</v>
      </c>
      <c r="BB29" s="319">
        <v>116949</v>
      </c>
      <c r="BC29" s="320">
        <v>1398147</v>
      </c>
      <c r="BD29" s="322">
        <v>1601469</v>
      </c>
      <c r="BE29" s="318">
        <v>23562</v>
      </c>
      <c r="BF29" s="319">
        <v>48563</v>
      </c>
      <c r="BG29" s="323">
        <v>72125</v>
      </c>
      <c r="BH29" s="324">
        <v>0</v>
      </c>
      <c r="BI29" s="319">
        <v>75139</v>
      </c>
      <c r="BJ29" s="319">
        <v>0</v>
      </c>
      <c r="BK29" s="319">
        <v>0</v>
      </c>
      <c r="BL29" s="319">
        <v>0</v>
      </c>
      <c r="BM29" s="319">
        <v>0</v>
      </c>
      <c r="BN29" s="320">
        <v>75139</v>
      </c>
      <c r="BO29" s="322">
        <v>147264</v>
      </c>
      <c r="BP29" s="318">
        <v>38456</v>
      </c>
      <c r="BQ29" s="319">
        <v>45184</v>
      </c>
      <c r="BR29" s="320">
        <v>83640</v>
      </c>
      <c r="BS29" s="318">
        <v>0</v>
      </c>
      <c r="BT29" s="319">
        <v>107848</v>
      </c>
      <c r="BU29" s="319">
        <v>129776</v>
      </c>
      <c r="BV29" s="319">
        <v>131656</v>
      </c>
      <c r="BW29" s="319">
        <v>119624</v>
      </c>
      <c r="BX29" s="319">
        <v>28904</v>
      </c>
      <c r="BY29" s="320">
        <v>517808</v>
      </c>
      <c r="BZ29" s="322">
        <v>601448</v>
      </c>
      <c r="CA29" s="318">
        <v>41271</v>
      </c>
      <c r="CB29" s="319">
        <v>112517</v>
      </c>
      <c r="CC29" s="320">
        <v>153788</v>
      </c>
      <c r="CD29" s="318">
        <v>0</v>
      </c>
      <c r="CE29" s="319">
        <v>593380</v>
      </c>
      <c r="CF29" s="319">
        <v>813932</v>
      </c>
      <c r="CG29" s="319">
        <v>372620</v>
      </c>
      <c r="CH29" s="319">
        <v>210627</v>
      </c>
      <c r="CI29" s="319">
        <v>52968</v>
      </c>
      <c r="CJ29" s="320">
        <v>2043527</v>
      </c>
      <c r="CK29" s="322">
        <v>2197315</v>
      </c>
      <c r="CL29" s="318">
        <v>0</v>
      </c>
      <c r="CM29" s="319">
        <v>0</v>
      </c>
      <c r="CN29" s="320">
        <v>0</v>
      </c>
      <c r="CO29" s="324">
        <v>0</v>
      </c>
      <c r="CP29" s="319">
        <v>364698</v>
      </c>
      <c r="CQ29" s="319">
        <v>697699</v>
      </c>
      <c r="CR29" s="319">
        <v>79432</v>
      </c>
      <c r="CS29" s="319">
        <v>210627</v>
      </c>
      <c r="CT29" s="319">
        <v>52968</v>
      </c>
      <c r="CU29" s="320">
        <v>1405424</v>
      </c>
      <c r="CV29" s="322">
        <v>1405424</v>
      </c>
      <c r="CW29" s="318">
        <v>41271</v>
      </c>
      <c r="CX29" s="319">
        <v>112517</v>
      </c>
      <c r="CY29" s="320">
        <v>153788</v>
      </c>
      <c r="CZ29" s="318">
        <v>0</v>
      </c>
      <c r="DA29" s="319">
        <v>228682</v>
      </c>
      <c r="DB29" s="319">
        <v>116233</v>
      </c>
      <c r="DC29" s="319">
        <v>293188</v>
      </c>
      <c r="DD29" s="319">
        <v>0</v>
      </c>
      <c r="DE29" s="319">
        <v>0</v>
      </c>
      <c r="DF29" s="320">
        <v>638103</v>
      </c>
      <c r="DG29" s="322">
        <v>791891</v>
      </c>
      <c r="DH29" s="318">
        <v>0</v>
      </c>
      <c r="DI29" s="319">
        <v>0</v>
      </c>
      <c r="DJ29" s="323">
        <v>0</v>
      </c>
      <c r="DK29" s="324">
        <v>0</v>
      </c>
      <c r="DL29" s="319">
        <v>46212</v>
      </c>
      <c r="DM29" s="319">
        <v>23235</v>
      </c>
      <c r="DN29" s="319">
        <v>237783</v>
      </c>
      <c r="DO29" s="319">
        <v>120703</v>
      </c>
      <c r="DP29" s="319">
        <v>0</v>
      </c>
      <c r="DQ29" s="320">
        <v>427933</v>
      </c>
      <c r="DR29" s="322">
        <v>427933</v>
      </c>
      <c r="DS29" s="318">
        <v>0</v>
      </c>
      <c r="DT29" s="319">
        <v>0</v>
      </c>
      <c r="DU29" s="320">
        <v>0</v>
      </c>
      <c r="DV29" s="318">
        <v>0</v>
      </c>
      <c r="DW29" s="319">
        <v>46212</v>
      </c>
      <c r="DX29" s="319">
        <v>23235</v>
      </c>
      <c r="DY29" s="319">
        <v>237783</v>
      </c>
      <c r="DZ29" s="319">
        <v>120703</v>
      </c>
      <c r="EA29" s="319">
        <v>0</v>
      </c>
      <c r="EB29" s="320">
        <v>427933</v>
      </c>
      <c r="EC29" s="322">
        <v>427933</v>
      </c>
      <c r="ED29" s="318">
        <v>0</v>
      </c>
      <c r="EE29" s="323">
        <v>0</v>
      </c>
      <c r="EF29" s="320">
        <v>0</v>
      </c>
      <c r="EG29" s="318">
        <v>0</v>
      </c>
      <c r="EH29" s="319">
        <v>0</v>
      </c>
      <c r="EI29" s="319">
        <v>0</v>
      </c>
      <c r="EJ29" s="319">
        <v>0</v>
      </c>
      <c r="EK29" s="319">
        <v>0</v>
      </c>
      <c r="EL29" s="319">
        <v>0</v>
      </c>
      <c r="EM29" s="323">
        <v>0</v>
      </c>
      <c r="EN29" s="322">
        <v>0</v>
      </c>
      <c r="EO29" s="318">
        <v>0</v>
      </c>
      <c r="EP29" s="319">
        <v>0</v>
      </c>
      <c r="EQ29" s="323">
        <v>0</v>
      </c>
      <c r="ER29" s="324">
        <v>0</v>
      </c>
      <c r="ES29" s="319">
        <v>0</v>
      </c>
      <c r="ET29" s="319">
        <v>0</v>
      </c>
      <c r="EU29" s="319">
        <v>0</v>
      </c>
      <c r="EV29" s="319">
        <v>0</v>
      </c>
      <c r="EW29" s="319">
        <v>0</v>
      </c>
      <c r="EX29" s="320">
        <v>0</v>
      </c>
      <c r="EY29" s="322">
        <v>0</v>
      </c>
      <c r="EZ29" s="318">
        <v>0</v>
      </c>
      <c r="FA29" s="319">
        <v>0</v>
      </c>
      <c r="FB29" s="323">
        <v>0</v>
      </c>
      <c r="FC29" s="325"/>
      <c r="FD29" s="319">
        <v>0</v>
      </c>
      <c r="FE29" s="319">
        <v>0</v>
      </c>
      <c r="FF29" s="319">
        <v>0</v>
      </c>
      <c r="FG29" s="319">
        <v>0</v>
      </c>
      <c r="FH29" s="319">
        <v>0</v>
      </c>
      <c r="FI29" s="320">
        <v>0</v>
      </c>
      <c r="FJ29" s="322">
        <v>0</v>
      </c>
      <c r="FK29" s="318">
        <v>127540</v>
      </c>
      <c r="FL29" s="319">
        <v>112560</v>
      </c>
      <c r="FM29" s="320">
        <v>240100</v>
      </c>
      <c r="FN29" s="318">
        <v>0</v>
      </c>
      <c r="FO29" s="319">
        <v>108144</v>
      </c>
      <c r="FP29" s="319">
        <v>195024</v>
      </c>
      <c r="FQ29" s="319">
        <v>109840</v>
      </c>
      <c r="FR29" s="319">
        <v>180104</v>
      </c>
      <c r="FS29" s="319">
        <v>90872</v>
      </c>
      <c r="FT29" s="320">
        <v>683984</v>
      </c>
      <c r="FU29" s="322">
        <v>924084</v>
      </c>
      <c r="FV29" s="326">
        <v>31080</v>
      </c>
      <c r="FW29" s="319">
        <v>26480</v>
      </c>
      <c r="FX29" s="323">
        <v>57560</v>
      </c>
      <c r="FY29" s="324">
        <v>0</v>
      </c>
      <c r="FZ29" s="319">
        <v>108144</v>
      </c>
      <c r="GA29" s="319">
        <v>195024</v>
      </c>
      <c r="GB29" s="319">
        <v>81328</v>
      </c>
      <c r="GC29" s="319">
        <v>180104</v>
      </c>
      <c r="GD29" s="319">
        <v>90872</v>
      </c>
      <c r="GE29" s="320">
        <v>655472</v>
      </c>
      <c r="GF29" s="327">
        <v>713032</v>
      </c>
      <c r="GG29" s="326">
        <v>11660</v>
      </c>
      <c r="GH29" s="319">
        <v>0</v>
      </c>
      <c r="GI29" s="323">
        <v>11660</v>
      </c>
      <c r="GJ29" s="324">
        <v>0</v>
      </c>
      <c r="GK29" s="319">
        <v>0</v>
      </c>
      <c r="GL29" s="319">
        <v>0</v>
      </c>
      <c r="GM29" s="319">
        <v>28512</v>
      </c>
      <c r="GN29" s="319">
        <v>0</v>
      </c>
      <c r="GO29" s="319">
        <v>0</v>
      </c>
      <c r="GP29" s="320">
        <v>28512</v>
      </c>
      <c r="GQ29" s="322">
        <v>40172</v>
      </c>
      <c r="GR29" s="318">
        <v>84800</v>
      </c>
      <c r="GS29" s="319">
        <v>86080</v>
      </c>
      <c r="GT29" s="320">
        <v>170880</v>
      </c>
      <c r="GU29" s="318">
        <v>0</v>
      </c>
      <c r="GV29" s="319">
        <v>0</v>
      </c>
      <c r="GW29" s="319">
        <v>0</v>
      </c>
      <c r="GX29" s="319">
        <v>0</v>
      </c>
      <c r="GY29" s="319">
        <v>0</v>
      </c>
      <c r="GZ29" s="319">
        <v>0</v>
      </c>
      <c r="HA29" s="323">
        <v>0</v>
      </c>
      <c r="HB29" s="322">
        <v>170880</v>
      </c>
      <c r="HC29" s="318">
        <v>101556</v>
      </c>
      <c r="HD29" s="319">
        <v>87007</v>
      </c>
      <c r="HE29" s="323">
        <v>188563</v>
      </c>
      <c r="HF29" s="324">
        <v>0</v>
      </c>
      <c r="HG29" s="319">
        <v>459829</v>
      </c>
      <c r="HH29" s="319">
        <v>504698</v>
      </c>
      <c r="HI29" s="319">
        <v>802833</v>
      </c>
      <c r="HJ29" s="319">
        <v>570891</v>
      </c>
      <c r="HK29" s="319">
        <v>84550</v>
      </c>
      <c r="HL29" s="320">
        <v>2422801</v>
      </c>
      <c r="HM29" s="321">
        <v>2611364</v>
      </c>
      <c r="HN29" s="411"/>
      <c r="HO29" s="412"/>
      <c r="HP29" s="413"/>
      <c r="HQ29" s="414"/>
      <c r="HR29" s="412"/>
      <c r="HS29" s="412"/>
      <c r="HT29" s="412"/>
      <c r="HU29" s="412"/>
      <c r="HV29" s="412"/>
      <c r="HW29" s="415"/>
      <c r="HX29" s="416"/>
      <c r="HY29" s="328">
        <v>40948</v>
      </c>
      <c r="HZ29" s="329">
        <v>0</v>
      </c>
      <c r="IA29" s="330">
        <v>40948</v>
      </c>
      <c r="IB29" s="353">
        <v>0</v>
      </c>
      <c r="IC29" s="329">
        <v>445775</v>
      </c>
      <c r="ID29" s="354">
        <v>12348</v>
      </c>
      <c r="IE29" s="330">
        <v>895813</v>
      </c>
      <c r="IF29" s="329">
        <v>707773</v>
      </c>
      <c r="IG29" s="330">
        <v>0</v>
      </c>
      <c r="IH29" s="355">
        <v>2061709</v>
      </c>
      <c r="II29" s="336">
        <v>2102657</v>
      </c>
      <c r="IJ29" s="337">
        <v>0</v>
      </c>
      <c r="IK29" s="338">
        <v>0</v>
      </c>
      <c r="IL29" s="339">
        <v>0</v>
      </c>
      <c r="IM29" s="340"/>
      <c r="IN29" s="341">
        <v>0</v>
      </c>
      <c r="IO29" s="341">
        <v>0</v>
      </c>
      <c r="IP29" s="341">
        <v>0</v>
      </c>
      <c r="IQ29" s="341">
        <v>0</v>
      </c>
      <c r="IR29" s="341">
        <v>0</v>
      </c>
      <c r="IS29" s="342">
        <v>0</v>
      </c>
      <c r="IT29" s="343">
        <v>0</v>
      </c>
      <c r="IU29" s="344">
        <v>0</v>
      </c>
      <c r="IV29" s="341">
        <v>0</v>
      </c>
      <c r="IW29" s="345">
        <v>0</v>
      </c>
      <c r="IX29" s="340"/>
      <c r="IY29" s="341">
        <v>0</v>
      </c>
      <c r="IZ29" s="341">
        <v>0</v>
      </c>
      <c r="JA29" s="341">
        <v>0</v>
      </c>
      <c r="JB29" s="341">
        <v>0</v>
      </c>
      <c r="JC29" s="341">
        <v>0</v>
      </c>
      <c r="JD29" s="345">
        <v>0</v>
      </c>
      <c r="JE29" s="347">
        <v>0</v>
      </c>
      <c r="JF29" s="344">
        <v>0</v>
      </c>
      <c r="JG29" s="341">
        <v>0</v>
      </c>
      <c r="JH29" s="342">
        <v>0</v>
      </c>
      <c r="JI29" s="348">
        <v>0</v>
      </c>
      <c r="JJ29" s="341">
        <v>232525</v>
      </c>
      <c r="JK29" s="341">
        <v>12348</v>
      </c>
      <c r="JL29" s="341">
        <v>279292</v>
      </c>
      <c r="JM29" s="341">
        <v>221639</v>
      </c>
      <c r="JN29" s="341">
        <v>0</v>
      </c>
      <c r="JO29" s="345">
        <v>745804</v>
      </c>
      <c r="JP29" s="343">
        <v>745804</v>
      </c>
      <c r="JQ29" s="344">
        <v>0</v>
      </c>
      <c r="JR29" s="341">
        <v>0</v>
      </c>
      <c r="JS29" s="342">
        <v>0</v>
      </c>
      <c r="JT29" s="348">
        <v>0</v>
      </c>
      <c r="JU29" s="341">
        <v>0</v>
      </c>
      <c r="JV29" s="341">
        <v>0</v>
      </c>
      <c r="JW29" s="341">
        <v>157577</v>
      </c>
      <c r="JX29" s="341">
        <v>0</v>
      </c>
      <c r="JY29" s="341">
        <v>0</v>
      </c>
      <c r="JZ29" s="345">
        <v>157577</v>
      </c>
      <c r="KA29" s="343">
        <v>157577</v>
      </c>
      <c r="KB29" s="349">
        <v>40948</v>
      </c>
      <c r="KC29" s="350">
        <v>0</v>
      </c>
      <c r="KD29" s="345">
        <v>40948</v>
      </c>
      <c r="KE29" s="348">
        <v>0</v>
      </c>
      <c r="KF29" s="341">
        <v>213250</v>
      </c>
      <c r="KG29" s="341">
        <v>0</v>
      </c>
      <c r="KH29" s="341">
        <v>0</v>
      </c>
      <c r="KI29" s="341">
        <v>252184</v>
      </c>
      <c r="KJ29" s="341">
        <v>0</v>
      </c>
      <c r="KK29" s="345">
        <v>465434</v>
      </c>
      <c r="KL29" s="351">
        <v>506382</v>
      </c>
      <c r="KM29" s="337">
        <v>0</v>
      </c>
      <c r="KN29" s="338">
        <v>0</v>
      </c>
      <c r="KO29" s="339">
        <v>0</v>
      </c>
      <c r="KP29" s="340"/>
      <c r="KQ29" s="341">
        <v>0</v>
      </c>
      <c r="KR29" s="341">
        <v>0</v>
      </c>
      <c r="KS29" s="341">
        <v>458944</v>
      </c>
      <c r="KT29" s="341">
        <v>233950</v>
      </c>
      <c r="KU29" s="341">
        <v>0</v>
      </c>
      <c r="KV29" s="345">
        <v>692894</v>
      </c>
      <c r="KW29" s="343">
        <v>692894</v>
      </c>
      <c r="KX29" s="344">
        <v>0</v>
      </c>
      <c r="KY29" s="341">
        <v>0</v>
      </c>
      <c r="KZ29" s="345">
        <v>0</v>
      </c>
      <c r="LA29" s="340"/>
      <c r="LB29" s="341">
        <v>0</v>
      </c>
      <c r="LC29" s="341">
        <v>0</v>
      </c>
      <c r="LD29" s="341">
        <v>0</v>
      </c>
      <c r="LE29" s="341">
        <v>0</v>
      </c>
      <c r="LF29" s="341">
        <v>0</v>
      </c>
      <c r="LG29" s="345">
        <v>0</v>
      </c>
      <c r="LH29" s="347">
        <v>0</v>
      </c>
      <c r="LI29" s="344">
        <v>0</v>
      </c>
      <c r="LJ29" s="341">
        <v>0</v>
      </c>
      <c r="LK29" s="345">
        <v>0</v>
      </c>
      <c r="LL29" s="340"/>
      <c r="LM29" s="341">
        <v>0</v>
      </c>
      <c r="LN29" s="341">
        <v>0</v>
      </c>
      <c r="LO29" s="341">
        <v>0</v>
      </c>
      <c r="LP29" s="341">
        <v>0</v>
      </c>
      <c r="LQ29" s="341">
        <v>0</v>
      </c>
      <c r="LR29" s="345">
        <v>0</v>
      </c>
      <c r="LS29" s="343">
        <v>0</v>
      </c>
      <c r="LT29" s="344">
        <v>0</v>
      </c>
      <c r="LU29" s="341">
        <v>0</v>
      </c>
      <c r="LV29" s="345">
        <v>0</v>
      </c>
      <c r="LW29" s="340"/>
      <c r="LX29" s="341">
        <v>0</v>
      </c>
      <c r="LY29" s="341">
        <v>0</v>
      </c>
      <c r="LZ29" s="341">
        <v>0</v>
      </c>
      <c r="MA29" s="341">
        <v>0</v>
      </c>
      <c r="MB29" s="341">
        <v>0</v>
      </c>
      <c r="MC29" s="345">
        <v>0</v>
      </c>
      <c r="MD29" s="347">
        <v>0</v>
      </c>
      <c r="ME29" s="344">
        <v>0</v>
      </c>
      <c r="MF29" s="341">
        <v>0</v>
      </c>
      <c r="MG29" s="345">
        <v>0</v>
      </c>
      <c r="MH29" s="340"/>
      <c r="MI29" s="341">
        <v>469284</v>
      </c>
      <c r="MJ29" s="341">
        <v>287776</v>
      </c>
      <c r="MK29" s="341">
        <v>885667</v>
      </c>
      <c r="ML29" s="341">
        <v>1027987</v>
      </c>
      <c r="MM29" s="341">
        <v>1231547</v>
      </c>
      <c r="MN29" s="345">
        <v>3902261</v>
      </c>
      <c r="MO29" s="351">
        <v>3902261</v>
      </c>
      <c r="MP29" s="344">
        <v>0</v>
      </c>
      <c r="MQ29" s="341">
        <v>0</v>
      </c>
      <c r="MR29" s="345">
        <v>0</v>
      </c>
      <c r="MS29" s="340"/>
      <c r="MT29" s="341">
        <v>0</v>
      </c>
      <c r="MU29" s="341">
        <v>0</v>
      </c>
      <c r="MV29" s="341">
        <v>240736</v>
      </c>
      <c r="MW29" s="341">
        <v>255804</v>
      </c>
      <c r="MX29" s="341">
        <v>1231547</v>
      </c>
      <c r="MY29" s="345">
        <v>1728087</v>
      </c>
      <c r="MZ29" s="351">
        <v>1728087</v>
      </c>
      <c r="NA29" s="344">
        <v>0</v>
      </c>
      <c r="NB29" s="341">
        <v>0</v>
      </c>
      <c r="NC29" s="345">
        <v>0</v>
      </c>
      <c r="ND29" s="340"/>
      <c r="NE29" s="341">
        <v>469284</v>
      </c>
      <c r="NF29" s="341">
        <v>287776</v>
      </c>
      <c r="NG29" s="341">
        <v>644931</v>
      </c>
      <c r="NH29" s="341">
        <v>772183</v>
      </c>
      <c r="NI29" s="341">
        <v>0</v>
      </c>
      <c r="NJ29" s="345">
        <v>2174174</v>
      </c>
      <c r="NK29" s="343">
        <v>2174174</v>
      </c>
      <c r="NL29" s="344">
        <v>0</v>
      </c>
      <c r="NM29" s="341">
        <v>0</v>
      </c>
      <c r="NN29" s="345">
        <v>0</v>
      </c>
      <c r="NO29" s="340"/>
      <c r="NP29" s="341">
        <v>0</v>
      </c>
      <c r="NQ29" s="341">
        <v>0</v>
      </c>
      <c r="NR29" s="341">
        <v>0</v>
      </c>
      <c r="NS29" s="341">
        <v>0</v>
      </c>
      <c r="NT29" s="341">
        <v>0</v>
      </c>
      <c r="NU29" s="345">
        <v>0</v>
      </c>
      <c r="NV29" s="347">
        <v>0</v>
      </c>
      <c r="NW29" s="344">
        <v>0</v>
      </c>
      <c r="NX29" s="341">
        <v>0</v>
      </c>
      <c r="NY29" s="345">
        <v>0</v>
      </c>
      <c r="NZ29" s="340"/>
      <c r="OA29" s="341">
        <v>0</v>
      </c>
      <c r="OB29" s="341">
        <v>0</v>
      </c>
      <c r="OC29" s="341">
        <v>0</v>
      </c>
      <c r="OD29" s="341">
        <v>0</v>
      </c>
      <c r="OE29" s="341">
        <v>0</v>
      </c>
      <c r="OF29" s="345">
        <v>0</v>
      </c>
      <c r="OG29" s="347">
        <v>0</v>
      </c>
      <c r="OH29" s="344">
        <v>522800</v>
      </c>
      <c r="OI29" s="341">
        <v>459686</v>
      </c>
      <c r="OJ29" s="342">
        <v>982486</v>
      </c>
      <c r="OK29" s="348">
        <v>0</v>
      </c>
      <c r="OL29" s="341">
        <v>3281686</v>
      </c>
      <c r="OM29" s="341">
        <v>2869283</v>
      </c>
      <c r="ON29" s="341">
        <v>3862263</v>
      </c>
      <c r="OO29" s="341">
        <v>4157369</v>
      </c>
      <c r="OP29" s="341">
        <v>2038060</v>
      </c>
      <c r="OQ29" s="345">
        <v>16208661</v>
      </c>
      <c r="OR29" s="351">
        <v>17191147</v>
      </c>
    </row>
    <row r="30" spans="1:408" ht="20.25" customHeight="1" x14ac:dyDescent="0.2">
      <c r="A30" s="111" t="s">
        <v>25</v>
      </c>
      <c r="B30" s="318">
        <v>13472</v>
      </c>
      <c r="C30" s="319">
        <v>212565</v>
      </c>
      <c r="D30" s="320">
        <v>226037</v>
      </c>
      <c r="E30" s="321">
        <v>0</v>
      </c>
      <c r="F30" s="319">
        <v>1948437</v>
      </c>
      <c r="G30" s="319">
        <v>911325</v>
      </c>
      <c r="H30" s="319">
        <v>583115</v>
      </c>
      <c r="I30" s="319">
        <v>1875317</v>
      </c>
      <c r="J30" s="319">
        <v>313727</v>
      </c>
      <c r="K30" s="358">
        <v>5631921</v>
      </c>
      <c r="L30" s="322">
        <v>5857958</v>
      </c>
      <c r="M30" s="318">
        <v>9600</v>
      </c>
      <c r="N30" s="319">
        <v>119181</v>
      </c>
      <c r="O30" s="320">
        <v>128781</v>
      </c>
      <c r="P30" s="318">
        <v>0</v>
      </c>
      <c r="Q30" s="319">
        <v>394835</v>
      </c>
      <c r="R30" s="319">
        <v>418948</v>
      </c>
      <c r="S30" s="319">
        <v>213169</v>
      </c>
      <c r="T30" s="319">
        <v>502745</v>
      </c>
      <c r="U30" s="319">
        <v>250351</v>
      </c>
      <c r="V30" s="320">
        <v>1780048</v>
      </c>
      <c r="W30" s="322">
        <v>1908829</v>
      </c>
      <c r="X30" s="318">
        <v>0</v>
      </c>
      <c r="Y30" s="319">
        <v>0</v>
      </c>
      <c r="Z30" s="320">
        <v>0</v>
      </c>
      <c r="AA30" s="318">
        <v>0</v>
      </c>
      <c r="AB30" s="319">
        <v>125350</v>
      </c>
      <c r="AC30" s="319">
        <v>264126</v>
      </c>
      <c r="AD30" s="319">
        <v>165969</v>
      </c>
      <c r="AE30" s="319">
        <v>398684</v>
      </c>
      <c r="AF30" s="319">
        <v>0</v>
      </c>
      <c r="AG30" s="320">
        <v>954129</v>
      </c>
      <c r="AH30" s="322">
        <v>954129</v>
      </c>
      <c r="AI30" s="318">
        <v>0</v>
      </c>
      <c r="AJ30" s="319">
        <v>0</v>
      </c>
      <c r="AK30" s="320">
        <v>0</v>
      </c>
      <c r="AL30" s="318">
        <v>0</v>
      </c>
      <c r="AM30" s="319">
        <v>0</v>
      </c>
      <c r="AN30" s="319">
        <v>13412</v>
      </c>
      <c r="AO30" s="319">
        <v>0</v>
      </c>
      <c r="AP30" s="319">
        <v>35173</v>
      </c>
      <c r="AQ30" s="319">
        <v>102702</v>
      </c>
      <c r="AR30" s="320">
        <v>151287</v>
      </c>
      <c r="AS30" s="322">
        <v>151287</v>
      </c>
      <c r="AT30" s="318">
        <v>0</v>
      </c>
      <c r="AU30" s="319">
        <v>76914</v>
      </c>
      <c r="AV30" s="320">
        <v>76914</v>
      </c>
      <c r="AW30" s="318">
        <v>0</v>
      </c>
      <c r="AX30" s="319">
        <v>134410</v>
      </c>
      <c r="AY30" s="319">
        <v>120146</v>
      </c>
      <c r="AZ30" s="319">
        <v>33024</v>
      </c>
      <c r="BA30" s="319">
        <v>51256</v>
      </c>
      <c r="BB30" s="319">
        <v>126601</v>
      </c>
      <c r="BC30" s="320">
        <v>465437</v>
      </c>
      <c r="BD30" s="322">
        <v>542351</v>
      </c>
      <c r="BE30" s="318">
        <v>0</v>
      </c>
      <c r="BF30" s="319">
        <v>42267</v>
      </c>
      <c r="BG30" s="323">
        <v>42267</v>
      </c>
      <c r="BH30" s="324">
        <v>0</v>
      </c>
      <c r="BI30" s="319">
        <v>21707</v>
      </c>
      <c r="BJ30" s="319">
        <v>0</v>
      </c>
      <c r="BK30" s="319">
        <v>0</v>
      </c>
      <c r="BL30" s="319">
        <v>0</v>
      </c>
      <c r="BM30" s="319">
        <v>16280</v>
      </c>
      <c r="BN30" s="320">
        <v>37987</v>
      </c>
      <c r="BO30" s="322">
        <v>80254</v>
      </c>
      <c r="BP30" s="318">
        <v>9600</v>
      </c>
      <c r="BQ30" s="319">
        <v>0</v>
      </c>
      <c r="BR30" s="320">
        <v>9600</v>
      </c>
      <c r="BS30" s="318">
        <v>0</v>
      </c>
      <c r="BT30" s="319">
        <v>113368</v>
      </c>
      <c r="BU30" s="319">
        <v>21264</v>
      </c>
      <c r="BV30" s="319">
        <v>14176</v>
      </c>
      <c r="BW30" s="319">
        <v>17632</v>
      </c>
      <c r="BX30" s="319">
        <v>4768</v>
      </c>
      <c r="BY30" s="320">
        <v>171208</v>
      </c>
      <c r="BZ30" s="322">
        <v>180808</v>
      </c>
      <c r="CA30" s="318">
        <v>0</v>
      </c>
      <c r="CB30" s="319">
        <v>0</v>
      </c>
      <c r="CC30" s="320">
        <v>0</v>
      </c>
      <c r="CD30" s="318">
        <v>0</v>
      </c>
      <c r="CE30" s="319">
        <v>681262</v>
      </c>
      <c r="CF30" s="319">
        <v>366473</v>
      </c>
      <c r="CG30" s="319">
        <v>73132</v>
      </c>
      <c r="CH30" s="319">
        <v>756925</v>
      </c>
      <c r="CI30" s="319">
        <v>0</v>
      </c>
      <c r="CJ30" s="320">
        <v>1877792</v>
      </c>
      <c r="CK30" s="322">
        <v>1877792</v>
      </c>
      <c r="CL30" s="318">
        <v>0</v>
      </c>
      <c r="CM30" s="319">
        <v>0</v>
      </c>
      <c r="CN30" s="320">
        <v>0</v>
      </c>
      <c r="CO30" s="324">
        <v>0</v>
      </c>
      <c r="CP30" s="319">
        <v>475437</v>
      </c>
      <c r="CQ30" s="319">
        <v>270258</v>
      </c>
      <c r="CR30" s="319">
        <v>0</v>
      </c>
      <c r="CS30" s="319">
        <v>632377</v>
      </c>
      <c r="CT30" s="319">
        <v>0</v>
      </c>
      <c r="CU30" s="320">
        <v>1378072</v>
      </c>
      <c r="CV30" s="322">
        <v>1378072</v>
      </c>
      <c r="CW30" s="318">
        <v>0</v>
      </c>
      <c r="CX30" s="319">
        <v>0</v>
      </c>
      <c r="CY30" s="320">
        <v>0</v>
      </c>
      <c r="CZ30" s="318">
        <v>0</v>
      </c>
      <c r="DA30" s="319">
        <v>205825</v>
      </c>
      <c r="DB30" s="319">
        <v>96215</v>
      </c>
      <c r="DC30" s="319">
        <v>73132</v>
      </c>
      <c r="DD30" s="319">
        <v>124548</v>
      </c>
      <c r="DE30" s="319">
        <v>0</v>
      </c>
      <c r="DF30" s="320">
        <v>499720</v>
      </c>
      <c r="DG30" s="322">
        <v>499720</v>
      </c>
      <c r="DH30" s="318">
        <v>0</v>
      </c>
      <c r="DI30" s="319">
        <v>0</v>
      </c>
      <c r="DJ30" s="323">
        <v>0</v>
      </c>
      <c r="DK30" s="324">
        <v>0</v>
      </c>
      <c r="DL30" s="319">
        <v>53137</v>
      </c>
      <c r="DM30" s="319">
        <v>0</v>
      </c>
      <c r="DN30" s="319">
        <v>49508</v>
      </c>
      <c r="DO30" s="319">
        <v>99701</v>
      </c>
      <c r="DP30" s="319">
        <v>0</v>
      </c>
      <c r="DQ30" s="320">
        <v>202346</v>
      </c>
      <c r="DR30" s="322">
        <v>202346</v>
      </c>
      <c r="DS30" s="318">
        <v>0</v>
      </c>
      <c r="DT30" s="319">
        <v>0</v>
      </c>
      <c r="DU30" s="320">
        <v>0</v>
      </c>
      <c r="DV30" s="318">
        <v>0</v>
      </c>
      <c r="DW30" s="319">
        <v>53137</v>
      </c>
      <c r="DX30" s="319">
        <v>0</v>
      </c>
      <c r="DY30" s="319">
        <v>49508</v>
      </c>
      <c r="DZ30" s="319">
        <v>34435</v>
      </c>
      <c r="EA30" s="319">
        <v>0</v>
      </c>
      <c r="EB30" s="320">
        <v>137080</v>
      </c>
      <c r="EC30" s="322">
        <v>137080</v>
      </c>
      <c r="ED30" s="318">
        <v>0</v>
      </c>
      <c r="EE30" s="323">
        <v>0</v>
      </c>
      <c r="EF30" s="320">
        <v>0</v>
      </c>
      <c r="EG30" s="318">
        <v>0</v>
      </c>
      <c r="EH30" s="319">
        <v>0</v>
      </c>
      <c r="EI30" s="319">
        <v>0</v>
      </c>
      <c r="EJ30" s="319">
        <v>0</v>
      </c>
      <c r="EK30" s="319">
        <v>65266</v>
      </c>
      <c r="EL30" s="319">
        <v>0</v>
      </c>
      <c r="EM30" s="323">
        <v>65266</v>
      </c>
      <c r="EN30" s="322">
        <v>65266</v>
      </c>
      <c r="EO30" s="318">
        <v>0</v>
      </c>
      <c r="EP30" s="319">
        <v>0</v>
      </c>
      <c r="EQ30" s="323">
        <v>0</v>
      </c>
      <c r="ER30" s="324">
        <v>0</v>
      </c>
      <c r="ES30" s="319">
        <v>0</v>
      </c>
      <c r="ET30" s="319">
        <v>0</v>
      </c>
      <c r="EU30" s="319">
        <v>0</v>
      </c>
      <c r="EV30" s="319">
        <v>0</v>
      </c>
      <c r="EW30" s="319">
        <v>0</v>
      </c>
      <c r="EX30" s="320">
        <v>0</v>
      </c>
      <c r="EY30" s="322">
        <v>0</v>
      </c>
      <c r="EZ30" s="318">
        <v>0</v>
      </c>
      <c r="FA30" s="319">
        <v>0</v>
      </c>
      <c r="FB30" s="323">
        <v>0</v>
      </c>
      <c r="FC30" s="325"/>
      <c r="FD30" s="319">
        <v>0</v>
      </c>
      <c r="FE30" s="319">
        <v>0</v>
      </c>
      <c r="FF30" s="319">
        <v>0</v>
      </c>
      <c r="FG30" s="319">
        <v>0</v>
      </c>
      <c r="FH30" s="319">
        <v>0</v>
      </c>
      <c r="FI30" s="320">
        <v>0</v>
      </c>
      <c r="FJ30" s="322">
        <v>0</v>
      </c>
      <c r="FK30" s="318">
        <v>3872</v>
      </c>
      <c r="FL30" s="319">
        <v>5680</v>
      </c>
      <c r="FM30" s="320">
        <v>9552</v>
      </c>
      <c r="FN30" s="318">
        <v>0</v>
      </c>
      <c r="FO30" s="319">
        <v>53264</v>
      </c>
      <c r="FP30" s="319">
        <v>125904</v>
      </c>
      <c r="FQ30" s="319">
        <v>54784</v>
      </c>
      <c r="FR30" s="319">
        <v>106208</v>
      </c>
      <c r="FS30" s="319">
        <v>63376</v>
      </c>
      <c r="FT30" s="320">
        <v>403536</v>
      </c>
      <c r="FU30" s="322">
        <v>413088</v>
      </c>
      <c r="FV30" s="326">
        <v>3872</v>
      </c>
      <c r="FW30" s="319">
        <v>5680</v>
      </c>
      <c r="FX30" s="323">
        <v>9552</v>
      </c>
      <c r="FY30" s="324">
        <v>0</v>
      </c>
      <c r="FZ30" s="319">
        <v>53264</v>
      </c>
      <c r="GA30" s="319">
        <v>125904</v>
      </c>
      <c r="GB30" s="319">
        <v>54784</v>
      </c>
      <c r="GC30" s="319">
        <v>106208</v>
      </c>
      <c r="GD30" s="319">
        <v>63376</v>
      </c>
      <c r="GE30" s="320">
        <v>403536</v>
      </c>
      <c r="GF30" s="327">
        <v>413088</v>
      </c>
      <c r="GG30" s="326">
        <v>0</v>
      </c>
      <c r="GH30" s="319">
        <v>0</v>
      </c>
      <c r="GI30" s="323">
        <v>0</v>
      </c>
      <c r="GJ30" s="324">
        <v>0</v>
      </c>
      <c r="GK30" s="319">
        <v>0</v>
      </c>
      <c r="GL30" s="319">
        <v>0</v>
      </c>
      <c r="GM30" s="319">
        <v>0</v>
      </c>
      <c r="GN30" s="319">
        <v>0</v>
      </c>
      <c r="GO30" s="319">
        <v>0</v>
      </c>
      <c r="GP30" s="320">
        <v>0</v>
      </c>
      <c r="GQ30" s="322">
        <v>0</v>
      </c>
      <c r="GR30" s="318">
        <v>0</v>
      </c>
      <c r="GS30" s="319">
        <v>0</v>
      </c>
      <c r="GT30" s="320">
        <v>0</v>
      </c>
      <c r="GU30" s="318">
        <v>0</v>
      </c>
      <c r="GV30" s="319">
        <v>0</v>
      </c>
      <c r="GW30" s="319">
        <v>0</v>
      </c>
      <c r="GX30" s="319">
        <v>0</v>
      </c>
      <c r="GY30" s="319">
        <v>0</v>
      </c>
      <c r="GZ30" s="319">
        <v>0</v>
      </c>
      <c r="HA30" s="323">
        <v>0</v>
      </c>
      <c r="HB30" s="322">
        <v>0</v>
      </c>
      <c r="HC30" s="318">
        <v>0</v>
      </c>
      <c r="HD30" s="319">
        <v>87704</v>
      </c>
      <c r="HE30" s="323">
        <v>87704</v>
      </c>
      <c r="HF30" s="324">
        <v>0</v>
      </c>
      <c r="HG30" s="319">
        <v>765939</v>
      </c>
      <c r="HH30" s="319">
        <v>0</v>
      </c>
      <c r="HI30" s="319">
        <v>192522</v>
      </c>
      <c r="HJ30" s="319">
        <v>409738</v>
      </c>
      <c r="HK30" s="319">
        <v>0</v>
      </c>
      <c r="HL30" s="320">
        <v>1368199</v>
      </c>
      <c r="HM30" s="321">
        <v>1455903</v>
      </c>
      <c r="HN30" s="411"/>
      <c r="HO30" s="412"/>
      <c r="HP30" s="413"/>
      <c r="HQ30" s="414"/>
      <c r="HR30" s="412"/>
      <c r="HS30" s="412"/>
      <c r="HT30" s="412"/>
      <c r="HU30" s="412"/>
      <c r="HV30" s="412"/>
      <c r="HW30" s="415"/>
      <c r="HX30" s="416"/>
      <c r="HY30" s="357">
        <v>0</v>
      </c>
      <c r="HZ30" s="332">
        <v>0</v>
      </c>
      <c r="IA30" s="357">
        <v>0</v>
      </c>
      <c r="IB30" s="331">
        <v>0</v>
      </c>
      <c r="IC30" s="332">
        <v>232663</v>
      </c>
      <c r="ID30" s="333">
        <v>43772</v>
      </c>
      <c r="IE30" s="334">
        <v>0</v>
      </c>
      <c r="IF30" s="332">
        <v>107242</v>
      </c>
      <c r="IG30" s="334">
        <v>0</v>
      </c>
      <c r="IH30" s="335">
        <v>383677</v>
      </c>
      <c r="II30" s="357">
        <v>383677</v>
      </c>
      <c r="IJ30" s="337">
        <v>0</v>
      </c>
      <c r="IK30" s="338">
        <v>0</v>
      </c>
      <c r="IL30" s="339">
        <v>0</v>
      </c>
      <c r="IM30" s="340"/>
      <c r="IN30" s="341">
        <v>0</v>
      </c>
      <c r="IO30" s="341">
        <v>0</v>
      </c>
      <c r="IP30" s="341">
        <v>0</v>
      </c>
      <c r="IQ30" s="341">
        <v>0</v>
      </c>
      <c r="IR30" s="341">
        <v>0</v>
      </c>
      <c r="IS30" s="342">
        <v>0</v>
      </c>
      <c r="IT30" s="343">
        <v>0</v>
      </c>
      <c r="IU30" s="344">
        <v>0</v>
      </c>
      <c r="IV30" s="341">
        <v>0</v>
      </c>
      <c r="IW30" s="345">
        <v>0</v>
      </c>
      <c r="IX30" s="340"/>
      <c r="IY30" s="341">
        <v>0</v>
      </c>
      <c r="IZ30" s="341">
        <v>0</v>
      </c>
      <c r="JA30" s="341">
        <v>0</v>
      </c>
      <c r="JB30" s="341">
        <v>0</v>
      </c>
      <c r="JC30" s="341">
        <v>0</v>
      </c>
      <c r="JD30" s="345">
        <v>0</v>
      </c>
      <c r="JE30" s="347">
        <v>0</v>
      </c>
      <c r="JF30" s="344">
        <v>0</v>
      </c>
      <c r="JG30" s="341">
        <v>0</v>
      </c>
      <c r="JH30" s="342">
        <v>0</v>
      </c>
      <c r="JI30" s="348">
        <v>0</v>
      </c>
      <c r="JJ30" s="341">
        <v>232663</v>
      </c>
      <c r="JK30" s="341">
        <v>43772</v>
      </c>
      <c r="JL30" s="341">
        <v>0</v>
      </c>
      <c r="JM30" s="341">
        <v>107242</v>
      </c>
      <c r="JN30" s="341">
        <v>0</v>
      </c>
      <c r="JO30" s="345">
        <v>383677</v>
      </c>
      <c r="JP30" s="343">
        <v>383677</v>
      </c>
      <c r="JQ30" s="344">
        <v>0</v>
      </c>
      <c r="JR30" s="341">
        <v>0</v>
      </c>
      <c r="JS30" s="342">
        <v>0</v>
      </c>
      <c r="JT30" s="348">
        <v>0</v>
      </c>
      <c r="JU30" s="341">
        <v>0</v>
      </c>
      <c r="JV30" s="341">
        <v>0</v>
      </c>
      <c r="JW30" s="341">
        <v>0</v>
      </c>
      <c r="JX30" s="341">
        <v>0</v>
      </c>
      <c r="JY30" s="341">
        <v>0</v>
      </c>
      <c r="JZ30" s="345">
        <v>0</v>
      </c>
      <c r="KA30" s="343">
        <v>0</v>
      </c>
      <c r="KB30" s="349">
        <v>0</v>
      </c>
      <c r="KC30" s="350">
        <v>0</v>
      </c>
      <c r="KD30" s="345">
        <v>0</v>
      </c>
      <c r="KE30" s="348">
        <v>0</v>
      </c>
      <c r="KF30" s="341">
        <v>0</v>
      </c>
      <c r="KG30" s="341">
        <v>0</v>
      </c>
      <c r="KH30" s="341">
        <v>0</v>
      </c>
      <c r="KI30" s="341">
        <v>0</v>
      </c>
      <c r="KJ30" s="341">
        <v>0</v>
      </c>
      <c r="KK30" s="345">
        <v>0</v>
      </c>
      <c r="KL30" s="351">
        <v>0</v>
      </c>
      <c r="KM30" s="337">
        <v>0</v>
      </c>
      <c r="KN30" s="338">
        <v>0</v>
      </c>
      <c r="KO30" s="339">
        <v>0</v>
      </c>
      <c r="KP30" s="340"/>
      <c r="KQ30" s="341">
        <v>0</v>
      </c>
      <c r="KR30" s="341">
        <v>0</v>
      </c>
      <c r="KS30" s="341">
        <v>0</v>
      </c>
      <c r="KT30" s="341">
        <v>0</v>
      </c>
      <c r="KU30" s="341">
        <v>0</v>
      </c>
      <c r="KV30" s="345">
        <v>0</v>
      </c>
      <c r="KW30" s="343">
        <v>0</v>
      </c>
      <c r="KX30" s="344">
        <v>0</v>
      </c>
      <c r="KY30" s="341">
        <v>0</v>
      </c>
      <c r="KZ30" s="345">
        <v>0</v>
      </c>
      <c r="LA30" s="340"/>
      <c r="LB30" s="341">
        <v>0</v>
      </c>
      <c r="LC30" s="341">
        <v>0</v>
      </c>
      <c r="LD30" s="341">
        <v>0</v>
      </c>
      <c r="LE30" s="341">
        <v>0</v>
      </c>
      <c r="LF30" s="341">
        <v>0</v>
      </c>
      <c r="LG30" s="345">
        <v>0</v>
      </c>
      <c r="LH30" s="347">
        <v>0</v>
      </c>
      <c r="LI30" s="344">
        <v>0</v>
      </c>
      <c r="LJ30" s="341">
        <v>0</v>
      </c>
      <c r="LK30" s="345">
        <v>0</v>
      </c>
      <c r="LL30" s="340"/>
      <c r="LM30" s="341">
        <v>0</v>
      </c>
      <c r="LN30" s="341">
        <v>0</v>
      </c>
      <c r="LO30" s="341">
        <v>0</v>
      </c>
      <c r="LP30" s="341">
        <v>0</v>
      </c>
      <c r="LQ30" s="341">
        <v>0</v>
      </c>
      <c r="LR30" s="345">
        <v>0</v>
      </c>
      <c r="LS30" s="343">
        <v>0</v>
      </c>
      <c r="LT30" s="344">
        <v>0</v>
      </c>
      <c r="LU30" s="341">
        <v>0</v>
      </c>
      <c r="LV30" s="345">
        <v>0</v>
      </c>
      <c r="LW30" s="340"/>
      <c r="LX30" s="341">
        <v>0</v>
      </c>
      <c r="LY30" s="341">
        <v>0</v>
      </c>
      <c r="LZ30" s="341">
        <v>0</v>
      </c>
      <c r="MA30" s="341">
        <v>0</v>
      </c>
      <c r="MB30" s="341">
        <v>0</v>
      </c>
      <c r="MC30" s="345">
        <v>0</v>
      </c>
      <c r="MD30" s="347">
        <v>0</v>
      </c>
      <c r="ME30" s="344">
        <v>0</v>
      </c>
      <c r="MF30" s="341">
        <v>0</v>
      </c>
      <c r="MG30" s="345">
        <v>0</v>
      </c>
      <c r="MH30" s="340"/>
      <c r="MI30" s="341">
        <v>707944</v>
      </c>
      <c r="MJ30" s="341">
        <v>0</v>
      </c>
      <c r="MK30" s="341">
        <v>1653561</v>
      </c>
      <c r="ML30" s="341">
        <v>806403</v>
      </c>
      <c r="MM30" s="341">
        <v>832218</v>
      </c>
      <c r="MN30" s="345">
        <v>4000126</v>
      </c>
      <c r="MO30" s="351">
        <v>4000126</v>
      </c>
      <c r="MP30" s="344">
        <v>0</v>
      </c>
      <c r="MQ30" s="341">
        <v>0</v>
      </c>
      <c r="MR30" s="345">
        <v>0</v>
      </c>
      <c r="MS30" s="340"/>
      <c r="MT30" s="341">
        <v>182248</v>
      </c>
      <c r="MU30" s="341">
        <v>0</v>
      </c>
      <c r="MV30" s="341">
        <v>1393591</v>
      </c>
      <c r="MW30" s="341">
        <v>505552</v>
      </c>
      <c r="MX30" s="341">
        <v>252772</v>
      </c>
      <c r="MY30" s="345">
        <v>2334163</v>
      </c>
      <c r="MZ30" s="351">
        <v>2334163</v>
      </c>
      <c r="NA30" s="344">
        <v>0</v>
      </c>
      <c r="NB30" s="341">
        <v>0</v>
      </c>
      <c r="NC30" s="345">
        <v>0</v>
      </c>
      <c r="ND30" s="340"/>
      <c r="NE30" s="341">
        <v>525696</v>
      </c>
      <c r="NF30" s="341">
        <v>0</v>
      </c>
      <c r="NG30" s="341">
        <v>259970</v>
      </c>
      <c r="NH30" s="341">
        <v>300851</v>
      </c>
      <c r="NI30" s="341">
        <v>579446</v>
      </c>
      <c r="NJ30" s="345">
        <v>1665963</v>
      </c>
      <c r="NK30" s="343">
        <v>1665963</v>
      </c>
      <c r="NL30" s="344">
        <v>0</v>
      </c>
      <c r="NM30" s="341">
        <v>0</v>
      </c>
      <c r="NN30" s="345">
        <v>0</v>
      </c>
      <c r="NO30" s="340"/>
      <c r="NP30" s="341">
        <v>0</v>
      </c>
      <c r="NQ30" s="341">
        <v>0</v>
      </c>
      <c r="NR30" s="341">
        <v>0</v>
      </c>
      <c r="NS30" s="341">
        <v>0</v>
      </c>
      <c r="NT30" s="341">
        <v>0</v>
      </c>
      <c r="NU30" s="345">
        <v>0</v>
      </c>
      <c r="NV30" s="347">
        <v>0</v>
      </c>
      <c r="NW30" s="344">
        <v>0</v>
      </c>
      <c r="NX30" s="341">
        <v>0</v>
      </c>
      <c r="NY30" s="345">
        <v>0</v>
      </c>
      <c r="NZ30" s="340"/>
      <c r="OA30" s="341">
        <v>0</v>
      </c>
      <c r="OB30" s="341">
        <v>0</v>
      </c>
      <c r="OC30" s="341">
        <v>0</v>
      </c>
      <c r="OD30" s="341">
        <v>0</v>
      </c>
      <c r="OE30" s="341">
        <v>0</v>
      </c>
      <c r="OF30" s="345">
        <v>0</v>
      </c>
      <c r="OG30" s="347">
        <v>0</v>
      </c>
      <c r="OH30" s="344">
        <v>13472</v>
      </c>
      <c r="OI30" s="341">
        <v>212565</v>
      </c>
      <c r="OJ30" s="342">
        <v>226037</v>
      </c>
      <c r="OK30" s="348">
        <v>0</v>
      </c>
      <c r="OL30" s="341">
        <v>2889044</v>
      </c>
      <c r="OM30" s="341">
        <v>955097</v>
      </c>
      <c r="ON30" s="341">
        <v>2236676</v>
      </c>
      <c r="OO30" s="341">
        <v>2788962</v>
      </c>
      <c r="OP30" s="341">
        <v>1145945</v>
      </c>
      <c r="OQ30" s="345">
        <v>10015724</v>
      </c>
      <c r="OR30" s="351">
        <v>10241761</v>
      </c>
    </row>
    <row r="31" spans="1:408" ht="20.25" customHeight="1" x14ac:dyDescent="0.2">
      <c r="A31" s="111" t="s">
        <v>26</v>
      </c>
      <c r="B31" s="318">
        <v>41637</v>
      </c>
      <c r="C31" s="319">
        <v>142288</v>
      </c>
      <c r="D31" s="320">
        <v>183925</v>
      </c>
      <c r="E31" s="321">
        <v>0</v>
      </c>
      <c r="F31" s="319">
        <v>1319509</v>
      </c>
      <c r="G31" s="319">
        <v>1649926</v>
      </c>
      <c r="H31" s="319">
        <v>1899479</v>
      </c>
      <c r="I31" s="319">
        <v>1000800</v>
      </c>
      <c r="J31" s="319">
        <v>1001246</v>
      </c>
      <c r="K31" s="358">
        <v>6870960</v>
      </c>
      <c r="L31" s="322">
        <v>7054885</v>
      </c>
      <c r="M31" s="318">
        <v>16520</v>
      </c>
      <c r="N31" s="319">
        <v>65912</v>
      </c>
      <c r="O31" s="320">
        <v>82432</v>
      </c>
      <c r="P31" s="318">
        <v>0</v>
      </c>
      <c r="Q31" s="319">
        <v>324712</v>
      </c>
      <c r="R31" s="319">
        <v>448442</v>
      </c>
      <c r="S31" s="319">
        <v>894261</v>
      </c>
      <c r="T31" s="319">
        <v>235753</v>
      </c>
      <c r="U31" s="319">
        <v>491660</v>
      </c>
      <c r="V31" s="320">
        <v>2394828</v>
      </c>
      <c r="W31" s="322">
        <v>2477260</v>
      </c>
      <c r="X31" s="318">
        <v>0</v>
      </c>
      <c r="Y31" s="319">
        <v>0</v>
      </c>
      <c r="Z31" s="320">
        <v>0</v>
      </c>
      <c r="AA31" s="318">
        <v>0</v>
      </c>
      <c r="AB31" s="319">
        <v>93297</v>
      </c>
      <c r="AC31" s="319">
        <v>296698</v>
      </c>
      <c r="AD31" s="319">
        <v>345320</v>
      </c>
      <c r="AE31" s="319">
        <v>94621</v>
      </c>
      <c r="AF31" s="319">
        <v>145338</v>
      </c>
      <c r="AG31" s="320">
        <v>975274</v>
      </c>
      <c r="AH31" s="322">
        <v>975274</v>
      </c>
      <c r="AI31" s="318">
        <v>0</v>
      </c>
      <c r="AJ31" s="319">
        <v>0</v>
      </c>
      <c r="AK31" s="320">
        <v>0</v>
      </c>
      <c r="AL31" s="318">
        <v>0</v>
      </c>
      <c r="AM31" s="319">
        <v>0</v>
      </c>
      <c r="AN31" s="319">
        <v>0</v>
      </c>
      <c r="AO31" s="319">
        <v>0</v>
      </c>
      <c r="AP31" s="319">
        <v>83176</v>
      </c>
      <c r="AQ31" s="319">
        <v>104157</v>
      </c>
      <c r="AR31" s="320">
        <v>187333</v>
      </c>
      <c r="AS31" s="322">
        <v>187333</v>
      </c>
      <c r="AT31" s="318">
        <v>0</v>
      </c>
      <c r="AU31" s="319">
        <v>65912</v>
      </c>
      <c r="AV31" s="320">
        <v>65912</v>
      </c>
      <c r="AW31" s="318">
        <v>0</v>
      </c>
      <c r="AX31" s="319">
        <v>170487</v>
      </c>
      <c r="AY31" s="319">
        <v>63635</v>
      </c>
      <c r="AZ31" s="319">
        <v>376181</v>
      </c>
      <c r="BA31" s="319">
        <v>48356</v>
      </c>
      <c r="BB31" s="319">
        <v>223661</v>
      </c>
      <c r="BC31" s="320">
        <v>882320</v>
      </c>
      <c r="BD31" s="322">
        <v>948232</v>
      </c>
      <c r="BE31" s="318">
        <v>0</v>
      </c>
      <c r="BF31" s="319">
        <v>0</v>
      </c>
      <c r="BG31" s="323">
        <v>0</v>
      </c>
      <c r="BH31" s="324">
        <v>0</v>
      </c>
      <c r="BI31" s="319">
        <v>0</v>
      </c>
      <c r="BJ31" s="319">
        <v>39501</v>
      </c>
      <c r="BK31" s="319">
        <v>95768</v>
      </c>
      <c r="BL31" s="319">
        <v>0</v>
      </c>
      <c r="BM31" s="319">
        <v>0</v>
      </c>
      <c r="BN31" s="320">
        <v>135269</v>
      </c>
      <c r="BO31" s="322">
        <v>135269</v>
      </c>
      <c r="BP31" s="318">
        <v>16520</v>
      </c>
      <c r="BQ31" s="319">
        <v>0</v>
      </c>
      <c r="BR31" s="320">
        <v>16520</v>
      </c>
      <c r="BS31" s="318">
        <v>0</v>
      </c>
      <c r="BT31" s="319">
        <v>60928</v>
      </c>
      <c r="BU31" s="319">
        <v>48608</v>
      </c>
      <c r="BV31" s="319">
        <v>76992</v>
      </c>
      <c r="BW31" s="319">
        <v>9600</v>
      </c>
      <c r="BX31" s="319">
        <v>18504</v>
      </c>
      <c r="BY31" s="320">
        <v>214632</v>
      </c>
      <c r="BZ31" s="322">
        <v>231152</v>
      </c>
      <c r="CA31" s="318">
        <v>20717</v>
      </c>
      <c r="CB31" s="319">
        <v>39832</v>
      </c>
      <c r="CC31" s="320">
        <v>60549</v>
      </c>
      <c r="CD31" s="318">
        <v>0</v>
      </c>
      <c r="CE31" s="319">
        <v>433312</v>
      </c>
      <c r="CF31" s="319">
        <v>719215</v>
      </c>
      <c r="CG31" s="319">
        <v>563029</v>
      </c>
      <c r="CH31" s="319">
        <v>336772</v>
      </c>
      <c r="CI31" s="319">
        <v>408325</v>
      </c>
      <c r="CJ31" s="320">
        <v>2460653</v>
      </c>
      <c r="CK31" s="322">
        <v>2521202</v>
      </c>
      <c r="CL31" s="318">
        <v>0</v>
      </c>
      <c r="CM31" s="319">
        <v>0</v>
      </c>
      <c r="CN31" s="320">
        <v>0</v>
      </c>
      <c r="CO31" s="324">
        <v>0</v>
      </c>
      <c r="CP31" s="319">
        <v>420049</v>
      </c>
      <c r="CQ31" s="319">
        <v>505003</v>
      </c>
      <c r="CR31" s="319">
        <v>164683</v>
      </c>
      <c r="CS31" s="319">
        <v>336772</v>
      </c>
      <c r="CT31" s="319">
        <v>408325</v>
      </c>
      <c r="CU31" s="320">
        <v>1834832</v>
      </c>
      <c r="CV31" s="322">
        <v>1834832</v>
      </c>
      <c r="CW31" s="318">
        <v>20717</v>
      </c>
      <c r="CX31" s="319">
        <v>39832</v>
      </c>
      <c r="CY31" s="320">
        <v>60549</v>
      </c>
      <c r="CZ31" s="318">
        <v>0</v>
      </c>
      <c r="DA31" s="319">
        <v>13263</v>
      </c>
      <c r="DB31" s="319">
        <v>214212</v>
      </c>
      <c r="DC31" s="319">
        <v>398346</v>
      </c>
      <c r="DD31" s="319">
        <v>0</v>
      </c>
      <c r="DE31" s="319">
        <v>0</v>
      </c>
      <c r="DF31" s="320">
        <v>625821</v>
      </c>
      <c r="DG31" s="322">
        <v>686370</v>
      </c>
      <c r="DH31" s="318">
        <v>0</v>
      </c>
      <c r="DI31" s="319">
        <v>0</v>
      </c>
      <c r="DJ31" s="323">
        <v>0</v>
      </c>
      <c r="DK31" s="324">
        <v>0</v>
      </c>
      <c r="DL31" s="319">
        <v>37878</v>
      </c>
      <c r="DM31" s="319">
        <v>199485</v>
      </c>
      <c r="DN31" s="319">
        <v>120693</v>
      </c>
      <c r="DO31" s="319">
        <v>317267</v>
      </c>
      <c r="DP31" s="319">
        <v>19981</v>
      </c>
      <c r="DQ31" s="320">
        <v>695304</v>
      </c>
      <c r="DR31" s="322">
        <v>695304</v>
      </c>
      <c r="DS31" s="318">
        <v>0</v>
      </c>
      <c r="DT31" s="319">
        <v>0</v>
      </c>
      <c r="DU31" s="320">
        <v>0</v>
      </c>
      <c r="DV31" s="318">
        <v>0</v>
      </c>
      <c r="DW31" s="319">
        <v>37878</v>
      </c>
      <c r="DX31" s="319">
        <v>199485</v>
      </c>
      <c r="DY31" s="319">
        <v>64447</v>
      </c>
      <c r="DZ31" s="319">
        <v>317267</v>
      </c>
      <c r="EA31" s="319">
        <v>19981</v>
      </c>
      <c r="EB31" s="320">
        <v>639058</v>
      </c>
      <c r="EC31" s="322">
        <v>639058</v>
      </c>
      <c r="ED31" s="318">
        <v>0</v>
      </c>
      <c r="EE31" s="323">
        <v>0</v>
      </c>
      <c r="EF31" s="320">
        <v>0</v>
      </c>
      <c r="EG31" s="318">
        <v>0</v>
      </c>
      <c r="EH31" s="319">
        <v>0</v>
      </c>
      <c r="EI31" s="319">
        <v>0</v>
      </c>
      <c r="EJ31" s="319">
        <v>56246</v>
      </c>
      <c r="EK31" s="319">
        <v>0</v>
      </c>
      <c r="EL31" s="319">
        <v>0</v>
      </c>
      <c r="EM31" s="323">
        <v>56246</v>
      </c>
      <c r="EN31" s="322">
        <v>56246</v>
      </c>
      <c r="EO31" s="318">
        <v>0</v>
      </c>
      <c r="EP31" s="319">
        <v>0</v>
      </c>
      <c r="EQ31" s="323">
        <v>0</v>
      </c>
      <c r="ER31" s="324">
        <v>0</v>
      </c>
      <c r="ES31" s="319">
        <v>0</v>
      </c>
      <c r="ET31" s="319">
        <v>0</v>
      </c>
      <c r="EU31" s="319">
        <v>0</v>
      </c>
      <c r="EV31" s="319">
        <v>0</v>
      </c>
      <c r="EW31" s="319">
        <v>0</v>
      </c>
      <c r="EX31" s="320">
        <v>0</v>
      </c>
      <c r="EY31" s="322">
        <v>0</v>
      </c>
      <c r="EZ31" s="318">
        <v>0</v>
      </c>
      <c r="FA31" s="319">
        <v>0</v>
      </c>
      <c r="FB31" s="323">
        <v>0</v>
      </c>
      <c r="FC31" s="325"/>
      <c r="FD31" s="319">
        <v>0</v>
      </c>
      <c r="FE31" s="319">
        <v>0</v>
      </c>
      <c r="FF31" s="319">
        <v>0</v>
      </c>
      <c r="FG31" s="319">
        <v>0</v>
      </c>
      <c r="FH31" s="319">
        <v>0</v>
      </c>
      <c r="FI31" s="320">
        <v>0</v>
      </c>
      <c r="FJ31" s="322">
        <v>0</v>
      </c>
      <c r="FK31" s="318">
        <v>4400</v>
      </c>
      <c r="FL31" s="319">
        <v>36544</v>
      </c>
      <c r="FM31" s="320">
        <v>40944</v>
      </c>
      <c r="FN31" s="318">
        <v>0</v>
      </c>
      <c r="FO31" s="319">
        <v>61440</v>
      </c>
      <c r="FP31" s="319">
        <v>102320</v>
      </c>
      <c r="FQ31" s="319">
        <v>321496</v>
      </c>
      <c r="FR31" s="319">
        <v>111008</v>
      </c>
      <c r="FS31" s="319">
        <v>81280</v>
      </c>
      <c r="FT31" s="320">
        <v>677544</v>
      </c>
      <c r="FU31" s="322">
        <v>718488</v>
      </c>
      <c r="FV31" s="326">
        <v>4400</v>
      </c>
      <c r="FW31" s="319">
        <v>36544</v>
      </c>
      <c r="FX31" s="323">
        <v>40944</v>
      </c>
      <c r="FY31" s="324">
        <v>0</v>
      </c>
      <c r="FZ31" s="319">
        <v>61440</v>
      </c>
      <c r="GA31" s="319">
        <v>102320</v>
      </c>
      <c r="GB31" s="319">
        <v>321496</v>
      </c>
      <c r="GC31" s="319">
        <v>111008</v>
      </c>
      <c r="GD31" s="319">
        <v>81280</v>
      </c>
      <c r="GE31" s="320">
        <v>677544</v>
      </c>
      <c r="GF31" s="327">
        <v>718488</v>
      </c>
      <c r="GG31" s="326">
        <v>0</v>
      </c>
      <c r="GH31" s="319">
        <v>0</v>
      </c>
      <c r="GI31" s="323">
        <v>0</v>
      </c>
      <c r="GJ31" s="324">
        <v>0</v>
      </c>
      <c r="GK31" s="319">
        <v>0</v>
      </c>
      <c r="GL31" s="319">
        <v>0</v>
      </c>
      <c r="GM31" s="319">
        <v>0</v>
      </c>
      <c r="GN31" s="319">
        <v>0</v>
      </c>
      <c r="GO31" s="319">
        <v>0</v>
      </c>
      <c r="GP31" s="320">
        <v>0</v>
      </c>
      <c r="GQ31" s="322">
        <v>0</v>
      </c>
      <c r="GR31" s="318">
        <v>0</v>
      </c>
      <c r="GS31" s="319">
        <v>0</v>
      </c>
      <c r="GT31" s="320">
        <v>0</v>
      </c>
      <c r="GU31" s="318">
        <v>0</v>
      </c>
      <c r="GV31" s="319">
        <v>0</v>
      </c>
      <c r="GW31" s="319">
        <v>0</v>
      </c>
      <c r="GX31" s="319">
        <v>0</v>
      </c>
      <c r="GY31" s="319">
        <v>0</v>
      </c>
      <c r="GZ31" s="319">
        <v>0</v>
      </c>
      <c r="HA31" s="323">
        <v>0</v>
      </c>
      <c r="HB31" s="322">
        <v>0</v>
      </c>
      <c r="HC31" s="318">
        <v>0</v>
      </c>
      <c r="HD31" s="319">
        <v>0</v>
      </c>
      <c r="HE31" s="323">
        <v>0</v>
      </c>
      <c r="HF31" s="324">
        <v>0</v>
      </c>
      <c r="HG31" s="319">
        <v>462167</v>
      </c>
      <c r="HH31" s="319">
        <v>180464</v>
      </c>
      <c r="HI31" s="319">
        <v>0</v>
      </c>
      <c r="HJ31" s="319">
        <v>0</v>
      </c>
      <c r="HK31" s="319">
        <v>0</v>
      </c>
      <c r="HL31" s="320">
        <v>642631</v>
      </c>
      <c r="HM31" s="321">
        <v>642631</v>
      </c>
      <c r="HN31" s="411"/>
      <c r="HO31" s="412"/>
      <c r="HP31" s="413"/>
      <c r="HQ31" s="414"/>
      <c r="HR31" s="412"/>
      <c r="HS31" s="412"/>
      <c r="HT31" s="412"/>
      <c r="HU31" s="412"/>
      <c r="HV31" s="412"/>
      <c r="HW31" s="415"/>
      <c r="HX31" s="416"/>
      <c r="HY31" s="328">
        <v>0</v>
      </c>
      <c r="HZ31" s="329">
        <v>0</v>
      </c>
      <c r="IA31" s="330">
        <v>0</v>
      </c>
      <c r="IB31" s="353">
        <v>0</v>
      </c>
      <c r="IC31" s="329">
        <v>110873</v>
      </c>
      <c r="ID31" s="354">
        <v>161646</v>
      </c>
      <c r="IE31" s="330">
        <v>463043</v>
      </c>
      <c r="IF31" s="329">
        <v>0</v>
      </c>
      <c r="IG31" s="330">
        <v>155725</v>
      </c>
      <c r="IH31" s="355">
        <v>891287</v>
      </c>
      <c r="II31" s="336">
        <v>891287</v>
      </c>
      <c r="IJ31" s="337">
        <v>0</v>
      </c>
      <c r="IK31" s="338">
        <v>0</v>
      </c>
      <c r="IL31" s="339">
        <v>0</v>
      </c>
      <c r="IM31" s="340"/>
      <c r="IN31" s="341">
        <v>0</v>
      </c>
      <c r="IO31" s="341">
        <v>0</v>
      </c>
      <c r="IP31" s="341">
        <v>0</v>
      </c>
      <c r="IQ31" s="341">
        <v>0</v>
      </c>
      <c r="IR31" s="341">
        <v>0</v>
      </c>
      <c r="IS31" s="342">
        <v>0</v>
      </c>
      <c r="IT31" s="343">
        <v>0</v>
      </c>
      <c r="IU31" s="344">
        <v>0</v>
      </c>
      <c r="IV31" s="341">
        <v>0</v>
      </c>
      <c r="IW31" s="345">
        <v>0</v>
      </c>
      <c r="IX31" s="340"/>
      <c r="IY31" s="341">
        <v>0</v>
      </c>
      <c r="IZ31" s="341">
        <v>0</v>
      </c>
      <c r="JA31" s="341">
        <v>0</v>
      </c>
      <c r="JB31" s="341">
        <v>0</v>
      </c>
      <c r="JC31" s="341">
        <v>0</v>
      </c>
      <c r="JD31" s="345">
        <v>0</v>
      </c>
      <c r="JE31" s="347">
        <v>0</v>
      </c>
      <c r="JF31" s="344">
        <v>0</v>
      </c>
      <c r="JG31" s="341">
        <v>0</v>
      </c>
      <c r="JH31" s="342">
        <v>0</v>
      </c>
      <c r="JI31" s="348">
        <v>0</v>
      </c>
      <c r="JJ31" s="341">
        <v>110873</v>
      </c>
      <c r="JK31" s="341">
        <v>161646</v>
      </c>
      <c r="JL31" s="341">
        <v>35887</v>
      </c>
      <c r="JM31" s="341">
        <v>0</v>
      </c>
      <c r="JN31" s="341">
        <v>155725</v>
      </c>
      <c r="JO31" s="345">
        <v>464131</v>
      </c>
      <c r="JP31" s="343">
        <v>464131</v>
      </c>
      <c r="JQ31" s="344">
        <v>0</v>
      </c>
      <c r="JR31" s="341">
        <v>0</v>
      </c>
      <c r="JS31" s="342">
        <v>0</v>
      </c>
      <c r="JT31" s="348">
        <v>0</v>
      </c>
      <c r="JU31" s="341">
        <v>0</v>
      </c>
      <c r="JV31" s="341">
        <v>0</v>
      </c>
      <c r="JW31" s="341">
        <v>0</v>
      </c>
      <c r="JX31" s="341">
        <v>0</v>
      </c>
      <c r="JY31" s="341">
        <v>0</v>
      </c>
      <c r="JZ31" s="345">
        <v>0</v>
      </c>
      <c r="KA31" s="343">
        <v>0</v>
      </c>
      <c r="KB31" s="349">
        <v>0</v>
      </c>
      <c r="KC31" s="350">
        <v>0</v>
      </c>
      <c r="KD31" s="345">
        <v>0</v>
      </c>
      <c r="KE31" s="348">
        <v>0</v>
      </c>
      <c r="KF31" s="341">
        <v>0</v>
      </c>
      <c r="KG31" s="341">
        <v>0</v>
      </c>
      <c r="KH31" s="341">
        <v>0</v>
      </c>
      <c r="KI31" s="341">
        <v>0</v>
      </c>
      <c r="KJ31" s="341">
        <v>0</v>
      </c>
      <c r="KK31" s="345">
        <v>0</v>
      </c>
      <c r="KL31" s="351">
        <v>0</v>
      </c>
      <c r="KM31" s="337">
        <v>0</v>
      </c>
      <c r="KN31" s="338">
        <v>0</v>
      </c>
      <c r="KO31" s="339">
        <v>0</v>
      </c>
      <c r="KP31" s="340"/>
      <c r="KQ31" s="341">
        <v>0</v>
      </c>
      <c r="KR31" s="341">
        <v>0</v>
      </c>
      <c r="KS31" s="341">
        <v>427156</v>
      </c>
      <c r="KT31" s="341">
        <v>0</v>
      </c>
      <c r="KU31" s="341">
        <v>0</v>
      </c>
      <c r="KV31" s="345">
        <v>427156</v>
      </c>
      <c r="KW31" s="343">
        <v>427156</v>
      </c>
      <c r="KX31" s="344">
        <v>0</v>
      </c>
      <c r="KY31" s="341">
        <v>0</v>
      </c>
      <c r="KZ31" s="345">
        <v>0</v>
      </c>
      <c r="LA31" s="340"/>
      <c r="LB31" s="341">
        <v>0</v>
      </c>
      <c r="LC31" s="341">
        <v>0</v>
      </c>
      <c r="LD31" s="341">
        <v>0</v>
      </c>
      <c r="LE31" s="341">
        <v>0</v>
      </c>
      <c r="LF31" s="341">
        <v>0</v>
      </c>
      <c r="LG31" s="345">
        <v>0</v>
      </c>
      <c r="LH31" s="347">
        <v>0</v>
      </c>
      <c r="LI31" s="344">
        <v>0</v>
      </c>
      <c r="LJ31" s="341">
        <v>0</v>
      </c>
      <c r="LK31" s="345">
        <v>0</v>
      </c>
      <c r="LL31" s="340"/>
      <c r="LM31" s="341">
        <v>0</v>
      </c>
      <c r="LN31" s="341">
        <v>0</v>
      </c>
      <c r="LO31" s="341">
        <v>0</v>
      </c>
      <c r="LP31" s="341">
        <v>0</v>
      </c>
      <c r="LQ31" s="341">
        <v>0</v>
      </c>
      <c r="LR31" s="345">
        <v>0</v>
      </c>
      <c r="LS31" s="343">
        <v>0</v>
      </c>
      <c r="LT31" s="344">
        <v>0</v>
      </c>
      <c r="LU31" s="341">
        <v>0</v>
      </c>
      <c r="LV31" s="345">
        <v>0</v>
      </c>
      <c r="LW31" s="340"/>
      <c r="LX31" s="341">
        <v>0</v>
      </c>
      <c r="LY31" s="341">
        <v>0</v>
      </c>
      <c r="LZ31" s="341">
        <v>0</v>
      </c>
      <c r="MA31" s="341">
        <v>0</v>
      </c>
      <c r="MB31" s="341">
        <v>0</v>
      </c>
      <c r="MC31" s="345">
        <v>0</v>
      </c>
      <c r="MD31" s="347">
        <v>0</v>
      </c>
      <c r="ME31" s="344">
        <v>0</v>
      </c>
      <c r="MF31" s="341">
        <v>0</v>
      </c>
      <c r="MG31" s="345">
        <v>0</v>
      </c>
      <c r="MH31" s="340"/>
      <c r="MI31" s="341">
        <v>0</v>
      </c>
      <c r="MJ31" s="341">
        <v>0</v>
      </c>
      <c r="MK31" s="341">
        <v>899849</v>
      </c>
      <c r="ML31" s="341">
        <v>671054</v>
      </c>
      <c r="MM31" s="341">
        <v>527507</v>
      </c>
      <c r="MN31" s="345">
        <v>2098410</v>
      </c>
      <c r="MO31" s="351">
        <v>2098410</v>
      </c>
      <c r="MP31" s="344">
        <v>0</v>
      </c>
      <c r="MQ31" s="341">
        <v>0</v>
      </c>
      <c r="MR31" s="345">
        <v>0</v>
      </c>
      <c r="MS31" s="340"/>
      <c r="MT31" s="341">
        <v>0</v>
      </c>
      <c r="MU31" s="341">
        <v>0</v>
      </c>
      <c r="MV31" s="341">
        <v>373798</v>
      </c>
      <c r="MW31" s="341">
        <v>671054</v>
      </c>
      <c r="MX31" s="341">
        <v>234624</v>
      </c>
      <c r="MY31" s="345">
        <v>1279476</v>
      </c>
      <c r="MZ31" s="351">
        <v>1279476</v>
      </c>
      <c r="NA31" s="344">
        <v>0</v>
      </c>
      <c r="NB31" s="341">
        <v>0</v>
      </c>
      <c r="NC31" s="345">
        <v>0</v>
      </c>
      <c r="ND31" s="340"/>
      <c r="NE31" s="341">
        <v>0</v>
      </c>
      <c r="NF31" s="341">
        <v>0</v>
      </c>
      <c r="NG31" s="341">
        <v>526051</v>
      </c>
      <c r="NH31" s="341">
        <v>0</v>
      </c>
      <c r="NI31" s="341">
        <v>292883</v>
      </c>
      <c r="NJ31" s="345">
        <v>818934</v>
      </c>
      <c r="NK31" s="343">
        <v>818934</v>
      </c>
      <c r="NL31" s="344">
        <v>0</v>
      </c>
      <c r="NM31" s="341">
        <v>0</v>
      </c>
      <c r="NN31" s="345">
        <v>0</v>
      </c>
      <c r="NO31" s="340"/>
      <c r="NP31" s="341">
        <v>0</v>
      </c>
      <c r="NQ31" s="341">
        <v>0</v>
      </c>
      <c r="NR31" s="341">
        <v>0</v>
      </c>
      <c r="NS31" s="341">
        <v>0</v>
      </c>
      <c r="NT31" s="341">
        <v>0</v>
      </c>
      <c r="NU31" s="345">
        <v>0</v>
      </c>
      <c r="NV31" s="347">
        <v>0</v>
      </c>
      <c r="NW31" s="344">
        <v>0</v>
      </c>
      <c r="NX31" s="341">
        <v>0</v>
      </c>
      <c r="NY31" s="345">
        <v>0</v>
      </c>
      <c r="NZ31" s="340"/>
      <c r="OA31" s="341">
        <v>0</v>
      </c>
      <c r="OB31" s="341">
        <v>0</v>
      </c>
      <c r="OC31" s="341">
        <v>0</v>
      </c>
      <c r="OD31" s="341">
        <v>0</v>
      </c>
      <c r="OE31" s="341">
        <v>0</v>
      </c>
      <c r="OF31" s="345">
        <v>0</v>
      </c>
      <c r="OG31" s="347">
        <v>0</v>
      </c>
      <c r="OH31" s="344">
        <v>41637</v>
      </c>
      <c r="OI31" s="341">
        <v>142288</v>
      </c>
      <c r="OJ31" s="342">
        <v>183925</v>
      </c>
      <c r="OK31" s="348">
        <v>0</v>
      </c>
      <c r="OL31" s="341">
        <v>1430382</v>
      </c>
      <c r="OM31" s="341">
        <v>1811572</v>
      </c>
      <c r="ON31" s="341">
        <v>3262371</v>
      </c>
      <c r="OO31" s="341">
        <v>1671854</v>
      </c>
      <c r="OP31" s="341">
        <v>1684478</v>
      </c>
      <c r="OQ31" s="345">
        <v>9860657</v>
      </c>
      <c r="OR31" s="351">
        <v>10044582</v>
      </c>
    </row>
    <row r="32" spans="1:408" ht="20.25" customHeight="1" x14ac:dyDescent="0.2">
      <c r="A32" s="111" t="s">
        <v>27</v>
      </c>
      <c r="B32" s="318">
        <v>35416</v>
      </c>
      <c r="C32" s="319">
        <v>319362</v>
      </c>
      <c r="D32" s="320">
        <v>354778</v>
      </c>
      <c r="E32" s="321">
        <v>0</v>
      </c>
      <c r="F32" s="319">
        <v>1008955</v>
      </c>
      <c r="G32" s="319">
        <v>1688770</v>
      </c>
      <c r="H32" s="319">
        <v>1662136</v>
      </c>
      <c r="I32" s="319">
        <v>3115014</v>
      </c>
      <c r="J32" s="319">
        <v>1721594</v>
      </c>
      <c r="K32" s="358">
        <v>9196469</v>
      </c>
      <c r="L32" s="322">
        <v>9551247</v>
      </c>
      <c r="M32" s="318">
        <v>8619</v>
      </c>
      <c r="N32" s="319">
        <v>130338</v>
      </c>
      <c r="O32" s="320">
        <v>138957</v>
      </c>
      <c r="P32" s="318">
        <v>0</v>
      </c>
      <c r="Q32" s="319">
        <v>398998</v>
      </c>
      <c r="R32" s="319">
        <v>278730</v>
      </c>
      <c r="S32" s="319">
        <v>575053</v>
      </c>
      <c r="T32" s="319">
        <v>1399243</v>
      </c>
      <c r="U32" s="319">
        <v>584534</v>
      </c>
      <c r="V32" s="320">
        <v>3236558</v>
      </c>
      <c r="W32" s="322">
        <v>3375515</v>
      </c>
      <c r="X32" s="318">
        <v>0</v>
      </c>
      <c r="Y32" s="319">
        <v>0</v>
      </c>
      <c r="Z32" s="320">
        <v>0</v>
      </c>
      <c r="AA32" s="318">
        <v>0</v>
      </c>
      <c r="AB32" s="319">
        <v>278593</v>
      </c>
      <c r="AC32" s="319">
        <v>20621</v>
      </c>
      <c r="AD32" s="319">
        <v>492591</v>
      </c>
      <c r="AE32" s="319">
        <v>891165</v>
      </c>
      <c r="AF32" s="319">
        <v>348688</v>
      </c>
      <c r="AG32" s="320">
        <v>2031658</v>
      </c>
      <c r="AH32" s="322">
        <v>2031658</v>
      </c>
      <c r="AI32" s="318">
        <v>0</v>
      </c>
      <c r="AJ32" s="319">
        <v>0</v>
      </c>
      <c r="AK32" s="320">
        <v>0</v>
      </c>
      <c r="AL32" s="318">
        <v>0</v>
      </c>
      <c r="AM32" s="319">
        <v>0</v>
      </c>
      <c r="AN32" s="319">
        <v>23368</v>
      </c>
      <c r="AO32" s="319">
        <v>0</v>
      </c>
      <c r="AP32" s="319">
        <v>101431</v>
      </c>
      <c r="AQ32" s="319">
        <v>46728</v>
      </c>
      <c r="AR32" s="320">
        <v>171527</v>
      </c>
      <c r="AS32" s="322">
        <v>171527</v>
      </c>
      <c r="AT32" s="318">
        <v>8619</v>
      </c>
      <c r="AU32" s="319">
        <v>84243</v>
      </c>
      <c r="AV32" s="320">
        <v>92862</v>
      </c>
      <c r="AW32" s="318">
        <v>0</v>
      </c>
      <c r="AX32" s="319">
        <v>97349</v>
      </c>
      <c r="AY32" s="319">
        <v>139557</v>
      </c>
      <c r="AZ32" s="319">
        <v>39582</v>
      </c>
      <c r="BA32" s="319">
        <v>280143</v>
      </c>
      <c r="BB32" s="319">
        <v>116102</v>
      </c>
      <c r="BC32" s="320">
        <v>672733</v>
      </c>
      <c r="BD32" s="322">
        <v>765595</v>
      </c>
      <c r="BE32" s="318">
        <v>0</v>
      </c>
      <c r="BF32" s="319">
        <v>31039</v>
      </c>
      <c r="BG32" s="323">
        <v>31039</v>
      </c>
      <c r="BH32" s="324">
        <v>0</v>
      </c>
      <c r="BI32" s="319">
        <v>0</v>
      </c>
      <c r="BJ32" s="319">
        <v>15800</v>
      </c>
      <c r="BK32" s="319">
        <v>0</v>
      </c>
      <c r="BL32" s="319">
        <v>0</v>
      </c>
      <c r="BM32" s="319">
        <v>0</v>
      </c>
      <c r="BN32" s="320">
        <v>15800</v>
      </c>
      <c r="BO32" s="322">
        <v>46839</v>
      </c>
      <c r="BP32" s="318">
        <v>0</v>
      </c>
      <c r="BQ32" s="319">
        <v>15056</v>
      </c>
      <c r="BR32" s="320">
        <v>15056</v>
      </c>
      <c r="BS32" s="318">
        <v>0</v>
      </c>
      <c r="BT32" s="319">
        <v>23056</v>
      </c>
      <c r="BU32" s="319">
        <v>79384</v>
      </c>
      <c r="BV32" s="319">
        <v>42880</v>
      </c>
      <c r="BW32" s="319">
        <v>126504</v>
      </c>
      <c r="BX32" s="319">
        <v>73016</v>
      </c>
      <c r="BY32" s="320">
        <v>344840</v>
      </c>
      <c r="BZ32" s="322">
        <v>359896</v>
      </c>
      <c r="CA32" s="318">
        <v>20717</v>
      </c>
      <c r="CB32" s="319">
        <v>39848</v>
      </c>
      <c r="CC32" s="320">
        <v>60565</v>
      </c>
      <c r="CD32" s="318">
        <v>0</v>
      </c>
      <c r="CE32" s="319">
        <v>408034</v>
      </c>
      <c r="CF32" s="319">
        <v>879299</v>
      </c>
      <c r="CG32" s="319">
        <v>634078</v>
      </c>
      <c r="CH32" s="319">
        <v>768803</v>
      </c>
      <c r="CI32" s="319">
        <v>316571</v>
      </c>
      <c r="CJ32" s="320">
        <v>3006785</v>
      </c>
      <c r="CK32" s="322">
        <v>3067350</v>
      </c>
      <c r="CL32" s="318">
        <v>0</v>
      </c>
      <c r="CM32" s="319">
        <v>0</v>
      </c>
      <c r="CN32" s="320">
        <v>0</v>
      </c>
      <c r="CO32" s="324">
        <v>0</v>
      </c>
      <c r="CP32" s="319">
        <v>381516</v>
      </c>
      <c r="CQ32" s="319">
        <v>646279</v>
      </c>
      <c r="CR32" s="319">
        <v>523766</v>
      </c>
      <c r="CS32" s="319">
        <v>697379</v>
      </c>
      <c r="CT32" s="319">
        <v>236692</v>
      </c>
      <c r="CU32" s="320">
        <v>2485632</v>
      </c>
      <c r="CV32" s="322">
        <v>2485632</v>
      </c>
      <c r="CW32" s="318">
        <v>20717</v>
      </c>
      <c r="CX32" s="319">
        <v>39848</v>
      </c>
      <c r="CY32" s="320">
        <v>60565</v>
      </c>
      <c r="CZ32" s="318">
        <v>0</v>
      </c>
      <c r="DA32" s="319">
        <v>26518</v>
      </c>
      <c r="DB32" s="319">
        <v>233020</v>
      </c>
      <c r="DC32" s="319">
        <v>110312</v>
      </c>
      <c r="DD32" s="319">
        <v>71424</v>
      </c>
      <c r="DE32" s="319">
        <v>79879</v>
      </c>
      <c r="DF32" s="320">
        <v>521153</v>
      </c>
      <c r="DG32" s="322">
        <v>581718</v>
      </c>
      <c r="DH32" s="318">
        <v>0</v>
      </c>
      <c r="DI32" s="319">
        <v>0</v>
      </c>
      <c r="DJ32" s="323">
        <v>0</v>
      </c>
      <c r="DK32" s="324">
        <v>0</v>
      </c>
      <c r="DL32" s="319">
        <v>0</v>
      </c>
      <c r="DM32" s="319">
        <v>16147</v>
      </c>
      <c r="DN32" s="319">
        <v>147957</v>
      </c>
      <c r="DO32" s="319">
        <v>0</v>
      </c>
      <c r="DP32" s="319">
        <v>84235</v>
      </c>
      <c r="DQ32" s="320">
        <v>248339</v>
      </c>
      <c r="DR32" s="322">
        <v>248339</v>
      </c>
      <c r="DS32" s="318">
        <v>0</v>
      </c>
      <c r="DT32" s="319">
        <v>0</v>
      </c>
      <c r="DU32" s="320">
        <v>0</v>
      </c>
      <c r="DV32" s="318">
        <v>0</v>
      </c>
      <c r="DW32" s="319">
        <v>0</v>
      </c>
      <c r="DX32" s="319">
        <v>16147</v>
      </c>
      <c r="DY32" s="319">
        <v>65765</v>
      </c>
      <c r="DZ32" s="319">
        <v>0</v>
      </c>
      <c r="EA32" s="319">
        <v>84235</v>
      </c>
      <c r="EB32" s="320">
        <v>166147</v>
      </c>
      <c r="EC32" s="322">
        <v>166147</v>
      </c>
      <c r="ED32" s="318">
        <v>0</v>
      </c>
      <c r="EE32" s="323">
        <v>0</v>
      </c>
      <c r="EF32" s="320">
        <v>0</v>
      </c>
      <c r="EG32" s="318">
        <v>0</v>
      </c>
      <c r="EH32" s="319">
        <v>0</v>
      </c>
      <c r="EI32" s="319">
        <v>0</v>
      </c>
      <c r="EJ32" s="319">
        <v>82192</v>
      </c>
      <c r="EK32" s="319">
        <v>0</v>
      </c>
      <c r="EL32" s="319">
        <v>0</v>
      </c>
      <c r="EM32" s="323">
        <v>82192</v>
      </c>
      <c r="EN32" s="322">
        <v>82192</v>
      </c>
      <c r="EO32" s="318">
        <v>0</v>
      </c>
      <c r="EP32" s="319">
        <v>0</v>
      </c>
      <c r="EQ32" s="323">
        <v>0</v>
      </c>
      <c r="ER32" s="324">
        <v>0</v>
      </c>
      <c r="ES32" s="319">
        <v>0</v>
      </c>
      <c r="ET32" s="319">
        <v>0</v>
      </c>
      <c r="EU32" s="319">
        <v>0</v>
      </c>
      <c r="EV32" s="319">
        <v>0</v>
      </c>
      <c r="EW32" s="319">
        <v>0</v>
      </c>
      <c r="EX32" s="320">
        <v>0</v>
      </c>
      <c r="EY32" s="322">
        <v>0</v>
      </c>
      <c r="EZ32" s="318">
        <v>0</v>
      </c>
      <c r="FA32" s="319">
        <v>0</v>
      </c>
      <c r="FB32" s="323">
        <v>0</v>
      </c>
      <c r="FC32" s="325"/>
      <c r="FD32" s="319">
        <v>0</v>
      </c>
      <c r="FE32" s="319">
        <v>0</v>
      </c>
      <c r="FF32" s="319">
        <v>0</v>
      </c>
      <c r="FG32" s="319">
        <v>0</v>
      </c>
      <c r="FH32" s="319">
        <v>0</v>
      </c>
      <c r="FI32" s="320">
        <v>0</v>
      </c>
      <c r="FJ32" s="322">
        <v>0</v>
      </c>
      <c r="FK32" s="318">
        <v>6080</v>
      </c>
      <c r="FL32" s="319">
        <v>57920</v>
      </c>
      <c r="FM32" s="320">
        <v>64000</v>
      </c>
      <c r="FN32" s="318">
        <v>0</v>
      </c>
      <c r="FO32" s="319">
        <v>54512</v>
      </c>
      <c r="FP32" s="319">
        <v>173288</v>
      </c>
      <c r="FQ32" s="319">
        <v>115736</v>
      </c>
      <c r="FR32" s="319">
        <v>128000</v>
      </c>
      <c r="FS32" s="319">
        <v>139624</v>
      </c>
      <c r="FT32" s="320">
        <v>611160</v>
      </c>
      <c r="FU32" s="322">
        <v>675160</v>
      </c>
      <c r="FV32" s="326">
        <v>6080</v>
      </c>
      <c r="FW32" s="319">
        <v>28000</v>
      </c>
      <c r="FX32" s="323">
        <v>34080</v>
      </c>
      <c r="FY32" s="324">
        <v>0</v>
      </c>
      <c r="FZ32" s="319">
        <v>34800</v>
      </c>
      <c r="GA32" s="319">
        <v>173288</v>
      </c>
      <c r="GB32" s="319">
        <v>115736</v>
      </c>
      <c r="GC32" s="319">
        <v>128000</v>
      </c>
      <c r="GD32" s="319">
        <v>139624</v>
      </c>
      <c r="GE32" s="320">
        <v>591448</v>
      </c>
      <c r="GF32" s="327">
        <v>625528</v>
      </c>
      <c r="GG32" s="326">
        <v>0</v>
      </c>
      <c r="GH32" s="319">
        <v>0</v>
      </c>
      <c r="GI32" s="323">
        <v>0</v>
      </c>
      <c r="GJ32" s="324">
        <v>0</v>
      </c>
      <c r="GK32" s="319">
        <v>19712</v>
      </c>
      <c r="GL32" s="319">
        <v>0</v>
      </c>
      <c r="GM32" s="319">
        <v>0</v>
      </c>
      <c r="GN32" s="319">
        <v>0</v>
      </c>
      <c r="GO32" s="319">
        <v>0</v>
      </c>
      <c r="GP32" s="320">
        <v>19712</v>
      </c>
      <c r="GQ32" s="322">
        <v>19712</v>
      </c>
      <c r="GR32" s="318">
        <v>0</v>
      </c>
      <c r="GS32" s="319">
        <v>29920</v>
      </c>
      <c r="GT32" s="320">
        <v>29920</v>
      </c>
      <c r="GU32" s="318">
        <v>0</v>
      </c>
      <c r="GV32" s="319">
        <v>0</v>
      </c>
      <c r="GW32" s="319">
        <v>0</v>
      </c>
      <c r="GX32" s="319">
        <v>0</v>
      </c>
      <c r="GY32" s="319">
        <v>0</v>
      </c>
      <c r="GZ32" s="319">
        <v>0</v>
      </c>
      <c r="HA32" s="323">
        <v>0</v>
      </c>
      <c r="HB32" s="322">
        <v>29920</v>
      </c>
      <c r="HC32" s="318">
        <v>0</v>
      </c>
      <c r="HD32" s="319">
        <v>91256</v>
      </c>
      <c r="HE32" s="323">
        <v>91256</v>
      </c>
      <c r="HF32" s="324">
        <v>0</v>
      </c>
      <c r="HG32" s="319">
        <v>147411</v>
      </c>
      <c r="HH32" s="319">
        <v>341306</v>
      </c>
      <c r="HI32" s="319">
        <v>189312</v>
      </c>
      <c r="HJ32" s="319">
        <v>818968</v>
      </c>
      <c r="HK32" s="319">
        <v>596630</v>
      </c>
      <c r="HL32" s="320">
        <v>2093627</v>
      </c>
      <c r="HM32" s="321">
        <v>2184883</v>
      </c>
      <c r="HN32" s="411"/>
      <c r="HO32" s="412"/>
      <c r="HP32" s="413"/>
      <c r="HQ32" s="414"/>
      <c r="HR32" s="412"/>
      <c r="HS32" s="412"/>
      <c r="HT32" s="412"/>
      <c r="HU32" s="412"/>
      <c r="HV32" s="412"/>
      <c r="HW32" s="415"/>
      <c r="HX32" s="416"/>
      <c r="HY32" s="357">
        <v>0</v>
      </c>
      <c r="HZ32" s="332">
        <v>0</v>
      </c>
      <c r="IA32" s="357">
        <v>0</v>
      </c>
      <c r="IB32" s="331">
        <v>0</v>
      </c>
      <c r="IC32" s="332">
        <v>155956</v>
      </c>
      <c r="ID32" s="333">
        <v>934803</v>
      </c>
      <c r="IE32" s="334">
        <v>598122</v>
      </c>
      <c r="IF32" s="332">
        <v>242420</v>
      </c>
      <c r="IG32" s="334">
        <v>111737</v>
      </c>
      <c r="IH32" s="335">
        <v>2043038</v>
      </c>
      <c r="II32" s="357">
        <v>2043038</v>
      </c>
      <c r="IJ32" s="337">
        <v>0</v>
      </c>
      <c r="IK32" s="338">
        <v>0</v>
      </c>
      <c r="IL32" s="339">
        <v>0</v>
      </c>
      <c r="IM32" s="340"/>
      <c r="IN32" s="341">
        <v>0</v>
      </c>
      <c r="IO32" s="341">
        <v>107592</v>
      </c>
      <c r="IP32" s="341">
        <v>0</v>
      </c>
      <c r="IQ32" s="341">
        <v>0</v>
      </c>
      <c r="IR32" s="341">
        <v>0</v>
      </c>
      <c r="IS32" s="342">
        <v>107592</v>
      </c>
      <c r="IT32" s="343">
        <v>107592</v>
      </c>
      <c r="IU32" s="344">
        <v>0</v>
      </c>
      <c r="IV32" s="341">
        <v>0</v>
      </c>
      <c r="IW32" s="345">
        <v>0</v>
      </c>
      <c r="IX32" s="340"/>
      <c r="IY32" s="341">
        <v>0</v>
      </c>
      <c r="IZ32" s="341">
        <v>0</v>
      </c>
      <c r="JA32" s="341">
        <v>0</v>
      </c>
      <c r="JB32" s="341">
        <v>0</v>
      </c>
      <c r="JC32" s="341">
        <v>0</v>
      </c>
      <c r="JD32" s="345">
        <v>0</v>
      </c>
      <c r="JE32" s="347">
        <v>0</v>
      </c>
      <c r="JF32" s="344">
        <v>0</v>
      </c>
      <c r="JG32" s="341">
        <v>0</v>
      </c>
      <c r="JH32" s="342">
        <v>0</v>
      </c>
      <c r="JI32" s="348">
        <v>0</v>
      </c>
      <c r="JJ32" s="341">
        <v>31540</v>
      </c>
      <c r="JK32" s="341">
        <v>35016</v>
      </c>
      <c r="JL32" s="341">
        <v>0</v>
      </c>
      <c r="JM32" s="341">
        <v>0</v>
      </c>
      <c r="JN32" s="341">
        <v>0</v>
      </c>
      <c r="JO32" s="345">
        <v>66556</v>
      </c>
      <c r="JP32" s="343">
        <v>66556</v>
      </c>
      <c r="JQ32" s="344">
        <v>0</v>
      </c>
      <c r="JR32" s="341">
        <v>0</v>
      </c>
      <c r="JS32" s="342">
        <v>0</v>
      </c>
      <c r="JT32" s="348">
        <v>0</v>
      </c>
      <c r="JU32" s="341">
        <v>124416</v>
      </c>
      <c r="JV32" s="341">
        <v>94536</v>
      </c>
      <c r="JW32" s="341">
        <v>0</v>
      </c>
      <c r="JX32" s="341">
        <v>0</v>
      </c>
      <c r="JY32" s="341">
        <v>0</v>
      </c>
      <c r="JZ32" s="345">
        <v>218952</v>
      </c>
      <c r="KA32" s="343">
        <v>218952</v>
      </c>
      <c r="KB32" s="349">
        <v>0</v>
      </c>
      <c r="KC32" s="350">
        <v>0</v>
      </c>
      <c r="KD32" s="345">
        <v>0</v>
      </c>
      <c r="KE32" s="348">
        <v>0</v>
      </c>
      <c r="KF32" s="341">
        <v>0</v>
      </c>
      <c r="KG32" s="341">
        <v>0</v>
      </c>
      <c r="KH32" s="341">
        <v>0</v>
      </c>
      <c r="KI32" s="341">
        <v>0</v>
      </c>
      <c r="KJ32" s="341">
        <v>0</v>
      </c>
      <c r="KK32" s="345">
        <v>0</v>
      </c>
      <c r="KL32" s="351">
        <v>0</v>
      </c>
      <c r="KM32" s="337">
        <v>0</v>
      </c>
      <c r="KN32" s="338">
        <v>0</v>
      </c>
      <c r="KO32" s="339">
        <v>0</v>
      </c>
      <c r="KP32" s="340"/>
      <c r="KQ32" s="341">
        <v>0</v>
      </c>
      <c r="KR32" s="341">
        <v>697659</v>
      </c>
      <c r="KS32" s="341">
        <v>0</v>
      </c>
      <c r="KT32" s="341">
        <v>242420</v>
      </c>
      <c r="KU32" s="341">
        <v>0</v>
      </c>
      <c r="KV32" s="345">
        <v>940079</v>
      </c>
      <c r="KW32" s="343">
        <v>940079</v>
      </c>
      <c r="KX32" s="344">
        <v>0</v>
      </c>
      <c r="KY32" s="341">
        <v>0</v>
      </c>
      <c r="KZ32" s="345">
        <v>0</v>
      </c>
      <c r="LA32" s="340"/>
      <c r="LB32" s="341">
        <v>0</v>
      </c>
      <c r="LC32" s="341">
        <v>0</v>
      </c>
      <c r="LD32" s="341">
        <v>0</v>
      </c>
      <c r="LE32" s="341">
        <v>0</v>
      </c>
      <c r="LF32" s="341">
        <v>0</v>
      </c>
      <c r="LG32" s="345">
        <v>0</v>
      </c>
      <c r="LH32" s="347">
        <v>0</v>
      </c>
      <c r="LI32" s="344">
        <v>0</v>
      </c>
      <c r="LJ32" s="341">
        <v>0</v>
      </c>
      <c r="LK32" s="345">
        <v>0</v>
      </c>
      <c r="LL32" s="340"/>
      <c r="LM32" s="341">
        <v>0</v>
      </c>
      <c r="LN32" s="341">
        <v>0</v>
      </c>
      <c r="LO32" s="341">
        <v>598122</v>
      </c>
      <c r="LP32" s="341">
        <v>0</v>
      </c>
      <c r="LQ32" s="341">
        <v>111737</v>
      </c>
      <c r="LR32" s="345">
        <v>709859</v>
      </c>
      <c r="LS32" s="343">
        <v>709859</v>
      </c>
      <c r="LT32" s="344">
        <v>0</v>
      </c>
      <c r="LU32" s="341">
        <v>0</v>
      </c>
      <c r="LV32" s="345">
        <v>0</v>
      </c>
      <c r="LW32" s="340"/>
      <c r="LX32" s="341">
        <v>0</v>
      </c>
      <c r="LY32" s="341">
        <v>0</v>
      </c>
      <c r="LZ32" s="341">
        <v>0</v>
      </c>
      <c r="MA32" s="341">
        <v>0</v>
      </c>
      <c r="MB32" s="341">
        <v>0</v>
      </c>
      <c r="MC32" s="345">
        <v>0</v>
      </c>
      <c r="MD32" s="347">
        <v>0</v>
      </c>
      <c r="ME32" s="344">
        <v>0</v>
      </c>
      <c r="MF32" s="341">
        <v>0</v>
      </c>
      <c r="MG32" s="345">
        <v>0</v>
      </c>
      <c r="MH32" s="340"/>
      <c r="MI32" s="341">
        <v>0</v>
      </c>
      <c r="MJ32" s="341">
        <v>223821</v>
      </c>
      <c r="MK32" s="341">
        <v>1012408</v>
      </c>
      <c r="ML32" s="341">
        <v>842337</v>
      </c>
      <c r="MM32" s="341">
        <v>514090</v>
      </c>
      <c r="MN32" s="345">
        <v>2592656</v>
      </c>
      <c r="MO32" s="351">
        <v>2592656</v>
      </c>
      <c r="MP32" s="344">
        <v>0</v>
      </c>
      <c r="MQ32" s="341">
        <v>0</v>
      </c>
      <c r="MR32" s="345">
        <v>0</v>
      </c>
      <c r="MS32" s="340"/>
      <c r="MT32" s="341">
        <v>0</v>
      </c>
      <c r="MU32" s="341">
        <v>223821</v>
      </c>
      <c r="MV32" s="341">
        <v>246652</v>
      </c>
      <c r="MW32" s="341">
        <v>236637</v>
      </c>
      <c r="MX32" s="341">
        <v>514090</v>
      </c>
      <c r="MY32" s="345">
        <v>1221200</v>
      </c>
      <c r="MZ32" s="351">
        <v>1221200</v>
      </c>
      <c r="NA32" s="344">
        <v>0</v>
      </c>
      <c r="NB32" s="341">
        <v>0</v>
      </c>
      <c r="NC32" s="345">
        <v>0</v>
      </c>
      <c r="ND32" s="340"/>
      <c r="NE32" s="341">
        <v>0</v>
      </c>
      <c r="NF32" s="341">
        <v>0</v>
      </c>
      <c r="NG32" s="341">
        <v>765756</v>
      </c>
      <c r="NH32" s="341">
        <v>238064</v>
      </c>
      <c r="NI32" s="341">
        <v>0</v>
      </c>
      <c r="NJ32" s="345">
        <v>1003820</v>
      </c>
      <c r="NK32" s="343">
        <v>1003820</v>
      </c>
      <c r="NL32" s="344">
        <v>0</v>
      </c>
      <c r="NM32" s="341">
        <v>0</v>
      </c>
      <c r="NN32" s="345">
        <v>0</v>
      </c>
      <c r="NO32" s="340"/>
      <c r="NP32" s="341">
        <v>0</v>
      </c>
      <c r="NQ32" s="341">
        <v>0</v>
      </c>
      <c r="NR32" s="341">
        <v>0</v>
      </c>
      <c r="NS32" s="341">
        <v>0</v>
      </c>
      <c r="NT32" s="341">
        <v>0</v>
      </c>
      <c r="NU32" s="345">
        <v>0</v>
      </c>
      <c r="NV32" s="347">
        <v>0</v>
      </c>
      <c r="NW32" s="344">
        <v>0</v>
      </c>
      <c r="NX32" s="341">
        <v>0</v>
      </c>
      <c r="NY32" s="345">
        <v>0</v>
      </c>
      <c r="NZ32" s="340"/>
      <c r="OA32" s="341">
        <v>0</v>
      </c>
      <c r="OB32" s="341">
        <v>0</v>
      </c>
      <c r="OC32" s="341">
        <v>0</v>
      </c>
      <c r="OD32" s="341">
        <v>367636</v>
      </c>
      <c r="OE32" s="341">
        <v>0</v>
      </c>
      <c r="OF32" s="345">
        <v>367636</v>
      </c>
      <c r="OG32" s="347">
        <v>367636</v>
      </c>
      <c r="OH32" s="344">
        <v>35416</v>
      </c>
      <c r="OI32" s="341">
        <v>319362</v>
      </c>
      <c r="OJ32" s="342">
        <v>354778</v>
      </c>
      <c r="OK32" s="348">
        <v>0</v>
      </c>
      <c r="OL32" s="341">
        <v>1164911</v>
      </c>
      <c r="OM32" s="341">
        <v>2847394</v>
      </c>
      <c r="ON32" s="341">
        <v>3272666</v>
      </c>
      <c r="OO32" s="341">
        <v>4199771</v>
      </c>
      <c r="OP32" s="341">
        <v>2347421</v>
      </c>
      <c r="OQ32" s="345">
        <v>13832163</v>
      </c>
      <c r="OR32" s="351">
        <v>14186941</v>
      </c>
    </row>
    <row r="33" spans="1:408" ht="20.25" customHeight="1" x14ac:dyDescent="0.2">
      <c r="A33" s="111" t="s">
        <v>28</v>
      </c>
      <c r="B33" s="318">
        <v>8448</v>
      </c>
      <c r="C33" s="319">
        <v>5600</v>
      </c>
      <c r="D33" s="320">
        <v>14048</v>
      </c>
      <c r="E33" s="321">
        <v>0</v>
      </c>
      <c r="F33" s="319">
        <v>376540</v>
      </c>
      <c r="G33" s="319">
        <v>111963</v>
      </c>
      <c r="H33" s="319">
        <v>243415</v>
      </c>
      <c r="I33" s="319">
        <v>0</v>
      </c>
      <c r="J33" s="319">
        <v>0</v>
      </c>
      <c r="K33" s="358">
        <v>731918</v>
      </c>
      <c r="L33" s="322">
        <v>745966</v>
      </c>
      <c r="M33" s="318">
        <v>0</v>
      </c>
      <c r="N33" s="319">
        <v>0</v>
      </c>
      <c r="O33" s="320">
        <v>0</v>
      </c>
      <c r="P33" s="318">
        <v>0</v>
      </c>
      <c r="Q33" s="319">
        <v>41816</v>
      </c>
      <c r="R33" s="319">
        <v>34099</v>
      </c>
      <c r="S33" s="319">
        <v>46632</v>
      </c>
      <c r="T33" s="319">
        <v>0</v>
      </c>
      <c r="U33" s="319">
        <v>0</v>
      </c>
      <c r="V33" s="320">
        <v>122547</v>
      </c>
      <c r="W33" s="322">
        <v>122547</v>
      </c>
      <c r="X33" s="318">
        <v>0</v>
      </c>
      <c r="Y33" s="319">
        <v>0</v>
      </c>
      <c r="Z33" s="320">
        <v>0</v>
      </c>
      <c r="AA33" s="318">
        <v>0</v>
      </c>
      <c r="AB33" s="319">
        <v>0</v>
      </c>
      <c r="AC33" s="319">
        <v>10912</v>
      </c>
      <c r="AD33" s="319">
        <v>37032</v>
      </c>
      <c r="AE33" s="319">
        <v>0</v>
      </c>
      <c r="AF33" s="319">
        <v>0</v>
      </c>
      <c r="AG33" s="320">
        <v>47944</v>
      </c>
      <c r="AH33" s="322">
        <v>47944</v>
      </c>
      <c r="AI33" s="318">
        <v>0</v>
      </c>
      <c r="AJ33" s="319">
        <v>0</v>
      </c>
      <c r="AK33" s="320">
        <v>0</v>
      </c>
      <c r="AL33" s="318">
        <v>0</v>
      </c>
      <c r="AM33" s="319">
        <v>0</v>
      </c>
      <c r="AN33" s="319">
        <v>0</v>
      </c>
      <c r="AO33" s="319">
        <v>0</v>
      </c>
      <c r="AP33" s="319">
        <v>0</v>
      </c>
      <c r="AQ33" s="319">
        <v>0</v>
      </c>
      <c r="AR33" s="320">
        <v>0</v>
      </c>
      <c r="AS33" s="322">
        <v>0</v>
      </c>
      <c r="AT33" s="318">
        <v>0</v>
      </c>
      <c r="AU33" s="319">
        <v>0</v>
      </c>
      <c r="AV33" s="320">
        <v>0</v>
      </c>
      <c r="AW33" s="318">
        <v>0</v>
      </c>
      <c r="AX33" s="319">
        <v>37672</v>
      </c>
      <c r="AY33" s="319">
        <v>19051</v>
      </c>
      <c r="AZ33" s="319">
        <v>0</v>
      </c>
      <c r="BA33" s="319">
        <v>0</v>
      </c>
      <c r="BB33" s="319">
        <v>0</v>
      </c>
      <c r="BC33" s="320">
        <v>56723</v>
      </c>
      <c r="BD33" s="322">
        <v>56723</v>
      </c>
      <c r="BE33" s="318">
        <v>0</v>
      </c>
      <c r="BF33" s="319">
        <v>0</v>
      </c>
      <c r="BG33" s="323">
        <v>0</v>
      </c>
      <c r="BH33" s="324">
        <v>0</v>
      </c>
      <c r="BI33" s="319">
        <v>0</v>
      </c>
      <c r="BJ33" s="319">
        <v>0</v>
      </c>
      <c r="BK33" s="319">
        <v>0</v>
      </c>
      <c r="BL33" s="319">
        <v>0</v>
      </c>
      <c r="BM33" s="319">
        <v>0</v>
      </c>
      <c r="BN33" s="320">
        <v>0</v>
      </c>
      <c r="BO33" s="322">
        <v>0</v>
      </c>
      <c r="BP33" s="318">
        <v>0</v>
      </c>
      <c r="BQ33" s="319">
        <v>0</v>
      </c>
      <c r="BR33" s="320">
        <v>0</v>
      </c>
      <c r="BS33" s="318">
        <v>0</v>
      </c>
      <c r="BT33" s="319">
        <v>4144</v>
      </c>
      <c r="BU33" s="319">
        <v>4136</v>
      </c>
      <c r="BV33" s="319">
        <v>9600</v>
      </c>
      <c r="BW33" s="319">
        <v>0</v>
      </c>
      <c r="BX33" s="319">
        <v>0</v>
      </c>
      <c r="BY33" s="320">
        <v>17880</v>
      </c>
      <c r="BZ33" s="322">
        <v>17880</v>
      </c>
      <c r="CA33" s="318">
        <v>0</v>
      </c>
      <c r="CB33" s="319">
        <v>0</v>
      </c>
      <c r="CC33" s="320">
        <v>0</v>
      </c>
      <c r="CD33" s="318">
        <v>0</v>
      </c>
      <c r="CE33" s="319">
        <v>161476</v>
      </c>
      <c r="CF33" s="319">
        <v>0</v>
      </c>
      <c r="CG33" s="319">
        <v>0</v>
      </c>
      <c r="CH33" s="319">
        <v>0</v>
      </c>
      <c r="CI33" s="319">
        <v>0</v>
      </c>
      <c r="CJ33" s="320">
        <v>161476</v>
      </c>
      <c r="CK33" s="322">
        <v>161476</v>
      </c>
      <c r="CL33" s="318">
        <v>0</v>
      </c>
      <c r="CM33" s="319">
        <v>0</v>
      </c>
      <c r="CN33" s="320">
        <v>0</v>
      </c>
      <c r="CO33" s="324">
        <v>0</v>
      </c>
      <c r="CP33" s="319">
        <v>161476</v>
      </c>
      <c r="CQ33" s="319">
        <v>0</v>
      </c>
      <c r="CR33" s="319">
        <v>0</v>
      </c>
      <c r="CS33" s="319">
        <v>0</v>
      </c>
      <c r="CT33" s="319">
        <v>0</v>
      </c>
      <c r="CU33" s="320">
        <v>161476</v>
      </c>
      <c r="CV33" s="322">
        <v>161476</v>
      </c>
      <c r="CW33" s="318">
        <v>0</v>
      </c>
      <c r="CX33" s="319">
        <v>0</v>
      </c>
      <c r="CY33" s="320">
        <v>0</v>
      </c>
      <c r="CZ33" s="318">
        <v>0</v>
      </c>
      <c r="DA33" s="319">
        <v>0</v>
      </c>
      <c r="DB33" s="319">
        <v>0</v>
      </c>
      <c r="DC33" s="319">
        <v>0</v>
      </c>
      <c r="DD33" s="319">
        <v>0</v>
      </c>
      <c r="DE33" s="319">
        <v>0</v>
      </c>
      <c r="DF33" s="320">
        <v>0</v>
      </c>
      <c r="DG33" s="322">
        <v>0</v>
      </c>
      <c r="DH33" s="318">
        <v>0</v>
      </c>
      <c r="DI33" s="319">
        <v>0</v>
      </c>
      <c r="DJ33" s="323">
        <v>0</v>
      </c>
      <c r="DK33" s="324">
        <v>0</v>
      </c>
      <c r="DL33" s="319">
        <v>0</v>
      </c>
      <c r="DM33" s="319">
        <v>0</v>
      </c>
      <c r="DN33" s="319">
        <v>7055</v>
      </c>
      <c r="DO33" s="319">
        <v>0</v>
      </c>
      <c r="DP33" s="319">
        <v>0</v>
      </c>
      <c r="DQ33" s="320">
        <v>7055</v>
      </c>
      <c r="DR33" s="322">
        <v>7055</v>
      </c>
      <c r="DS33" s="318">
        <v>0</v>
      </c>
      <c r="DT33" s="319">
        <v>0</v>
      </c>
      <c r="DU33" s="320">
        <v>0</v>
      </c>
      <c r="DV33" s="318">
        <v>0</v>
      </c>
      <c r="DW33" s="319">
        <v>0</v>
      </c>
      <c r="DX33" s="319">
        <v>0</v>
      </c>
      <c r="DY33" s="319">
        <v>7055</v>
      </c>
      <c r="DZ33" s="319">
        <v>0</v>
      </c>
      <c r="EA33" s="319">
        <v>0</v>
      </c>
      <c r="EB33" s="320">
        <v>7055</v>
      </c>
      <c r="EC33" s="322">
        <v>7055</v>
      </c>
      <c r="ED33" s="318">
        <v>0</v>
      </c>
      <c r="EE33" s="323">
        <v>0</v>
      </c>
      <c r="EF33" s="320">
        <v>0</v>
      </c>
      <c r="EG33" s="318">
        <v>0</v>
      </c>
      <c r="EH33" s="319">
        <v>0</v>
      </c>
      <c r="EI33" s="319">
        <v>0</v>
      </c>
      <c r="EJ33" s="319">
        <v>0</v>
      </c>
      <c r="EK33" s="319">
        <v>0</v>
      </c>
      <c r="EL33" s="319">
        <v>0</v>
      </c>
      <c r="EM33" s="323">
        <v>0</v>
      </c>
      <c r="EN33" s="322">
        <v>0</v>
      </c>
      <c r="EO33" s="318">
        <v>0</v>
      </c>
      <c r="EP33" s="319">
        <v>0</v>
      </c>
      <c r="EQ33" s="323">
        <v>0</v>
      </c>
      <c r="ER33" s="324">
        <v>0</v>
      </c>
      <c r="ES33" s="319">
        <v>0</v>
      </c>
      <c r="ET33" s="319">
        <v>0</v>
      </c>
      <c r="EU33" s="319">
        <v>0</v>
      </c>
      <c r="EV33" s="319">
        <v>0</v>
      </c>
      <c r="EW33" s="319">
        <v>0</v>
      </c>
      <c r="EX33" s="320">
        <v>0</v>
      </c>
      <c r="EY33" s="322">
        <v>0</v>
      </c>
      <c r="EZ33" s="318">
        <v>0</v>
      </c>
      <c r="FA33" s="319">
        <v>0</v>
      </c>
      <c r="FB33" s="323">
        <v>0</v>
      </c>
      <c r="FC33" s="325"/>
      <c r="FD33" s="319">
        <v>0</v>
      </c>
      <c r="FE33" s="319">
        <v>0</v>
      </c>
      <c r="FF33" s="319">
        <v>0</v>
      </c>
      <c r="FG33" s="319">
        <v>0</v>
      </c>
      <c r="FH33" s="319">
        <v>0</v>
      </c>
      <c r="FI33" s="320">
        <v>0</v>
      </c>
      <c r="FJ33" s="322">
        <v>0</v>
      </c>
      <c r="FK33" s="318">
        <v>8448</v>
      </c>
      <c r="FL33" s="319">
        <v>5600</v>
      </c>
      <c r="FM33" s="320">
        <v>14048</v>
      </c>
      <c r="FN33" s="318">
        <v>0</v>
      </c>
      <c r="FO33" s="319">
        <v>24400</v>
      </c>
      <c r="FP33" s="319">
        <v>77864</v>
      </c>
      <c r="FQ33" s="319">
        <v>0</v>
      </c>
      <c r="FR33" s="319">
        <v>0</v>
      </c>
      <c r="FS33" s="319">
        <v>0</v>
      </c>
      <c r="FT33" s="320">
        <v>102264</v>
      </c>
      <c r="FU33" s="322">
        <v>116312</v>
      </c>
      <c r="FV33" s="326">
        <v>0</v>
      </c>
      <c r="FW33" s="319">
        <v>5600</v>
      </c>
      <c r="FX33" s="323">
        <v>5600</v>
      </c>
      <c r="FY33" s="324">
        <v>0</v>
      </c>
      <c r="FZ33" s="319">
        <v>24400</v>
      </c>
      <c r="GA33" s="319">
        <v>39816</v>
      </c>
      <c r="GB33" s="319">
        <v>0</v>
      </c>
      <c r="GC33" s="319">
        <v>0</v>
      </c>
      <c r="GD33" s="319">
        <v>0</v>
      </c>
      <c r="GE33" s="320">
        <v>64216</v>
      </c>
      <c r="GF33" s="327">
        <v>69816</v>
      </c>
      <c r="GG33" s="326">
        <v>0</v>
      </c>
      <c r="GH33" s="319">
        <v>0</v>
      </c>
      <c r="GI33" s="323">
        <v>0</v>
      </c>
      <c r="GJ33" s="324">
        <v>0</v>
      </c>
      <c r="GK33" s="319">
        <v>0</v>
      </c>
      <c r="GL33" s="319">
        <v>38048</v>
      </c>
      <c r="GM33" s="319">
        <v>0</v>
      </c>
      <c r="GN33" s="319">
        <v>0</v>
      </c>
      <c r="GO33" s="319">
        <v>0</v>
      </c>
      <c r="GP33" s="320">
        <v>38048</v>
      </c>
      <c r="GQ33" s="322">
        <v>38048</v>
      </c>
      <c r="GR33" s="318">
        <v>8448</v>
      </c>
      <c r="GS33" s="319">
        <v>0</v>
      </c>
      <c r="GT33" s="320">
        <v>8448</v>
      </c>
      <c r="GU33" s="318">
        <v>0</v>
      </c>
      <c r="GV33" s="319">
        <v>0</v>
      </c>
      <c r="GW33" s="319">
        <v>0</v>
      </c>
      <c r="GX33" s="319">
        <v>0</v>
      </c>
      <c r="GY33" s="319">
        <v>0</v>
      </c>
      <c r="GZ33" s="319">
        <v>0</v>
      </c>
      <c r="HA33" s="323">
        <v>0</v>
      </c>
      <c r="HB33" s="322">
        <v>8448</v>
      </c>
      <c r="HC33" s="318">
        <v>0</v>
      </c>
      <c r="HD33" s="319">
        <v>0</v>
      </c>
      <c r="HE33" s="323">
        <v>0</v>
      </c>
      <c r="HF33" s="324">
        <v>0</v>
      </c>
      <c r="HG33" s="319">
        <v>148848</v>
      </c>
      <c r="HH33" s="319">
        <v>0</v>
      </c>
      <c r="HI33" s="319">
        <v>189728</v>
      </c>
      <c r="HJ33" s="319">
        <v>0</v>
      </c>
      <c r="HK33" s="319">
        <v>0</v>
      </c>
      <c r="HL33" s="320">
        <v>338576</v>
      </c>
      <c r="HM33" s="321">
        <v>338576</v>
      </c>
      <c r="HN33" s="411"/>
      <c r="HO33" s="412"/>
      <c r="HP33" s="413"/>
      <c r="HQ33" s="414"/>
      <c r="HR33" s="412"/>
      <c r="HS33" s="412"/>
      <c r="HT33" s="412"/>
      <c r="HU33" s="412"/>
      <c r="HV33" s="412"/>
      <c r="HW33" s="415"/>
      <c r="HX33" s="416"/>
      <c r="HY33" s="328">
        <v>0</v>
      </c>
      <c r="HZ33" s="329">
        <v>0</v>
      </c>
      <c r="IA33" s="330">
        <v>0</v>
      </c>
      <c r="IB33" s="353">
        <v>0</v>
      </c>
      <c r="IC33" s="329">
        <v>64904</v>
      </c>
      <c r="ID33" s="354">
        <v>73336</v>
      </c>
      <c r="IE33" s="330">
        <v>198016</v>
      </c>
      <c r="IF33" s="329">
        <v>0</v>
      </c>
      <c r="IG33" s="330">
        <v>0</v>
      </c>
      <c r="IH33" s="355">
        <v>336256</v>
      </c>
      <c r="II33" s="336">
        <v>336256</v>
      </c>
      <c r="IJ33" s="337">
        <v>0</v>
      </c>
      <c r="IK33" s="338">
        <v>0</v>
      </c>
      <c r="IL33" s="339">
        <v>0</v>
      </c>
      <c r="IM33" s="340"/>
      <c r="IN33" s="341">
        <v>0</v>
      </c>
      <c r="IO33" s="341">
        <v>0</v>
      </c>
      <c r="IP33" s="341">
        <v>0</v>
      </c>
      <c r="IQ33" s="341">
        <v>0</v>
      </c>
      <c r="IR33" s="341">
        <v>0</v>
      </c>
      <c r="IS33" s="342">
        <v>0</v>
      </c>
      <c r="IT33" s="343">
        <v>0</v>
      </c>
      <c r="IU33" s="344">
        <v>0</v>
      </c>
      <c r="IV33" s="341">
        <v>0</v>
      </c>
      <c r="IW33" s="345">
        <v>0</v>
      </c>
      <c r="IX33" s="340"/>
      <c r="IY33" s="341">
        <v>0</v>
      </c>
      <c r="IZ33" s="341">
        <v>0</v>
      </c>
      <c r="JA33" s="341">
        <v>0</v>
      </c>
      <c r="JB33" s="341">
        <v>0</v>
      </c>
      <c r="JC33" s="341">
        <v>0</v>
      </c>
      <c r="JD33" s="345">
        <v>0</v>
      </c>
      <c r="JE33" s="347">
        <v>0</v>
      </c>
      <c r="JF33" s="344">
        <v>0</v>
      </c>
      <c r="JG33" s="341">
        <v>0</v>
      </c>
      <c r="JH33" s="342">
        <v>0</v>
      </c>
      <c r="JI33" s="348">
        <v>0</v>
      </c>
      <c r="JJ33" s="341">
        <v>64904</v>
      </c>
      <c r="JK33" s="341">
        <v>73336</v>
      </c>
      <c r="JL33" s="341">
        <v>0</v>
      </c>
      <c r="JM33" s="341">
        <v>0</v>
      </c>
      <c r="JN33" s="341">
        <v>0</v>
      </c>
      <c r="JO33" s="345">
        <v>138240</v>
      </c>
      <c r="JP33" s="343">
        <v>138240</v>
      </c>
      <c r="JQ33" s="344">
        <v>0</v>
      </c>
      <c r="JR33" s="341">
        <v>0</v>
      </c>
      <c r="JS33" s="342">
        <v>0</v>
      </c>
      <c r="JT33" s="348">
        <v>0</v>
      </c>
      <c r="JU33" s="341">
        <v>0</v>
      </c>
      <c r="JV33" s="341">
        <v>0</v>
      </c>
      <c r="JW33" s="341">
        <v>49848</v>
      </c>
      <c r="JX33" s="341">
        <v>0</v>
      </c>
      <c r="JY33" s="341">
        <v>0</v>
      </c>
      <c r="JZ33" s="345">
        <v>49848</v>
      </c>
      <c r="KA33" s="343">
        <v>49848</v>
      </c>
      <c r="KB33" s="349">
        <v>0</v>
      </c>
      <c r="KC33" s="350">
        <v>0</v>
      </c>
      <c r="KD33" s="345">
        <v>0</v>
      </c>
      <c r="KE33" s="348">
        <v>0</v>
      </c>
      <c r="KF33" s="341">
        <v>0</v>
      </c>
      <c r="KG33" s="341">
        <v>0</v>
      </c>
      <c r="KH33" s="341">
        <v>0</v>
      </c>
      <c r="KI33" s="341">
        <v>0</v>
      </c>
      <c r="KJ33" s="341">
        <v>0</v>
      </c>
      <c r="KK33" s="345">
        <v>0</v>
      </c>
      <c r="KL33" s="351">
        <v>0</v>
      </c>
      <c r="KM33" s="337">
        <v>0</v>
      </c>
      <c r="KN33" s="338">
        <v>0</v>
      </c>
      <c r="KO33" s="339">
        <v>0</v>
      </c>
      <c r="KP33" s="340"/>
      <c r="KQ33" s="341">
        <v>0</v>
      </c>
      <c r="KR33" s="341">
        <v>0</v>
      </c>
      <c r="KS33" s="341">
        <v>148168</v>
      </c>
      <c r="KT33" s="341">
        <v>0</v>
      </c>
      <c r="KU33" s="341">
        <v>0</v>
      </c>
      <c r="KV33" s="345">
        <v>148168</v>
      </c>
      <c r="KW33" s="343">
        <v>148168</v>
      </c>
      <c r="KX33" s="344">
        <v>0</v>
      </c>
      <c r="KY33" s="341">
        <v>0</v>
      </c>
      <c r="KZ33" s="345">
        <v>0</v>
      </c>
      <c r="LA33" s="340"/>
      <c r="LB33" s="341">
        <v>0</v>
      </c>
      <c r="LC33" s="341">
        <v>0</v>
      </c>
      <c r="LD33" s="341">
        <v>0</v>
      </c>
      <c r="LE33" s="341">
        <v>0</v>
      </c>
      <c r="LF33" s="341">
        <v>0</v>
      </c>
      <c r="LG33" s="345">
        <v>0</v>
      </c>
      <c r="LH33" s="347">
        <v>0</v>
      </c>
      <c r="LI33" s="344">
        <v>0</v>
      </c>
      <c r="LJ33" s="341">
        <v>0</v>
      </c>
      <c r="LK33" s="345">
        <v>0</v>
      </c>
      <c r="LL33" s="340"/>
      <c r="LM33" s="341">
        <v>0</v>
      </c>
      <c r="LN33" s="341">
        <v>0</v>
      </c>
      <c r="LO33" s="341">
        <v>0</v>
      </c>
      <c r="LP33" s="341">
        <v>0</v>
      </c>
      <c r="LQ33" s="341">
        <v>0</v>
      </c>
      <c r="LR33" s="345">
        <v>0</v>
      </c>
      <c r="LS33" s="343">
        <v>0</v>
      </c>
      <c r="LT33" s="344">
        <v>0</v>
      </c>
      <c r="LU33" s="341">
        <v>0</v>
      </c>
      <c r="LV33" s="345">
        <v>0</v>
      </c>
      <c r="LW33" s="340"/>
      <c r="LX33" s="341">
        <v>0</v>
      </c>
      <c r="LY33" s="341">
        <v>0</v>
      </c>
      <c r="LZ33" s="341">
        <v>0</v>
      </c>
      <c r="MA33" s="341">
        <v>0</v>
      </c>
      <c r="MB33" s="341">
        <v>0</v>
      </c>
      <c r="MC33" s="345">
        <v>0</v>
      </c>
      <c r="MD33" s="347">
        <v>0</v>
      </c>
      <c r="ME33" s="344">
        <v>0</v>
      </c>
      <c r="MF33" s="341">
        <v>0</v>
      </c>
      <c r="MG33" s="345">
        <v>0</v>
      </c>
      <c r="MH33" s="340"/>
      <c r="MI33" s="341">
        <v>0</v>
      </c>
      <c r="MJ33" s="341">
        <v>208912</v>
      </c>
      <c r="MK33" s="341">
        <v>0</v>
      </c>
      <c r="ML33" s="341">
        <v>494880</v>
      </c>
      <c r="MM33" s="341">
        <v>0</v>
      </c>
      <c r="MN33" s="345">
        <v>703792</v>
      </c>
      <c r="MO33" s="351">
        <v>703792</v>
      </c>
      <c r="MP33" s="344">
        <v>0</v>
      </c>
      <c r="MQ33" s="341">
        <v>0</v>
      </c>
      <c r="MR33" s="345">
        <v>0</v>
      </c>
      <c r="MS33" s="340"/>
      <c r="MT33" s="341">
        <v>0</v>
      </c>
      <c r="MU33" s="341">
        <v>0</v>
      </c>
      <c r="MV33" s="341">
        <v>0</v>
      </c>
      <c r="MW33" s="341">
        <v>218544</v>
      </c>
      <c r="MX33" s="341">
        <v>0</v>
      </c>
      <c r="MY33" s="345">
        <v>218544</v>
      </c>
      <c r="MZ33" s="351">
        <v>218544</v>
      </c>
      <c r="NA33" s="344">
        <v>0</v>
      </c>
      <c r="NB33" s="341">
        <v>0</v>
      </c>
      <c r="NC33" s="345">
        <v>0</v>
      </c>
      <c r="ND33" s="340"/>
      <c r="NE33" s="341">
        <v>0</v>
      </c>
      <c r="NF33" s="341">
        <v>208912</v>
      </c>
      <c r="NG33" s="341">
        <v>0</v>
      </c>
      <c r="NH33" s="341">
        <v>276336</v>
      </c>
      <c r="NI33" s="341">
        <v>0</v>
      </c>
      <c r="NJ33" s="345">
        <v>485248</v>
      </c>
      <c r="NK33" s="343">
        <v>485248</v>
      </c>
      <c r="NL33" s="344">
        <v>0</v>
      </c>
      <c r="NM33" s="341">
        <v>0</v>
      </c>
      <c r="NN33" s="345">
        <v>0</v>
      </c>
      <c r="NO33" s="340"/>
      <c r="NP33" s="341">
        <v>0</v>
      </c>
      <c r="NQ33" s="341">
        <v>0</v>
      </c>
      <c r="NR33" s="341">
        <v>0</v>
      </c>
      <c r="NS33" s="341">
        <v>0</v>
      </c>
      <c r="NT33" s="341">
        <v>0</v>
      </c>
      <c r="NU33" s="345">
        <v>0</v>
      </c>
      <c r="NV33" s="347">
        <v>0</v>
      </c>
      <c r="NW33" s="344">
        <v>0</v>
      </c>
      <c r="NX33" s="341">
        <v>0</v>
      </c>
      <c r="NY33" s="345">
        <v>0</v>
      </c>
      <c r="NZ33" s="340"/>
      <c r="OA33" s="341">
        <v>0</v>
      </c>
      <c r="OB33" s="341">
        <v>0</v>
      </c>
      <c r="OC33" s="341">
        <v>0</v>
      </c>
      <c r="OD33" s="341">
        <v>0</v>
      </c>
      <c r="OE33" s="341">
        <v>0</v>
      </c>
      <c r="OF33" s="345">
        <v>0</v>
      </c>
      <c r="OG33" s="347">
        <v>0</v>
      </c>
      <c r="OH33" s="344">
        <v>8448</v>
      </c>
      <c r="OI33" s="341">
        <v>5600</v>
      </c>
      <c r="OJ33" s="342">
        <v>14048</v>
      </c>
      <c r="OK33" s="348">
        <v>0</v>
      </c>
      <c r="OL33" s="341">
        <v>441444</v>
      </c>
      <c r="OM33" s="341">
        <v>394211</v>
      </c>
      <c r="ON33" s="341">
        <v>441431</v>
      </c>
      <c r="OO33" s="341">
        <v>494880</v>
      </c>
      <c r="OP33" s="341">
        <v>0</v>
      </c>
      <c r="OQ33" s="345">
        <v>1771966</v>
      </c>
      <c r="OR33" s="351">
        <v>1786014</v>
      </c>
    </row>
    <row r="34" spans="1:408" ht="20.25" customHeight="1" x14ac:dyDescent="0.2">
      <c r="A34" s="111" t="s">
        <v>29</v>
      </c>
      <c r="B34" s="318">
        <v>12000</v>
      </c>
      <c r="C34" s="319">
        <v>13888</v>
      </c>
      <c r="D34" s="320">
        <v>25888</v>
      </c>
      <c r="E34" s="321">
        <v>0</v>
      </c>
      <c r="F34" s="319">
        <v>212367</v>
      </c>
      <c r="G34" s="319">
        <v>576091</v>
      </c>
      <c r="H34" s="319">
        <v>325261</v>
      </c>
      <c r="I34" s="319">
        <v>589624</v>
      </c>
      <c r="J34" s="319">
        <v>412222</v>
      </c>
      <c r="K34" s="358">
        <v>2115565</v>
      </c>
      <c r="L34" s="322">
        <v>2141453</v>
      </c>
      <c r="M34" s="318">
        <v>0</v>
      </c>
      <c r="N34" s="319">
        <v>13888</v>
      </c>
      <c r="O34" s="320">
        <v>13888</v>
      </c>
      <c r="P34" s="318">
        <v>0</v>
      </c>
      <c r="Q34" s="319">
        <v>90839</v>
      </c>
      <c r="R34" s="319">
        <v>97149</v>
      </c>
      <c r="S34" s="319">
        <v>0</v>
      </c>
      <c r="T34" s="319">
        <v>174544</v>
      </c>
      <c r="U34" s="319">
        <v>127240</v>
      </c>
      <c r="V34" s="320">
        <v>489772</v>
      </c>
      <c r="W34" s="322">
        <v>503660</v>
      </c>
      <c r="X34" s="318">
        <v>0</v>
      </c>
      <c r="Y34" s="319">
        <v>0</v>
      </c>
      <c r="Z34" s="320">
        <v>0</v>
      </c>
      <c r="AA34" s="318">
        <v>0</v>
      </c>
      <c r="AB34" s="319">
        <v>22007</v>
      </c>
      <c r="AC34" s="319">
        <v>27973</v>
      </c>
      <c r="AD34" s="319">
        <v>0</v>
      </c>
      <c r="AE34" s="319">
        <v>167520</v>
      </c>
      <c r="AF34" s="319">
        <v>0</v>
      </c>
      <c r="AG34" s="320">
        <v>217500</v>
      </c>
      <c r="AH34" s="322">
        <v>217500</v>
      </c>
      <c r="AI34" s="318">
        <v>0</v>
      </c>
      <c r="AJ34" s="319">
        <v>0</v>
      </c>
      <c r="AK34" s="320">
        <v>0</v>
      </c>
      <c r="AL34" s="318">
        <v>0</v>
      </c>
      <c r="AM34" s="319">
        <v>0</v>
      </c>
      <c r="AN34" s="319">
        <v>0</v>
      </c>
      <c r="AO34" s="319">
        <v>0</v>
      </c>
      <c r="AP34" s="319">
        <v>0</v>
      </c>
      <c r="AQ34" s="319">
        <v>54080</v>
      </c>
      <c r="AR34" s="320">
        <v>54080</v>
      </c>
      <c r="AS34" s="322">
        <v>54080</v>
      </c>
      <c r="AT34" s="318">
        <v>0</v>
      </c>
      <c r="AU34" s="319">
        <v>13888</v>
      </c>
      <c r="AV34" s="320">
        <v>13888</v>
      </c>
      <c r="AW34" s="318">
        <v>0</v>
      </c>
      <c r="AX34" s="319">
        <v>0</v>
      </c>
      <c r="AY34" s="319">
        <v>0</v>
      </c>
      <c r="AZ34" s="319">
        <v>0</v>
      </c>
      <c r="BA34" s="319">
        <v>0</v>
      </c>
      <c r="BB34" s="319">
        <v>68392</v>
      </c>
      <c r="BC34" s="320">
        <v>68392</v>
      </c>
      <c r="BD34" s="322">
        <v>82280</v>
      </c>
      <c r="BE34" s="318">
        <v>0</v>
      </c>
      <c r="BF34" s="319">
        <v>0</v>
      </c>
      <c r="BG34" s="323">
        <v>0</v>
      </c>
      <c r="BH34" s="324">
        <v>0</v>
      </c>
      <c r="BI34" s="319">
        <v>68832</v>
      </c>
      <c r="BJ34" s="319">
        <v>0</v>
      </c>
      <c r="BK34" s="319">
        <v>0</v>
      </c>
      <c r="BL34" s="319">
        <v>0</v>
      </c>
      <c r="BM34" s="319">
        <v>0</v>
      </c>
      <c r="BN34" s="320">
        <v>68832</v>
      </c>
      <c r="BO34" s="322">
        <v>68832</v>
      </c>
      <c r="BP34" s="318">
        <v>0</v>
      </c>
      <c r="BQ34" s="319">
        <v>0</v>
      </c>
      <c r="BR34" s="320">
        <v>0</v>
      </c>
      <c r="BS34" s="318">
        <v>0</v>
      </c>
      <c r="BT34" s="319">
        <v>0</v>
      </c>
      <c r="BU34" s="319">
        <v>69176</v>
      </c>
      <c r="BV34" s="319">
        <v>0</v>
      </c>
      <c r="BW34" s="319">
        <v>7024</v>
      </c>
      <c r="BX34" s="319">
        <v>4768</v>
      </c>
      <c r="BY34" s="320">
        <v>80968</v>
      </c>
      <c r="BZ34" s="322">
        <v>80968</v>
      </c>
      <c r="CA34" s="318">
        <v>0</v>
      </c>
      <c r="CB34" s="319">
        <v>0</v>
      </c>
      <c r="CC34" s="320">
        <v>0</v>
      </c>
      <c r="CD34" s="318">
        <v>0</v>
      </c>
      <c r="CE34" s="319">
        <v>121528</v>
      </c>
      <c r="CF34" s="319">
        <v>95864</v>
      </c>
      <c r="CG34" s="319">
        <v>320061</v>
      </c>
      <c r="CH34" s="319">
        <v>80760</v>
      </c>
      <c r="CI34" s="319">
        <v>98120</v>
      </c>
      <c r="CJ34" s="320">
        <v>716333</v>
      </c>
      <c r="CK34" s="322">
        <v>716333</v>
      </c>
      <c r="CL34" s="318">
        <v>0</v>
      </c>
      <c r="CM34" s="319">
        <v>0</v>
      </c>
      <c r="CN34" s="320">
        <v>0</v>
      </c>
      <c r="CO34" s="324">
        <v>0</v>
      </c>
      <c r="CP34" s="319">
        <v>121528</v>
      </c>
      <c r="CQ34" s="319">
        <v>25960</v>
      </c>
      <c r="CR34" s="319">
        <v>113840</v>
      </c>
      <c r="CS34" s="319">
        <v>0</v>
      </c>
      <c r="CT34" s="319">
        <v>98120</v>
      </c>
      <c r="CU34" s="320">
        <v>359448</v>
      </c>
      <c r="CV34" s="322">
        <v>359448</v>
      </c>
      <c r="CW34" s="318">
        <v>0</v>
      </c>
      <c r="CX34" s="319">
        <v>0</v>
      </c>
      <c r="CY34" s="320">
        <v>0</v>
      </c>
      <c r="CZ34" s="318">
        <v>0</v>
      </c>
      <c r="DA34" s="319">
        <v>0</v>
      </c>
      <c r="DB34" s="319">
        <v>69904</v>
      </c>
      <c r="DC34" s="319">
        <v>206221</v>
      </c>
      <c r="DD34" s="319">
        <v>80760</v>
      </c>
      <c r="DE34" s="319">
        <v>0</v>
      </c>
      <c r="DF34" s="320">
        <v>356885</v>
      </c>
      <c r="DG34" s="322">
        <v>356885</v>
      </c>
      <c r="DH34" s="318">
        <v>0</v>
      </c>
      <c r="DI34" s="319">
        <v>0</v>
      </c>
      <c r="DJ34" s="323">
        <v>0</v>
      </c>
      <c r="DK34" s="324">
        <v>0</v>
      </c>
      <c r="DL34" s="319">
        <v>0</v>
      </c>
      <c r="DM34" s="319">
        <v>0</v>
      </c>
      <c r="DN34" s="319">
        <v>0</v>
      </c>
      <c r="DO34" s="319">
        <v>302320</v>
      </c>
      <c r="DP34" s="319">
        <v>108446</v>
      </c>
      <c r="DQ34" s="320">
        <v>410766</v>
      </c>
      <c r="DR34" s="322">
        <v>410766</v>
      </c>
      <c r="DS34" s="318">
        <v>0</v>
      </c>
      <c r="DT34" s="319">
        <v>0</v>
      </c>
      <c r="DU34" s="320">
        <v>0</v>
      </c>
      <c r="DV34" s="318">
        <v>0</v>
      </c>
      <c r="DW34" s="319">
        <v>0</v>
      </c>
      <c r="DX34" s="319">
        <v>0</v>
      </c>
      <c r="DY34" s="319">
        <v>0</v>
      </c>
      <c r="DZ34" s="319">
        <v>105352</v>
      </c>
      <c r="EA34" s="319">
        <v>108446</v>
      </c>
      <c r="EB34" s="320">
        <v>213798</v>
      </c>
      <c r="EC34" s="322">
        <v>213798</v>
      </c>
      <c r="ED34" s="318">
        <v>0</v>
      </c>
      <c r="EE34" s="323">
        <v>0</v>
      </c>
      <c r="EF34" s="320">
        <v>0</v>
      </c>
      <c r="EG34" s="318">
        <v>0</v>
      </c>
      <c r="EH34" s="319">
        <v>0</v>
      </c>
      <c r="EI34" s="319">
        <v>0</v>
      </c>
      <c r="EJ34" s="319">
        <v>0</v>
      </c>
      <c r="EK34" s="319">
        <v>196968</v>
      </c>
      <c r="EL34" s="319">
        <v>0</v>
      </c>
      <c r="EM34" s="323">
        <v>196968</v>
      </c>
      <c r="EN34" s="322">
        <v>196968</v>
      </c>
      <c r="EO34" s="318">
        <v>0</v>
      </c>
      <c r="EP34" s="319">
        <v>0</v>
      </c>
      <c r="EQ34" s="323">
        <v>0</v>
      </c>
      <c r="ER34" s="324">
        <v>0</v>
      </c>
      <c r="ES34" s="319">
        <v>0</v>
      </c>
      <c r="ET34" s="319">
        <v>0</v>
      </c>
      <c r="EU34" s="319">
        <v>0</v>
      </c>
      <c r="EV34" s="319">
        <v>0</v>
      </c>
      <c r="EW34" s="319">
        <v>0</v>
      </c>
      <c r="EX34" s="320">
        <v>0</v>
      </c>
      <c r="EY34" s="322">
        <v>0</v>
      </c>
      <c r="EZ34" s="318">
        <v>0</v>
      </c>
      <c r="FA34" s="319">
        <v>0</v>
      </c>
      <c r="FB34" s="323">
        <v>0</v>
      </c>
      <c r="FC34" s="325"/>
      <c r="FD34" s="319">
        <v>0</v>
      </c>
      <c r="FE34" s="319">
        <v>0</v>
      </c>
      <c r="FF34" s="319">
        <v>0</v>
      </c>
      <c r="FG34" s="319">
        <v>0</v>
      </c>
      <c r="FH34" s="319">
        <v>0</v>
      </c>
      <c r="FI34" s="320">
        <v>0</v>
      </c>
      <c r="FJ34" s="322">
        <v>0</v>
      </c>
      <c r="FK34" s="318">
        <v>12000</v>
      </c>
      <c r="FL34" s="319">
        <v>0</v>
      </c>
      <c r="FM34" s="320">
        <v>12000</v>
      </c>
      <c r="FN34" s="318">
        <v>0</v>
      </c>
      <c r="FO34" s="319">
        <v>0</v>
      </c>
      <c r="FP34" s="319">
        <v>42880</v>
      </c>
      <c r="FQ34" s="319">
        <v>5200</v>
      </c>
      <c r="FR34" s="319">
        <v>32000</v>
      </c>
      <c r="FS34" s="319">
        <v>78416</v>
      </c>
      <c r="FT34" s="320">
        <v>158496</v>
      </c>
      <c r="FU34" s="322">
        <v>170496</v>
      </c>
      <c r="FV34" s="326">
        <v>12000</v>
      </c>
      <c r="FW34" s="319">
        <v>0</v>
      </c>
      <c r="FX34" s="323">
        <v>12000</v>
      </c>
      <c r="FY34" s="324">
        <v>0</v>
      </c>
      <c r="FZ34" s="319">
        <v>0</v>
      </c>
      <c r="GA34" s="319">
        <v>42880</v>
      </c>
      <c r="GB34" s="319">
        <v>5200</v>
      </c>
      <c r="GC34" s="319">
        <v>32000</v>
      </c>
      <c r="GD34" s="319">
        <v>78416</v>
      </c>
      <c r="GE34" s="320">
        <v>158496</v>
      </c>
      <c r="GF34" s="327">
        <v>170496</v>
      </c>
      <c r="GG34" s="326">
        <v>0</v>
      </c>
      <c r="GH34" s="319">
        <v>0</v>
      </c>
      <c r="GI34" s="323">
        <v>0</v>
      </c>
      <c r="GJ34" s="324">
        <v>0</v>
      </c>
      <c r="GK34" s="319">
        <v>0</v>
      </c>
      <c r="GL34" s="319">
        <v>0</v>
      </c>
      <c r="GM34" s="319">
        <v>0</v>
      </c>
      <c r="GN34" s="319">
        <v>0</v>
      </c>
      <c r="GO34" s="319">
        <v>0</v>
      </c>
      <c r="GP34" s="320">
        <v>0</v>
      </c>
      <c r="GQ34" s="322">
        <v>0</v>
      </c>
      <c r="GR34" s="318">
        <v>0</v>
      </c>
      <c r="GS34" s="319">
        <v>0</v>
      </c>
      <c r="GT34" s="320">
        <v>0</v>
      </c>
      <c r="GU34" s="318">
        <v>0</v>
      </c>
      <c r="GV34" s="319">
        <v>0</v>
      </c>
      <c r="GW34" s="319">
        <v>0</v>
      </c>
      <c r="GX34" s="319">
        <v>0</v>
      </c>
      <c r="GY34" s="319">
        <v>0</v>
      </c>
      <c r="GZ34" s="319">
        <v>0</v>
      </c>
      <c r="HA34" s="323">
        <v>0</v>
      </c>
      <c r="HB34" s="322">
        <v>0</v>
      </c>
      <c r="HC34" s="318">
        <v>0</v>
      </c>
      <c r="HD34" s="319">
        <v>0</v>
      </c>
      <c r="HE34" s="323">
        <v>0</v>
      </c>
      <c r="HF34" s="324">
        <v>0</v>
      </c>
      <c r="HG34" s="319">
        <v>0</v>
      </c>
      <c r="HH34" s="319">
        <v>340198</v>
      </c>
      <c r="HI34" s="319">
        <v>0</v>
      </c>
      <c r="HJ34" s="319">
        <v>0</v>
      </c>
      <c r="HK34" s="319">
        <v>0</v>
      </c>
      <c r="HL34" s="320">
        <v>340198</v>
      </c>
      <c r="HM34" s="321">
        <v>340198</v>
      </c>
      <c r="HN34" s="411"/>
      <c r="HO34" s="412"/>
      <c r="HP34" s="413"/>
      <c r="HQ34" s="414"/>
      <c r="HR34" s="412"/>
      <c r="HS34" s="412"/>
      <c r="HT34" s="412"/>
      <c r="HU34" s="412"/>
      <c r="HV34" s="412"/>
      <c r="HW34" s="415"/>
      <c r="HX34" s="416"/>
      <c r="HY34" s="357">
        <v>0</v>
      </c>
      <c r="HZ34" s="332">
        <v>0</v>
      </c>
      <c r="IA34" s="357">
        <v>0</v>
      </c>
      <c r="IB34" s="331">
        <v>0</v>
      </c>
      <c r="IC34" s="332">
        <v>72352</v>
      </c>
      <c r="ID34" s="333">
        <v>69942</v>
      </c>
      <c r="IE34" s="334">
        <v>0</v>
      </c>
      <c r="IF34" s="332">
        <v>153952</v>
      </c>
      <c r="IG34" s="334">
        <v>253224</v>
      </c>
      <c r="IH34" s="335">
        <v>549470</v>
      </c>
      <c r="II34" s="357">
        <v>549470</v>
      </c>
      <c r="IJ34" s="337">
        <v>0</v>
      </c>
      <c r="IK34" s="338">
        <v>0</v>
      </c>
      <c r="IL34" s="339">
        <v>0</v>
      </c>
      <c r="IM34" s="340"/>
      <c r="IN34" s="341">
        <v>0</v>
      </c>
      <c r="IO34" s="341">
        <v>0</v>
      </c>
      <c r="IP34" s="341">
        <v>0</v>
      </c>
      <c r="IQ34" s="341">
        <v>0</v>
      </c>
      <c r="IR34" s="341">
        <v>0</v>
      </c>
      <c r="IS34" s="342">
        <v>0</v>
      </c>
      <c r="IT34" s="343">
        <v>0</v>
      </c>
      <c r="IU34" s="344">
        <v>0</v>
      </c>
      <c r="IV34" s="341">
        <v>0</v>
      </c>
      <c r="IW34" s="345">
        <v>0</v>
      </c>
      <c r="IX34" s="340"/>
      <c r="IY34" s="341">
        <v>0</v>
      </c>
      <c r="IZ34" s="341">
        <v>0</v>
      </c>
      <c r="JA34" s="341">
        <v>0</v>
      </c>
      <c r="JB34" s="341">
        <v>0</v>
      </c>
      <c r="JC34" s="341">
        <v>0</v>
      </c>
      <c r="JD34" s="345">
        <v>0</v>
      </c>
      <c r="JE34" s="347">
        <v>0</v>
      </c>
      <c r="JF34" s="344">
        <v>0</v>
      </c>
      <c r="JG34" s="341">
        <v>0</v>
      </c>
      <c r="JH34" s="342">
        <v>0</v>
      </c>
      <c r="JI34" s="348">
        <v>0</v>
      </c>
      <c r="JJ34" s="341">
        <v>72352</v>
      </c>
      <c r="JK34" s="341">
        <v>69942</v>
      </c>
      <c r="JL34" s="341">
        <v>0</v>
      </c>
      <c r="JM34" s="341">
        <v>153952</v>
      </c>
      <c r="JN34" s="341">
        <v>0</v>
      </c>
      <c r="JO34" s="345">
        <v>296246</v>
      </c>
      <c r="JP34" s="343">
        <v>296246</v>
      </c>
      <c r="JQ34" s="344">
        <v>0</v>
      </c>
      <c r="JR34" s="341">
        <v>0</v>
      </c>
      <c r="JS34" s="342">
        <v>0</v>
      </c>
      <c r="JT34" s="348">
        <v>0</v>
      </c>
      <c r="JU34" s="341">
        <v>0</v>
      </c>
      <c r="JV34" s="341">
        <v>0</v>
      </c>
      <c r="JW34" s="341">
        <v>0</v>
      </c>
      <c r="JX34" s="341">
        <v>0</v>
      </c>
      <c r="JY34" s="341">
        <v>0</v>
      </c>
      <c r="JZ34" s="345">
        <v>0</v>
      </c>
      <c r="KA34" s="343">
        <v>0</v>
      </c>
      <c r="KB34" s="349">
        <v>0</v>
      </c>
      <c r="KC34" s="350">
        <v>0</v>
      </c>
      <c r="KD34" s="345">
        <v>0</v>
      </c>
      <c r="KE34" s="348">
        <v>0</v>
      </c>
      <c r="KF34" s="341">
        <v>0</v>
      </c>
      <c r="KG34" s="341">
        <v>0</v>
      </c>
      <c r="KH34" s="341">
        <v>0</v>
      </c>
      <c r="KI34" s="341">
        <v>0</v>
      </c>
      <c r="KJ34" s="341">
        <v>0</v>
      </c>
      <c r="KK34" s="345">
        <v>0</v>
      </c>
      <c r="KL34" s="351">
        <v>0</v>
      </c>
      <c r="KM34" s="337">
        <v>0</v>
      </c>
      <c r="KN34" s="338">
        <v>0</v>
      </c>
      <c r="KO34" s="339">
        <v>0</v>
      </c>
      <c r="KP34" s="340"/>
      <c r="KQ34" s="341">
        <v>0</v>
      </c>
      <c r="KR34" s="341">
        <v>0</v>
      </c>
      <c r="KS34" s="341">
        <v>0</v>
      </c>
      <c r="KT34" s="341">
        <v>0</v>
      </c>
      <c r="KU34" s="341">
        <v>0</v>
      </c>
      <c r="KV34" s="345">
        <v>0</v>
      </c>
      <c r="KW34" s="343">
        <v>0</v>
      </c>
      <c r="KX34" s="344">
        <v>0</v>
      </c>
      <c r="KY34" s="341">
        <v>0</v>
      </c>
      <c r="KZ34" s="345">
        <v>0</v>
      </c>
      <c r="LA34" s="340"/>
      <c r="LB34" s="341">
        <v>0</v>
      </c>
      <c r="LC34" s="341">
        <v>0</v>
      </c>
      <c r="LD34" s="341">
        <v>0</v>
      </c>
      <c r="LE34" s="341">
        <v>0</v>
      </c>
      <c r="LF34" s="341">
        <v>0</v>
      </c>
      <c r="LG34" s="345">
        <v>0</v>
      </c>
      <c r="LH34" s="347">
        <v>0</v>
      </c>
      <c r="LI34" s="344">
        <v>0</v>
      </c>
      <c r="LJ34" s="341">
        <v>0</v>
      </c>
      <c r="LK34" s="345">
        <v>0</v>
      </c>
      <c r="LL34" s="340"/>
      <c r="LM34" s="341">
        <v>0</v>
      </c>
      <c r="LN34" s="341">
        <v>0</v>
      </c>
      <c r="LO34" s="341">
        <v>0</v>
      </c>
      <c r="LP34" s="341">
        <v>0</v>
      </c>
      <c r="LQ34" s="341">
        <v>253224</v>
      </c>
      <c r="LR34" s="345">
        <v>253224</v>
      </c>
      <c r="LS34" s="343">
        <v>253224</v>
      </c>
      <c r="LT34" s="344">
        <v>0</v>
      </c>
      <c r="LU34" s="341">
        <v>0</v>
      </c>
      <c r="LV34" s="345">
        <v>0</v>
      </c>
      <c r="LW34" s="340"/>
      <c r="LX34" s="341">
        <v>0</v>
      </c>
      <c r="LY34" s="341">
        <v>0</v>
      </c>
      <c r="LZ34" s="341">
        <v>0</v>
      </c>
      <c r="MA34" s="341">
        <v>0</v>
      </c>
      <c r="MB34" s="341">
        <v>0</v>
      </c>
      <c r="MC34" s="345">
        <v>0</v>
      </c>
      <c r="MD34" s="347">
        <v>0</v>
      </c>
      <c r="ME34" s="344">
        <v>0</v>
      </c>
      <c r="MF34" s="341">
        <v>0</v>
      </c>
      <c r="MG34" s="345">
        <v>0</v>
      </c>
      <c r="MH34" s="340"/>
      <c r="MI34" s="341">
        <v>0</v>
      </c>
      <c r="MJ34" s="341">
        <v>208912</v>
      </c>
      <c r="MK34" s="341">
        <v>200496</v>
      </c>
      <c r="ML34" s="341">
        <v>228304</v>
      </c>
      <c r="MM34" s="341">
        <v>246152</v>
      </c>
      <c r="MN34" s="345">
        <v>883864</v>
      </c>
      <c r="MO34" s="351">
        <v>883864</v>
      </c>
      <c r="MP34" s="344">
        <v>0</v>
      </c>
      <c r="MQ34" s="341">
        <v>0</v>
      </c>
      <c r="MR34" s="345">
        <v>0</v>
      </c>
      <c r="MS34" s="340"/>
      <c r="MT34" s="341">
        <v>0</v>
      </c>
      <c r="MU34" s="341">
        <v>0</v>
      </c>
      <c r="MV34" s="341">
        <v>200496</v>
      </c>
      <c r="MW34" s="341">
        <v>228304</v>
      </c>
      <c r="MX34" s="341">
        <v>246152</v>
      </c>
      <c r="MY34" s="345">
        <v>674952</v>
      </c>
      <c r="MZ34" s="351">
        <v>674952</v>
      </c>
      <c r="NA34" s="344">
        <v>0</v>
      </c>
      <c r="NB34" s="341">
        <v>0</v>
      </c>
      <c r="NC34" s="345">
        <v>0</v>
      </c>
      <c r="ND34" s="340"/>
      <c r="NE34" s="341">
        <v>0</v>
      </c>
      <c r="NF34" s="341">
        <v>208912</v>
      </c>
      <c r="NG34" s="341">
        <v>0</v>
      </c>
      <c r="NH34" s="341">
        <v>0</v>
      </c>
      <c r="NI34" s="341">
        <v>0</v>
      </c>
      <c r="NJ34" s="345">
        <v>208912</v>
      </c>
      <c r="NK34" s="343">
        <v>208912</v>
      </c>
      <c r="NL34" s="344">
        <v>0</v>
      </c>
      <c r="NM34" s="341">
        <v>0</v>
      </c>
      <c r="NN34" s="345">
        <v>0</v>
      </c>
      <c r="NO34" s="340"/>
      <c r="NP34" s="341">
        <v>0</v>
      </c>
      <c r="NQ34" s="341">
        <v>0</v>
      </c>
      <c r="NR34" s="341">
        <v>0</v>
      </c>
      <c r="NS34" s="341">
        <v>0</v>
      </c>
      <c r="NT34" s="341">
        <v>0</v>
      </c>
      <c r="NU34" s="345">
        <v>0</v>
      </c>
      <c r="NV34" s="347">
        <v>0</v>
      </c>
      <c r="NW34" s="344">
        <v>0</v>
      </c>
      <c r="NX34" s="341">
        <v>0</v>
      </c>
      <c r="NY34" s="345">
        <v>0</v>
      </c>
      <c r="NZ34" s="340"/>
      <c r="OA34" s="341">
        <v>0</v>
      </c>
      <c r="OB34" s="341">
        <v>0</v>
      </c>
      <c r="OC34" s="341">
        <v>0</v>
      </c>
      <c r="OD34" s="341">
        <v>0</v>
      </c>
      <c r="OE34" s="341">
        <v>0</v>
      </c>
      <c r="OF34" s="345">
        <v>0</v>
      </c>
      <c r="OG34" s="347">
        <v>0</v>
      </c>
      <c r="OH34" s="344">
        <v>12000</v>
      </c>
      <c r="OI34" s="341">
        <v>13888</v>
      </c>
      <c r="OJ34" s="342">
        <v>25888</v>
      </c>
      <c r="OK34" s="348">
        <v>0</v>
      </c>
      <c r="OL34" s="341">
        <v>284719</v>
      </c>
      <c r="OM34" s="341">
        <v>854945</v>
      </c>
      <c r="ON34" s="341">
        <v>525757</v>
      </c>
      <c r="OO34" s="341">
        <v>971880</v>
      </c>
      <c r="OP34" s="341">
        <v>911598</v>
      </c>
      <c r="OQ34" s="345">
        <v>3548899</v>
      </c>
      <c r="OR34" s="351">
        <v>3574787</v>
      </c>
    </row>
    <row r="35" spans="1:408" ht="20.25" customHeight="1" x14ac:dyDescent="0.2">
      <c r="A35" s="111" t="s">
        <v>30</v>
      </c>
      <c r="B35" s="318">
        <v>7600</v>
      </c>
      <c r="C35" s="319">
        <v>0</v>
      </c>
      <c r="D35" s="359">
        <v>7600</v>
      </c>
      <c r="E35" s="360">
        <v>0</v>
      </c>
      <c r="F35" s="361">
        <v>323933</v>
      </c>
      <c r="G35" s="361">
        <v>409476</v>
      </c>
      <c r="H35" s="361">
        <v>584651</v>
      </c>
      <c r="I35" s="361">
        <v>486368</v>
      </c>
      <c r="J35" s="361">
        <v>0</v>
      </c>
      <c r="K35" s="362">
        <v>1804428</v>
      </c>
      <c r="L35" s="322">
        <v>1812028</v>
      </c>
      <c r="M35" s="318">
        <v>0</v>
      </c>
      <c r="N35" s="319">
        <v>0</v>
      </c>
      <c r="O35" s="320">
        <v>0</v>
      </c>
      <c r="P35" s="318">
        <v>0</v>
      </c>
      <c r="Q35" s="319">
        <v>39400</v>
      </c>
      <c r="R35" s="319">
        <v>73441</v>
      </c>
      <c r="S35" s="319">
        <v>30360</v>
      </c>
      <c r="T35" s="319">
        <v>272000</v>
      </c>
      <c r="U35" s="319">
        <v>0</v>
      </c>
      <c r="V35" s="320">
        <v>415201</v>
      </c>
      <c r="W35" s="322">
        <v>415201</v>
      </c>
      <c r="X35" s="318">
        <v>0</v>
      </c>
      <c r="Y35" s="319">
        <v>0</v>
      </c>
      <c r="Z35" s="320">
        <v>0</v>
      </c>
      <c r="AA35" s="318">
        <v>0</v>
      </c>
      <c r="AB35" s="319">
        <v>0</v>
      </c>
      <c r="AC35" s="319">
        <v>50977</v>
      </c>
      <c r="AD35" s="319">
        <v>12184</v>
      </c>
      <c r="AE35" s="319">
        <v>93232</v>
      </c>
      <c r="AF35" s="319">
        <v>0</v>
      </c>
      <c r="AG35" s="320">
        <v>156393</v>
      </c>
      <c r="AH35" s="322">
        <v>156393</v>
      </c>
      <c r="AI35" s="318">
        <v>0</v>
      </c>
      <c r="AJ35" s="319">
        <v>0</v>
      </c>
      <c r="AK35" s="320">
        <v>0</v>
      </c>
      <c r="AL35" s="318">
        <v>0</v>
      </c>
      <c r="AM35" s="319">
        <v>0</v>
      </c>
      <c r="AN35" s="319">
        <v>0</v>
      </c>
      <c r="AO35" s="319">
        <v>0</v>
      </c>
      <c r="AP35" s="319">
        <v>101432</v>
      </c>
      <c r="AQ35" s="319">
        <v>0</v>
      </c>
      <c r="AR35" s="320">
        <v>101432</v>
      </c>
      <c r="AS35" s="322">
        <v>101432</v>
      </c>
      <c r="AT35" s="318">
        <v>0</v>
      </c>
      <c r="AU35" s="319">
        <v>0</v>
      </c>
      <c r="AV35" s="320">
        <v>0</v>
      </c>
      <c r="AW35" s="318">
        <v>0</v>
      </c>
      <c r="AX35" s="319">
        <v>22224</v>
      </c>
      <c r="AY35" s="319">
        <v>0</v>
      </c>
      <c r="AZ35" s="319">
        <v>0</v>
      </c>
      <c r="BA35" s="319">
        <v>64296</v>
      </c>
      <c r="BB35" s="319">
        <v>0</v>
      </c>
      <c r="BC35" s="320">
        <v>86520</v>
      </c>
      <c r="BD35" s="322">
        <v>86520</v>
      </c>
      <c r="BE35" s="318">
        <v>0</v>
      </c>
      <c r="BF35" s="319">
        <v>0</v>
      </c>
      <c r="BG35" s="323">
        <v>0</v>
      </c>
      <c r="BH35" s="324">
        <v>0</v>
      </c>
      <c r="BI35" s="319">
        <v>0</v>
      </c>
      <c r="BJ35" s="319">
        <v>0</v>
      </c>
      <c r="BK35" s="319">
        <v>0</v>
      </c>
      <c r="BL35" s="319">
        <v>0</v>
      </c>
      <c r="BM35" s="319">
        <v>0</v>
      </c>
      <c r="BN35" s="320">
        <v>0</v>
      </c>
      <c r="BO35" s="322">
        <v>0</v>
      </c>
      <c r="BP35" s="318">
        <v>0</v>
      </c>
      <c r="BQ35" s="319">
        <v>0</v>
      </c>
      <c r="BR35" s="320">
        <v>0</v>
      </c>
      <c r="BS35" s="318">
        <v>0</v>
      </c>
      <c r="BT35" s="319">
        <v>17176</v>
      </c>
      <c r="BU35" s="319">
        <v>22464</v>
      </c>
      <c r="BV35" s="319">
        <v>18176</v>
      </c>
      <c r="BW35" s="319">
        <v>13040</v>
      </c>
      <c r="BX35" s="319">
        <v>0</v>
      </c>
      <c r="BY35" s="320">
        <v>70856</v>
      </c>
      <c r="BZ35" s="322">
        <v>70856</v>
      </c>
      <c r="CA35" s="318">
        <v>0</v>
      </c>
      <c r="CB35" s="319">
        <v>0</v>
      </c>
      <c r="CC35" s="320">
        <v>0</v>
      </c>
      <c r="CD35" s="318">
        <v>0</v>
      </c>
      <c r="CE35" s="319">
        <v>48664</v>
      </c>
      <c r="CF35" s="319">
        <v>0</v>
      </c>
      <c r="CG35" s="319">
        <v>0</v>
      </c>
      <c r="CH35" s="319">
        <v>104176</v>
      </c>
      <c r="CI35" s="319">
        <v>0</v>
      </c>
      <c r="CJ35" s="320">
        <v>152840</v>
      </c>
      <c r="CK35" s="322">
        <v>152840</v>
      </c>
      <c r="CL35" s="318">
        <v>0</v>
      </c>
      <c r="CM35" s="319">
        <v>0</v>
      </c>
      <c r="CN35" s="320">
        <v>0</v>
      </c>
      <c r="CO35" s="324">
        <v>0</v>
      </c>
      <c r="CP35" s="319">
        <v>0</v>
      </c>
      <c r="CQ35" s="319">
        <v>0</v>
      </c>
      <c r="CR35" s="319">
        <v>0</v>
      </c>
      <c r="CS35" s="319">
        <v>104176</v>
      </c>
      <c r="CT35" s="319">
        <v>0</v>
      </c>
      <c r="CU35" s="320">
        <v>104176</v>
      </c>
      <c r="CV35" s="322">
        <v>104176</v>
      </c>
      <c r="CW35" s="318">
        <v>0</v>
      </c>
      <c r="CX35" s="319">
        <v>0</v>
      </c>
      <c r="CY35" s="320">
        <v>0</v>
      </c>
      <c r="CZ35" s="318">
        <v>0</v>
      </c>
      <c r="DA35" s="319">
        <v>48664</v>
      </c>
      <c r="DB35" s="319">
        <v>0</v>
      </c>
      <c r="DC35" s="319">
        <v>0</v>
      </c>
      <c r="DD35" s="319">
        <v>0</v>
      </c>
      <c r="DE35" s="319">
        <v>0</v>
      </c>
      <c r="DF35" s="320">
        <v>48664</v>
      </c>
      <c r="DG35" s="322">
        <v>48664</v>
      </c>
      <c r="DH35" s="318">
        <v>0</v>
      </c>
      <c r="DI35" s="319">
        <v>0</v>
      </c>
      <c r="DJ35" s="323">
        <v>0</v>
      </c>
      <c r="DK35" s="324">
        <v>0</v>
      </c>
      <c r="DL35" s="319">
        <v>35594</v>
      </c>
      <c r="DM35" s="319">
        <v>0</v>
      </c>
      <c r="DN35" s="319">
        <v>532371</v>
      </c>
      <c r="DO35" s="319">
        <v>66000</v>
      </c>
      <c r="DP35" s="319">
        <v>0</v>
      </c>
      <c r="DQ35" s="320">
        <v>633965</v>
      </c>
      <c r="DR35" s="322">
        <v>633965</v>
      </c>
      <c r="DS35" s="318">
        <v>0</v>
      </c>
      <c r="DT35" s="319">
        <v>0</v>
      </c>
      <c r="DU35" s="320">
        <v>0</v>
      </c>
      <c r="DV35" s="318">
        <v>0</v>
      </c>
      <c r="DW35" s="319">
        <v>35594</v>
      </c>
      <c r="DX35" s="319">
        <v>0</v>
      </c>
      <c r="DY35" s="319">
        <v>196760</v>
      </c>
      <c r="DZ35" s="319">
        <v>66000</v>
      </c>
      <c r="EA35" s="319">
        <v>0</v>
      </c>
      <c r="EB35" s="320">
        <v>298354</v>
      </c>
      <c r="EC35" s="322">
        <v>298354</v>
      </c>
      <c r="ED35" s="318">
        <v>0</v>
      </c>
      <c r="EE35" s="323">
        <v>0</v>
      </c>
      <c r="EF35" s="320">
        <v>0</v>
      </c>
      <c r="EG35" s="318">
        <v>0</v>
      </c>
      <c r="EH35" s="319">
        <v>0</v>
      </c>
      <c r="EI35" s="319">
        <v>0</v>
      </c>
      <c r="EJ35" s="319">
        <v>335611</v>
      </c>
      <c r="EK35" s="319">
        <v>0</v>
      </c>
      <c r="EL35" s="319">
        <v>0</v>
      </c>
      <c r="EM35" s="323">
        <v>335611</v>
      </c>
      <c r="EN35" s="322">
        <v>335611</v>
      </c>
      <c r="EO35" s="318">
        <v>0</v>
      </c>
      <c r="EP35" s="319">
        <v>0</v>
      </c>
      <c r="EQ35" s="323">
        <v>0</v>
      </c>
      <c r="ER35" s="324">
        <v>0</v>
      </c>
      <c r="ES35" s="319">
        <v>0</v>
      </c>
      <c r="ET35" s="319">
        <v>0</v>
      </c>
      <c r="EU35" s="319">
        <v>0</v>
      </c>
      <c r="EV35" s="319">
        <v>0</v>
      </c>
      <c r="EW35" s="319">
        <v>0</v>
      </c>
      <c r="EX35" s="320">
        <v>0</v>
      </c>
      <c r="EY35" s="322">
        <v>0</v>
      </c>
      <c r="EZ35" s="318">
        <v>0</v>
      </c>
      <c r="FA35" s="319">
        <v>0</v>
      </c>
      <c r="FB35" s="323">
        <v>0</v>
      </c>
      <c r="FC35" s="325"/>
      <c r="FD35" s="319">
        <v>0</v>
      </c>
      <c r="FE35" s="319">
        <v>0</v>
      </c>
      <c r="FF35" s="319">
        <v>0</v>
      </c>
      <c r="FG35" s="319">
        <v>0</v>
      </c>
      <c r="FH35" s="319">
        <v>0</v>
      </c>
      <c r="FI35" s="320">
        <v>0</v>
      </c>
      <c r="FJ35" s="322">
        <v>0</v>
      </c>
      <c r="FK35" s="318">
        <v>7600</v>
      </c>
      <c r="FL35" s="319">
        <v>0</v>
      </c>
      <c r="FM35" s="320">
        <v>7600</v>
      </c>
      <c r="FN35" s="318">
        <v>0</v>
      </c>
      <c r="FO35" s="319">
        <v>2800</v>
      </c>
      <c r="FP35" s="319">
        <v>16384</v>
      </c>
      <c r="FQ35" s="319">
        <v>21920</v>
      </c>
      <c r="FR35" s="319">
        <v>44192</v>
      </c>
      <c r="FS35" s="319">
        <v>0</v>
      </c>
      <c r="FT35" s="320">
        <v>85296</v>
      </c>
      <c r="FU35" s="322">
        <v>92896</v>
      </c>
      <c r="FV35" s="326">
        <v>7600</v>
      </c>
      <c r="FW35" s="319">
        <v>0</v>
      </c>
      <c r="FX35" s="323">
        <v>7600</v>
      </c>
      <c r="FY35" s="324">
        <v>0</v>
      </c>
      <c r="FZ35" s="319">
        <v>2800</v>
      </c>
      <c r="GA35" s="319">
        <v>16384</v>
      </c>
      <c r="GB35" s="319">
        <v>21920</v>
      </c>
      <c r="GC35" s="319">
        <v>44192</v>
      </c>
      <c r="GD35" s="319">
        <v>0</v>
      </c>
      <c r="GE35" s="320">
        <v>85296</v>
      </c>
      <c r="GF35" s="327">
        <v>92896</v>
      </c>
      <c r="GG35" s="326">
        <v>0</v>
      </c>
      <c r="GH35" s="319">
        <v>0</v>
      </c>
      <c r="GI35" s="323">
        <v>0</v>
      </c>
      <c r="GJ35" s="324">
        <v>0</v>
      </c>
      <c r="GK35" s="319">
        <v>0</v>
      </c>
      <c r="GL35" s="319">
        <v>0</v>
      </c>
      <c r="GM35" s="319">
        <v>0</v>
      </c>
      <c r="GN35" s="319">
        <v>0</v>
      </c>
      <c r="GO35" s="319">
        <v>0</v>
      </c>
      <c r="GP35" s="320">
        <v>0</v>
      </c>
      <c r="GQ35" s="322">
        <v>0</v>
      </c>
      <c r="GR35" s="318">
        <v>0</v>
      </c>
      <c r="GS35" s="319">
        <v>0</v>
      </c>
      <c r="GT35" s="320">
        <v>0</v>
      </c>
      <c r="GU35" s="318">
        <v>0</v>
      </c>
      <c r="GV35" s="319">
        <v>0</v>
      </c>
      <c r="GW35" s="319">
        <v>0</v>
      </c>
      <c r="GX35" s="319">
        <v>0</v>
      </c>
      <c r="GY35" s="319">
        <v>0</v>
      </c>
      <c r="GZ35" s="319">
        <v>0</v>
      </c>
      <c r="HA35" s="323">
        <v>0</v>
      </c>
      <c r="HB35" s="322">
        <v>0</v>
      </c>
      <c r="HC35" s="318">
        <v>0</v>
      </c>
      <c r="HD35" s="319">
        <v>0</v>
      </c>
      <c r="HE35" s="323">
        <v>0</v>
      </c>
      <c r="HF35" s="324">
        <v>0</v>
      </c>
      <c r="HG35" s="319">
        <v>197475</v>
      </c>
      <c r="HH35" s="319">
        <v>319651</v>
      </c>
      <c r="HI35" s="319">
        <v>0</v>
      </c>
      <c r="HJ35" s="319">
        <v>0</v>
      </c>
      <c r="HK35" s="319">
        <v>0</v>
      </c>
      <c r="HL35" s="320">
        <v>517126</v>
      </c>
      <c r="HM35" s="321">
        <v>517126</v>
      </c>
      <c r="HN35" s="411"/>
      <c r="HO35" s="412"/>
      <c r="HP35" s="413"/>
      <c r="HQ35" s="414"/>
      <c r="HR35" s="412"/>
      <c r="HS35" s="412"/>
      <c r="HT35" s="412"/>
      <c r="HU35" s="412"/>
      <c r="HV35" s="412"/>
      <c r="HW35" s="415"/>
      <c r="HX35" s="416"/>
      <c r="HY35" s="328">
        <v>25674</v>
      </c>
      <c r="HZ35" s="329">
        <v>0</v>
      </c>
      <c r="IA35" s="330">
        <v>25674</v>
      </c>
      <c r="IB35" s="353">
        <v>0</v>
      </c>
      <c r="IC35" s="329">
        <v>0</v>
      </c>
      <c r="ID35" s="354">
        <v>306664</v>
      </c>
      <c r="IE35" s="330">
        <v>237048</v>
      </c>
      <c r="IF35" s="329">
        <v>0</v>
      </c>
      <c r="IG35" s="330">
        <v>0</v>
      </c>
      <c r="IH35" s="355">
        <v>543712</v>
      </c>
      <c r="II35" s="336">
        <v>569386</v>
      </c>
      <c r="IJ35" s="337">
        <v>0</v>
      </c>
      <c r="IK35" s="338">
        <v>0</v>
      </c>
      <c r="IL35" s="339">
        <v>0</v>
      </c>
      <c r="IM35" s="340"/>
      <c r="IN35" s="341">
        <v>0</v>
      </c>
      <c r="IO35" s="341">
        <v>0</v>
      </c>
      <c r="IP35" s="341">
        <v>0</v>
      </c>
      <c r="IQ35" s="341">
        <v>0</v>
      </c>
      <c r="IR35" s="341">
        <v>0</v>
      </c>
      <c r="IS35" s="342">
        <v>0</v>
      </c>
      <c r="IT35" s="343">
        <v>0</v>
      </c>
      <c r="IU35" s="344">
        <v>0</v>
      </c>
      <c r="IV35" s="341">
        <v>0</v>
      </c>
      <c r="IW35" s="345">
        <v>0</v>
      </c>
      <c r="IX35" s="340"/>
      <c r="IY35" s="341">
        <v>0</v>
      </c>
      <c r="IZ35" s="341">
        <v>0</v>
      </c>
      <c r="JA35" s="341">
        <v>0</v>
      </c>
      <c r="JB35" s="341">
        <v>0</v>
      </c>
      <c r="JC35" s="341">
        <v>0</v>
      </c>
      <c r="JD35" s="345">
        <v>0</v>
      </c>
      <c r="JE35" s="347">
        <v>0</v>
      </c>
      <c r="JF35" s="344">
        <v>0</v>
      </c>
      <c r="JG35" s="341">
        <v>0</v>
      </c>
      <c r="JH35" s="342">
        <v>0</v>
      </c>
      <c r="JI35" s="348">
        <v>0</v>
      </c>
      <c r="JJ35" s="341">
        <v>0</v>
      </c>
      <c r="JK35" s="341">
        <v>114664</v>
      </c>
      <c r="JL35" s="341">
        <v>0</v>
      </c>
      <c r="JM35" s="341">
        <v>0</v>
      </c>
      <c r="JN35" s="341">
        <v>0</v>
      </c>
      <c r="JO35" s="345">
        <v>114664</v>
      </c>
      <c r="JP35" s="343">
        <v>114664</v>
      </c>
      <c r="JQ35" s="344">
        <v>25674</v>
      </c>
      <c r="JR35" s="341">
        <v>0</v>
      </c>
      <c r="JS35" s="342">
        <v>25674</v>
      </c>
      <c r="JT35" s="348">
        <v>0</v>
      </c>
      <c r="JU35" s="341">
        <v>0</v>
      </c>
      <c r="JV35" s="341">
        <v>0</v>
      </c>
      <c r="JW35" s="341">
        <v>0</v>
      </c>
      <c r="JX35" s="341">
        <v>0</v>
      </c>
      <c r="JY35" s="341">
        <v>0</v>
      </c>
      <c r="JZ35" s="345">
        <v>0</v>
      </c>
      <c r="KA35" s="343">
        <v>25674</v>
      </c>
      <c r="KB35" s="349">
        <v>0</v>
      </c>
      <c r="KC35" s="350">
        <v>0</v>
      </c>
      <c r="KD35" s="345">
        <v>0</v>
      </c>
      <c r="KE35" s="348">
        <v>0</v>
      </c>
      <c r="KF35" s="341">
        <v>0</v>
      </c>
      <c r="KG35" s="341">
        <v>0</v>
      </c>
      <c r="KH35" s="341">
        <v>0</v>
      </c>
      <c r="KI35" s="341">
        <v>0</v>
      </c>
      <c r="KJ35" s="341">
        <v>0</v>
      </c>
      <c r="KK35" s="345">
        <v>0</v>
      </c>
      <c r="KL35" s="351">
        <v>0</v>
      </c>
      <c r="KM35" s="337">
        <v>0</v>
      </c>
      <c r="KN35" s="338">
        <v>0</v>
      </c>
      <c r="KO35" s="339">
        <v>0</v>
      </c>
      <c r="KP35" s="340"/>
      <c r="KQ35" s="341">
        <v>0</v>
      </c>
      <c r="KR35" s="341">
        <v>192000</v>
      </c>
      <c r="KS35" s="341">
        <v>237048</v>
      </c>
      <c r="KT35" s="341">
        <v>0</v>
      </c>
      <c r="KU35" s="341">
        <v>0</v>
      </c>
      <c r="KV35" s="345">
        <v>429048</v>
      </c>
      <c r="KW35" s="343">
        <v>429048</v>
      </c>
      <c r="KX35" s="344">
        <v>0</v>
      </c>
      <c r="KY35" s="341">
        <v>0</v>
      </c>
      <c r="KZ35" s="345">
        <v>0</v>
      </c>
      <c r="LA35" s="340"/>
      <c r="LB35" s="341">
        <v>0</v>
      </c>
      <c r="LC35" s="341">
        <v>0</v>
      </c>
      <c r="LD35" s="341">
        <v>0</v>
      </c>
      <c r="LE35" s="341">
        <v>0</v>
      </c>
      <c r="LF35" s="341">
        <v>0</v>
      </c>
      <c r="LG35" s="345">
        <v>0</v>
      </c>
      <c r="LH35" s="347">
        <v>0</v>
      </c>
      <c r="LI35" s="344">
        <v>0</v>
      </c>
      <c r="LJ35" s="341">
        <v>0</v>
      </c>
      <c r="LK35" s="345">
        <v>0</v>
      </c>
      <c r="LL35" s="340"/>
      <c r="LM35" s="341">
        <v>0</v>
      </c>
      <c r="LN35" s="341">
        <v>0</v>
      </c>
      <c r="LO35" s="341">
        <v>0</v>
      </c>
      <c r="LP35" s="341">
        <v>0</v>
      </c>
      <c r="LQ35" s="341">
        <v>0</v>
      </c>
      <c r="LR35" s="345">
        <v>0</v>
      </c>
      <c r="LS35" s="343">
        <v>0</v>
      </c>
      <c r="LT35" s="344">
        <v>0</v>
      </c>
      <c r="LU35" s="341">
        <v>0</v>
      </c>
      <c r="LV35" s="345">
        <v>0</v>
      </c>
      <c r="LW35" s="340"/>
      <c r="LX35" s="341">
        <v>0</v>
      </c>
      <c r="LY35" s="341">
        <v>0</v>
      </c>
      <c r="LZ35" s="341">
        <v>0</v>
      </c>
      <c r="MA35" s="341">
        <v>0</v>
      </c>
      <c r="MB35" s="341">
        <v>0</v>
      </c>
      <c r="MC35" s="345">
        <v>0</v>
      </c>
      <c r="MD35" s="347">
        <v>0</v>
      </c>
      <c r="ME35" s="344">
        <v>0</v>
      </c>
      <c r="MF35" s="341">
        <v>0</v>
      </c>
      <c r="MG35" s="345">
        <v>0</v>
      </c>
      <c r="MH35" s="340"/>
      <c r="MI35" s="341">
        <v>197512</v>
      </c>
      <c r="MJ35" s="341">
        <v>0</v>
      </c>
      <c r="MK35" s="341">
        <v>353693</v>
      </c>
      <c r="ML35" s="341">
        <v>1241606</v>
      </c>
      <c r="MM35" s="341">
        <v>389280</v>
      </c>
      <c r="MN35" s="345">
        <v>2182091</v>
      </c>
      <c r="MO35" s="351">
        <v>2182091</v>
      </c>
      <c r="MP35" s="344">
        <v>0</v>
      </c>
      <c r="MQ35" s="341">
        <v>0</v>
      </c>
      <c r="MR35" s="345">
        <v>0</v>
      </c>
      <c r="MS35" s="340"/>
      <c r="MT35" s="341">
        <v>0</v>
      </c>
      <c r="MU35" s="341">
        <v>0</v>
      </c>
      <c r="MV35" s="341">
        <v>0</v>
      </c>
      <c r="MW35" s="341">
        <v>694504</v>
      </c>
      <c r="MX35" s="341">
        <v>0</v>
      </c>
      <c r="MY35" s="345">
        <v>694504</v>
      </c>
      <c r="MZ35" s="351">
        <v>694504</v>
      </c>
      <c r="NA35" s="344">
        <v>0</v>
      </c>
      <c r="NB35" s="341">
        <v>0</v>
      </c>
      <c r="NC35" s="345">
        <v>0</v>
      </c>
      <c r="ND35" s="340"/>
      <c r="NE35" s="341">
        <v>197512</v>
      </c>
      <c r="NF35" s="341">
        <v>0</v>
      </c>
      <c r="NG35" s="341">
        <v>353693</v>
      </c>
      <c r="NH35" s="341">
        <v>547102</v>
      </c>
      <c r="NI35" s="341">
        <v>0</v>
      </c>
      <c r="NJ35" s="345">
        <v>1098307</v>
      </c>
      <c r="NK35" s="343">
        <v>1098307</v>
      </c>
      <c r="NL35" s="344">
        <v>0</v>
      </c>
      <c r="NM35" s="341">
        <v>0</v>
      </c>
      <c r="NN35" s="345">
        <v>0</v>
      </c>
      <c r="NO35" s="340"/>
      <c r="NP35" s="341">
        <v>0</v>
      </c>
      <c r="NQ35" s="341">
        <v>0</v>
      </c>
      <c r="NR35" s="341">
        <v>0</v>
      </c>
      <c r="NS35" s="341">
        <v>0</v>
      </c>
      <c r="NT35" s="341">
        <v>0</v>
      </c>
      <c r="NU35" s="345">
        <v>0</v>
      </c>
      <c r="NV35" s="347">
        <v>0</v>
      </c>
      <c r="NW35" s="344">
        <v>0</v>
      </c>
      <c r="NX35" s="341">
        <v>0</v>
      </c>
      <c r="NY35" s="345">
        <v>0</v>
      </c>
      <c r="NZ35" s="340"/>
      <c r="OA35" s="341">
        <v>0</v>
      </c>
      <c r="OB35" s="341">
        <v>0</v>
      </c>
      <c r="OC35" s="341">
        <v>0</v>
      </c>
      <c r="OD35" s="341">
        <v>0</v>
      </c>
      <c r="OE35" s="341">
        <v>389280</v>
      </c>
      <c r="OF35" s="345">
        <v>389280</v>
      </c>
      <c r="OG35" s="347">
        <v>389280</v>
      </c>
      <c r="OH35" s="344">
        <v>33274</v>
      </c>
      <c r="OI35" s="341">
        <v>0</v>
      </c>
      <c r="OJ35" s="342">
        <v>33274</v>
      </c>
      <c r="OK35" s="348">
        <v>0</v>
      </c>
      <c r="OL35" s="341">
        <v>521445</v>
      </c>
      <c r="OM35" s="341">
        <v>716140</v>
      </c>
      <c r="ON35" s="341">
        <v>1175392</v>
      </c>
      <c r="OO35" s="341">
        <v>1727974</v>
      </c>
      <c r="OP35" s="341">
        <v>389280</v>
      </c>
      <c r="OQ35" s="345">
        <v>4530231</v>
      </c>
      <c r="OR35" s="351">
        <v>4563505</v>
      </c>
    </row>
    <row r="36" spans="1:408" ht="20.25" customHeight="1" x14ac:dyDescent="0.2">
      <c r="A36" s="111" t="s">
        <v>31</v>
      </c>
      <c r="B36" s="318">
        <v>7824</v>
      </c>
      <c r="C36" s="319">
        <v>3600</v>
      </c>
      <c r="D36" s="320">
        <v>11424</v>
      </c>
      <c r="E36" s="321">
        <v>0</v>
      </c>
      <c r="F36" s="319">
        <v>328401</v>
      </c>
      <c r="G36" s="319">
        <v>744550</v>
      </c>
      <c r="H36" s="319">
        <v>361415</v>
      </c>
      <c r="I36" s="319">
        <v>5456</v>
      </c>
      <c r="J36" s="319">
        <v>0</v>
      </c>
      <c r="K36" s="358">
        <v>1439822</v>
      </c>
      <c r="L36" s="322">
        <v>1451246</v>
      </c>
      <c r="M36" s="318">
        <v>0</v>
      </c>
      <c r="N36" s="319">
        <v>0</v>
      </c>
      <c r="O36" s="320">
        <v>0</v>
      </c>
      <c r="P36" s="318">
        <v>0</v>
      </c>
      <c r="Q36" s="319">
        <v>73824</v>
      </c>
      <c r="R36" s="319">
        <v>43264</v>
      </c>
      <c r="S36" s="319">
        <v>139416</v>
      </c>
      <c r="T36" s="319">
        <v>5456</v>
      </c>
      <c r="U36" s="319">
        <v>0</v>
      </c>
      <c r="V36" s="320">
        <v>261960</v>
      </c>
      <c r="W36" s="322">
        <v>261960</v>
      </c>
      <c r="X36" s="318">
        <v>0</v>
      </c>
      <c r="Y36" s="319">
        <v>0</v>
      </c>
      <c r="Z36" s="320">
        <v>0</v>
      </c>
      <c r="AA36" s="318">
        <v>0</v>
      </c>
      <c r="AB36" s="319">
        <v>38368</v>
      </c>
      <c r="AC36" s="319">
        <v>0</v>
      </c>
      <c r="AD36" s="319">
        <v>0</v>
      </c>
      <c r="AE36" s="319">
        <v>0</v>
      </c>
      <c r="AF36" s="319">
        <v>0</v>
      </c>
      <c r="AG36" s="320">
        <v>38368</v>
      </c>
      <c r="AH36" s="322">
        <v>38368</v>
      </c>
      <c r="AI36" s="318">
        <v>0</v>
      </c>
      <c r="AJ36" s="319">
        <v>0</v>
      </c>
      <c r="AK36" s="320">
        <v>0</v>
      </c>
      <c r="AL36" s="318">
        <v>0</v>
      </c>
      <c r="AM36" s="319">
        <v>0</v>
      </c>
      <c r="AN36" s="319">
        <v>43264</v>
      </c>
      <c r="AO36" s="319">
        <v>97344</v>
      </c>
      <c r="AP36" s="319">
        <v>0</v>
      </c>
      <c r="AQ36" s="319">
        <v>0</v>
      </c>
      <c r="AR36" s="320">
        <v>140608</v>
      </c>
      <c r="AS36" s="322">
        <v>140608</v>
      </c>
      <c r="AT36" s="318">
        <v>0</v>
      </c>
      <c r="AU36" s="319">
        <v>0</v>
      </c>
      <c r="AV36" s="320">
        <v>0</v>
      </c>
      <c r="AW36" s="318">
        <v>0</v>
      </c>
      <c r="AX36" s="319">
        <v>35456</v>
      </c>
      <c r="AY36" s="319">
        <v>0</v>
      </c>
      <c r="AZ36" s="319">
        <v>42072</v>
      </c>
      <c r="BA36" s="319">
        <v>0</v>
      </c>
      <c r="BB36" s="319">
        <v>0</v>
      </c>
      <c r="BC36" s="320">
        <v>77528</v>
      </c>
      <c r="BD36" s="322">
        <v>77528</v>
      </c>
      <c r="BE36" s="318">
        <v>0</v>
      </c>
      <c r="BF36" s="319">
        <v>0</v>
      </c>
      <c r="BG36" s="323">
        <v>0</v>
      </c>
      <c r="BH36" s="324">
        <v>0</v>
      </c>
      <c r="BI36" s="319">
        <v>0</v>
      </c>
      <c r="BJ36" s="319">
        <v>0</v>
      </c>
      <c r="BK36" s="319">
        <v>0</v>
      </c>
      <c r="BL36" s="319">
        <v>0</v>
      </c>
      <c r="BM36" s="319">
        <v>0</v>
      </c>
      <c r="BN36" s="320">
        <v>0</v>
      </c>
      <c r="BO36" s="322">
        <v>0</v>
      </c>
      <c r="BP36" s="318">
        <v>0</v>
      </c>
      <c r="BQ36" s="319">
        <v>0</v>
      </c>
      <c r="BR36" s="320">
        <v>0</v>
      </c>
      <c r="BS36" s="318">
        <v>0</v>
      </c>
      <c r="BT36" s="319">
        <v>0</v>
      </c>
      <c r="BU36" s="319">
        <v>0</v>
      </c>
      <c r="BV36" s="319">
        <v>0</v>
      </c>
      <c r="BW36" s="319">
        <v>5456</v>
      </c>
      <c r="BX36" s="319">
        <v>0</v>
      </c>
      <c r="BY36" s="320">
        <v>5456</v>
      </c>
      <c r="BZ36" s="322">
        <v>5456</v>
      </c>
      <c r="CA36" s="318">
        <v>0</v>
      </c>
      <c r="CB36" s="319">
        <v>0</v>
      </c>
      <c r="CC36" s="320">
        <v>0</v>
      </c>
      <c r="CD36" s="318">
        <v>0</v>
      </c>
      <c r="CE36" s="319">
        <v>208593</v>
      </c>
      <c r="CF36" s="319">
        <v>356950</v>
      </c>
      <c r="CG36" s="319">
        <v>145363</v>
      </c>
      <c r="CH36" s="319">
        <v>0</v>
      </c>
      <c r="CI36" s="319">
        <v>0</v>
      </c>
      <c r="CJ36" s="320">
        <v>710906</v>
      </c>
      <c r="CK36" s="322">
        <v>710906</v>
      </c>
      <c r="CL36" s="318">
        <v>0</v>
      </c>
      <c r="CM36" s="319">
        <v>0</v>
      </c>
      <c r="CN36" s="320">
        <v>0</v>
      </c>
      <c r="CO36" s="324">
        <v>0</v>
      </c>
      <c r="CP36" s="319">
        <v>208593</v>
      </c>
      <c r="CQ36" s="319">
        <v>317304</v>
      </c>
      <c r="CR36" s="319">
        <v>35027</v>
      </c>
      <c r="CS36" s="319">
        <v>0</v>
      </c>
      <c r="CT36" s="319">
        <v>0</v>
      </c>
      <c r="CU36" s="320">
        <v>560924</v>
      </c>
      <c r="CV36" s="322">
        <v>560924</v>
      </c>
      <c r="CW36" s="318">
        <v>0</v>
      </c>
      <c r="CX36" s="319">
        <v>0</v>
      </c>
      <c r="CY36" s="320">
        <v>0</v>
      </c>
      <c r="CZ36" s="318">
        <v>0</v>
      </c>
      <c r="DA36" s="319">
        <v>0</v>
      </c>
      <c r="DB36" s="319">
        <v>39646</v>
      </c>
      <c r="DC36" s="319">
        <v>110336</v>
      </c>
      <c r="DD36" s="319">
        <v>0</v>
      </c>
      <c r="DE36" s="319">
        <v>0</v>
      </c>
      <c r="DF36" s="320">
        <v>149982</v>
      </c>
      <c r="DG36" s="322">
        <v>149982</v>
      </c>
      <c r="DH36" s="318">
        <v>0</v>
      </c>
      <c r="DI36" s="319">
        <v>0</v>
      </c>
      <c r="DJ36" s="323">
        <v>0</v>
      </c>
      <c r="DK36" s="324">
        <v>0</v>
      </c>
      <c r="DL36" s="319">
        <v>39744</v>
      </c>
      <c r="DM36" s="319">
        <v>74696</v>
      </c>
      <c r="DN36" s="319">
        <v>32636</v>
      </c>
      <c r="DO36" s="319">
        <v>0</v>
      </c>
      <c r="DP36" s="319">
        <v>0</v>
      </c>
      <c r="DQ36" s="320">
        <v>147076</v>
      </c>
      <c r="DR36" s="322">
        <v>147076</v>
      </c>
      <c r="DS36" s="318">
        <v>0</v>
      </c>
      <c r="DT36" s="319">
        <v>0</v>
      </c>
      <c r="DU36" s="320">
        <v>0</v>
      </c>
      <c r="DV36" s="318">
        <v>0</v>
      </c>
      <c r="DW36" s="319">
        <v>39744</v>
      </c>
      <c r="DX36" s="319">
        <v>74696</v>
      </c>
      <c r="DY36" s="319">
        <v>32636</v>
      </c>
      <c r="DZ36" s="319">
        <v>0</v>
      </c>
      <c r="EA36" s="319">
        <v>0</v>
      </c>
      <c r="EB36" s="320">
        <v>147076</v>
      </c>
      <c r="EC36" s="322">
        <v>147076</v>
      </c>
      <c r="ED36" s="318">
        <v>0</v>
      </c>
      <c r="EE36" s="323">
        <v>0</v>
      </c>
      <c r="EF36" s="320">
        <v>0</v>
      </c>
      <c r="EG36" s="318">
        <v>0</v>
      </c>
      <c r="EH36" s="319">
        <v>0</v>
      </c>
      <c r="EI36" s="319">
        <v>0</v>
      </c>
      <c r="EJ36" s="319">
        <v>0</v>
      </c>
      <c r="EK36" s="319">
        <v>0</v>
      </c>
      <c r="EL36" s="319">
        <v>0</v>
      </c>
      <c r="EM36" s="323">
        <v>0</v>
      </c>
      <c r="EN36" s="322">
        <v>0</v>
      </c>
      <c r="EO36" s="318">
        <v>0</v>
      </c>
      <c r="EP36" s="319">
        <v>0</v>
      </c>
      <c r="EQ36" s="323">
        <v>0</v>
      </c>
      <c r="ER36" s="324">
        <v>0</v>
      </c>
      <c r="ES36" s="319">
        <v>0</v>
      </c>
      <c r="ET36" s="319">
        <v>0</v>
      </c>
      <c r="EU36" s="319">
        <v>0</v>
      </c>
      <c r="EV36" s="319">
        <v>0</v>
      </c>
      <c r="EW36" s="319">
        <v>0</v>
      </c>
      <c r="EX36" s="320">
        <v>0</v>
      </c>
      <c r="EY36" s="322">
        <v>0</v>
      </c>
      <c r="EZ36" s="318">
        <v>0</v>
      </c>
      <c r="FA36" s="319">
        <v>0</v>
      </c>
      <c r="FB36" s="323">
        <v>0</v>
      </c>
      <c r="FC36" s="325"/>
      <c r="FD36" s="319">
        <v>0</v>
      </c>
      <c r="FE36" s="319">
        <v>0</v>
      </c>
      <c r="FF36" s="319">
        <v>0</v>
      </c>
      <c r="FG36" s="319">
        <v>0</v>
      </c>
      <c r="FH36" s="319">
        <v>0</v>
      </c>
      <c r="FI36" s="320">
        <v>0</v>
      </c>
      <c r="FJ36" s="322">
        <v>0</v>
      </c>
      <c r="FK36" s="318">
        <v>7824</v>
      </c>
      <c r="FL36" s="319">
        <v>3600</v>
      </c>
      <c r="FM36" s="320">
        <v>11424</v>
      </c>
      <c r="FN36" s="318">
        <v>0</v>
      </c>
      <c r="FO36" s="319">
        <v>6240</v>
      </c>
      <c r="FP36" s="319">
        <v>106152</v>
      </c>
      <c r="FQ36" s="319">
        <v>44000</v>
      </c>
      <c r="FR36" s="319">
        <v>0</v>
      </c>
      <c r="FS36" s="319">
        <v>0</v>
      </c>
      <c r="FT36" s="320">
        <v>156392</v>
      </c>
      <c r="FU36" s="322">
        <v>167816</v>
      </c>
      <c r="FV36" s="326">
        <v>7824</v>
      </c>
      <c r="FW36" s="319">
        <v>3600</v>
      </c>
      <c r="FX36" s="323">
        <v>11424</v>
      </c>
      <c r="FY36" s="324">
        <v>0</v>
      </c>
      <c r="FZ36" s="319">
        <v>6240</v>
      </c>
      <c r="GA36" s="319">
        <v>72552</v>
      </c>
      <c r="GB36" s="319">
        <v>44000</v>
      </c>
      <c r="GC36" s="319">
        <v>0</v>
      </c>
      <c r="GD36" s="319">
        <v>0</v>
      </c>
      <c r="GE36" s="320">
        <v>122792</v>
      </c>
      <c r="GF36" s="327">
        <v>134216</v>
      </c>
      <c r="GG36" s="326">
        <v>0</v>
      </c>
      <c r="GH36" s="319">
        <v>0</v>
      </c>
      <c r="GI36" s="323">
        <v>0</v>
      </c>
      <c r="GJ36" s="324">
        <v>0</v>
      </c>
      <c r="GK36" s="319">
        <v>0</v>
      </c>
      <c r="GL36" s="319">
        <v>0</v>
      </c>
      <c r="GM36" s="319">
        <v>0</v>
      </c>
      <c r="GN36" s="319">
        <v>0</v>
      </c>
      <c r="GO36" s="319">
        <v>0</v>
      </c>
      <c r="GP36" s="320">
        <v>0</v>
      </c>
      <c r="GQ36" s="322">
        <v>0</v>
      </c>
      <c r="GR36" s="318">
        <v>0</v>
      </c>
      <c r="GS36" s="319">
        <v>0</v>
      </c>
      <c r="GT36" s="320">
        <v>0</v>
      </c>
      <c r="GU36" s="318">
        <v>0</v>
      </c>
      <c r="GV36" s="319">
        <v>0</v>
      </c>
      <c r="GW36" s="319">
        <v>33600</v>
      </c>
      <c r="GX36" s="319">
        <v>0</v>
      </c>
      <c r="GY36" s="319">
        <v>0</v>
      </c>
      <c r="GZ36" s="319">
        <v>0</v>
      </c>
      <c r="HA36" s="323">
        <v>33600</v>
      </c>
      <c r="HB36" s="322">
        <v>33600</v>
      </c>
      <c r="HC36" s="318">
        <v>0</v>
      </c>
      <c r="HD36" s="319">
        <v>0</v>
      </c>
      <c r="HE36" s="323">
        <v>0</v>
      </c>
      <c r="HF36" s="324">
        <v>0</v>
      </c>
      <c r="HG36" s="319">
        <v>0</v>
      </c>
      <c r="HH36" s="319">
        <v>163488</v>
      </c>
      <c r="HI36" s="319">
        <v>0</v>
      </c>
      <c r="HJ36" s="319">
        <v>0</v>
      </c>
      <c r="HK36" s="319">
        <v>0</v>
      </c>
      <c r="HL36" s="320">
        <v>163488</v>
      </c>
      <c r="HM36" s="321">
        <v>163488</v>
      </c>
      <c r="HN36" s="411"/>
      <c r="HO36" s="412"/>
      <c r="HP36" s="413"/>
      <c r="HQ36" s="414"/>
      <c r="HR36" s="412"/>
      <c r="HS36" s="412"/>
      <c r="HT36" s="412"/>
      <c r="HU36" s="412"/>
      <c r="HV36" s="412"/>
      <c r="HW36" s="415"/>
      <c r="HX36" s="416"/>
      <c r="HY36" s="357">
        <v>0</v>
      </c>
      <c r="HZ36" s="332">
        <v>0</v>
      </c>
      <c r="IA36" s="357">
        <v>0</v>
      </c>
      <c r="IB36" s="331">
        <v>0</v>
      </c>
      <c r="IC36" s="332">
        <v>16183</v>
      </c>
      <c r="ID36" s="333">
        <v>690546</v>
      </c>
      <c r="IE36" s="334">
        <v>133672</v>
      </c>
      <c r="IF36" s="332">
        <v>239352</v>
      </c>
      <c r="IG36" s="334">
        <v>0</v>
      </c>
      <c r="IH36" s="335">
        <v>1079753</v>
      </c>
      <c r="II36" s="357">
        <v>1079753</v>
      </c>
      <c r="IJ36" s="337">
        <v>0</v>
      </c>
      <c r="IK36" s="338">
        <v>0</v>
      </c>
      <c r="IL36" s="339">
        <v>0</v>
      </c>
      <c r="IM36" s="340"/>
      <c r="IN36" s="341">
        <v>0</v>
      </c>
      <c r="IO36" s="341">
        <v>0</v>
      </c>
      <c r="IP36" s="341">
        <v>0</v>
      </c>
      <c r="IQ36" s="341">
        <v>0</v>
      </c>
      <c r="IR36" s="341">
        <v>0</v>
      </c>
      <c r="IS36" s="342">
        <v>0</v>
      </c>
      <c r="IT36" s="343">
        <v>0</v>
      </c>
      <c r="IU36" s="344">
        <v>0</v>
      </c>
      <c r="IV36" s="341">
        <v>0</v>
      </c>
      <c r="IW36" s="345">
        <v>0</v>
      </c>
      <c r="IX36" s="340"/>
      <c r="IY36" s="341">
        <v>0</v>
      </c>
      <c r="IZ36" s="341">
        <v>0</v>
      </c>
      <c r="JA36" s="341">
        <v>0</v>
      </c>
      <c r="JB36" s="341">
        <v>0</v>
      </c>
      <c r="JC36" s="341">
        <v>0</v>
      </c>
      <c r="JD36" s="345">
        <v>0</v>
      </c>
      <c r="JE36" s="347">
        <v>0</v>
      </c>
      <c r="JF36" s="344">
        <v>0</v>
      </c>
      <c r="JG36" s="341">
        <v>0</v>
      </c>
      <c r="JH36" s="342">
        <v>0</v>
      </c>
      <c r="JI36" s="348">
        <v>0</v>
      </c>
      <c r="JJ36" s="341">
        <v>16183</v>
      </c>
      <c r="JK36" s="341">
        <v>13708</v>
      </c>
      <c r="JL36" s="341">
        <v>0</v>
      </c>
      <c r="JM36" s="341">
        <v>0</v>
      </c>
      <c r="JN36" s="341">
        <v>0</v>
      </c>
      <c r="JO36" s="345">
        <v>29891</v>
      </c>
      <c r="JP36" s="343">
        <v>29891</v>
      </c>
      <c r="JQ36" s="344">
        <v>0</v>
      </c>
      <c r="JR36" s="341">
        <v>0</v>
      </c>
      <c r="JS36" s="342">
        <v>0</v>
      </c>
      <c r="JT36" s="348">
        <v>0</v>
      </c>
      <c r="JU36" s="341">
        <v>0</v>
      </c>
      <c r="JV36" s="341">
        <v>0</v>
      </c>
      <c r="JW36" s="341">
        <v>133672</v>
      </c>
      <c r="JX36" s="341">
        <v>0</v>
      </c>
      <c r="JY36" s="341">
        <v>0</v>
      </c>
      <c r="JZ36" s="345">
        <v>133672</v>
      </c>
      <c r="KA36" s="343">
        <v>133672</v>
      </c>
      <c r="KB36" s="349">
        <v>0</v>
      </c>
      <c r="KC36" s="350">
        <v>0</v>
      </c>
      <c r="KD36" s="345">
        <v>0</v>
      </c>
      <c r="KE36" s="348">
        <v>0</v>
      </c>
      <c r="KF36" s="341">
        <v>0</v>
      </c>
      <c r="KG36" s="341">
        <v>179008</v>
      </c>
      <c r="KH36" s="341">
        <v>0</v>
      </c>
      <c r="KI36" s="341">
        <v>0</v>
      </c>
      <c r="KJ36" s="341">
        <v>0</v>
      </c>
      <c r="KK36" s="345">
        <v>179008</v>
      </c>
      <c r="KL36" s="351">
        <v>179008</v>
      </c>
      <c r="KM36" s="337">
        <v>0</v>
      </c>
      <c r="KN36" s="338">
        <v>0</v>
      </c>
      <c r="KO36" s="339">
        <v>0</v>
      </c>
      <c r="KP36" s="340"/>
      <c r="KQ36" s="341">
        <v>0</v>
      </c>
      <c r="KR36" s="341">
        <v>497830</v>
      </c>
      <c r="KS36" s="341">
        <v>0</v>
      </c>
      <c r="KT36" s="341">
        <v>239352</v>
      </c>
      <c r="KU36" s="341">
        <v>0</v>
      </c>
      <c r="KV36" s="345">
        <v>737182</v>
      </c>
      <c r="KW36" s="343">
        <v>737182</v>
      </c>
      <c r="KX36" s="344">
        <v>0</v>
      </c>
      <c r="KY36" s="341">
        <v>0</v>
      </c>
      <c r="KZ36" s="345">
        <v>0</v>
      </c>
      <c r="LA36" s="340"/>
      <c r="LB36" s="341">
        <v>0</v>
      </c>
      <c r="LC36" s="341">
        <v>0</v>
      </c>
      <c r="LD36" s="341">
        <v>0</v>
      </c>
      <c r="LE36" s="341">
        <v>0</v>
      </c>
      <c r="LF36" s="341">
        <v>0</v>
      </c>
      <c r="LG36" s="345">
        <v>0</v>
      </c>
      <c r="LH36" s="347">
        <v>0</v>
      </c>
      <c r="LI36" s="344">
        <v>0</v>
      </c>
      <c r="LJ36" s="341">
        <v>0</v>
      </c>
      <c r="LK36" s="345">
        <v>0</v>
      </c>
      <c r="LL36" s="340"/>
      <c r="LM36" s="341">
        <v>0</v>
      </c>
      <c r="LN36" s="341">
        <v>0</v>
      </c>
      <c r="LO36" s="341">
        <v>0</v>
      </c>
      <c r="LP36" s="341">
        <v>0</v>
      </c>
      <c r="LQ36" s="341">
        <v>0</v>
      </c>
      <c r="LR36" s="345">
        <v>0</v>
      </c>
      <c r="LS36" s="343">
        <v>0</v>
      </c>
      <c r="LT36" s="344">
        <v>0</v>
      </c>
      <c r="LU36" s="341">
        <v>0</v>
      </c>
      <c r="LV36" s="345">
        <v>0</v>
      </c>
      <c r="LW36" s="340"/>
      <c r="LX36" s="341">
        <v>0</v>
      </c>
      <c r="LY36" s="341">
        <v>0</v>
      </c>
      <c r="LZ36" s="341">
        <v>0</v>
      </c>
      <c r="MA36" s="341">
        <v>0</v>
      </c>
      <c r="MB36" s="341">
        <v>0</v>
      </c>
      <c r="MC36" s="345">
        <v>0</v>
      </c>
      <c r="MD36" s="347">
        <v>0</v>
      </c>
      <c r="ME36" s="344">
        <v>0</v>
      </c>
      <c r="MF36" s="341">
        <v>0</v>
      </c>
      <c r="MG36" s="345">
        <v>0</v>
      </c>
      <c r="MH36" s="340"/>
      <c r="MI36" s="341">
        <v>0</v>
      </c>
      <c r="MJ36" s="341">
        <v>467113</v>
      </c>
      <c r="MK36" s="341">
        <v>243587</v>
      </c>
      <c r="ML36" s="341">
        <v>368734</v>
      </c>
      <c r="MM36" s="341">
        <v>0</v>
      </c>
      <c r="MN36" s="345">
        <v>1079434</v>
      </c>
      <c r="MO36" s="351">
        <v>1079434</v>
      </c>
      <c r="MP36" s="344">
        <v>0</v>
      </c>
      <c r="MQ36" s="341">
        <v>0</v>
      </c>
      <c r="MR36" s="345">
        <v>0</v>
      </c>
      <c r="MS36" s="340"/>
      <c r="MT36" s="341">
        <v>0</v>
      </c>
      <c r="MU36" s="341">
        <v>0</v>
      </c>
      <c r="MV36" s="341">
        <v>243587</v>
      </c>
      <c r="MW36" s="341">
        <v>0</v>
      </c>
      <c r="MX36" s="341">
        <v>0</v>
      </c>
      <c r="MY36" s="345">
        <v>243587</v>
      </c>
      <c r="MZ36" s="351">
        <v>243587</v>
      </c>
      <c r="NA36" s="344">
        <v>0</v>
      </c>
      <c r="NB36" s="341">
        <v>0</v>
      </c>
      <c r="NC36" s="345">
        <v>0</v>
      </c>
      <c r="ND36" s="340"/>
      <c r="NE36" s="341">
        <v>0</v>
      </c>
      <c r="NF36" s="341">
        <v>467113</v>
      </c>
      <c r="NG36" s="341">
        <v>0</v>
      </c>
      <c r="NH36" s="341">
        <v>368734</v>
      </c>
      <c r="NI36" s="341">
        <v>0</v>
      </c>
      <c r="NJ36" s="345">
        <v>835847</v>
      </c>
      <c r="NK36" s="343">
        <v>835847</v>
      </c>
      <c r="NL36" s="344">
        <v>0</v>
      </c>
      <c r="NM36" s="341">
        <v>0</v>
      </c>
      <c r="NN36" s="345">
        <v>0</v>
      </c>
      <c r="NO36" s="340"/>
      <c r="NP36" s="341">
        <v>0</v>
      </c>
      <c r="NQ36" s="341">
        <v>0</v>
      </c>
      <c r="NR36" s="341">
        <v>0</v>
      </c>
      <c r="NS36" s="341">
        <v>0</v>
      </c>
      <c r="NT36" s="341">
        <v>0</v>
      </c>
      <c r="NU36" s="345">
        <v>0</v>
      </c>
      <c r="NV36" s="347">
        <v>0</v>
      </c>
      <c r="NW36" s="344">
        <v>0</v>
      </c>
      <c r="NX36" s="341">
        <v>0</v>
      </c>
      <c r="NY36" s="345">
        <v>0</v>
      </c>
      <c r="NZ36" s="340"/>
      <c r="OA36" s="341">
        <v>0</v>
      </c>
      <c r="OB36" s="341">
        <v>0</v>
      </c>
      <c r="OC36" s="341">
        <v>0</v>
      </c>
      <c r="OD36" s="341">
        <v>0</v>
      </c>
      <c r="OE36" s="341">
        <v>0</v>
      </c>
      <c r="OF36" s="345">
        <v>0</v>
      </c>
      <c r="OG36" s="347">
        <v>0</v>
      </c>
      <c r="OH36" s="344">
        <v>7824</v>
      </c>
      <c r="OI36" s="341">
        <v>3600</v>
      </c>
      <c r="OJ36" s="342">
        <v>11424</v>
      </c>
      <c r="OK36" s="348">
        <v>0</v>
      </c>
      <c r="OL36" s="341">
        <v>344584</v>
      </c>
      <c r="OM36" s="341">
        <v>1902209</v>
      </c>
      <c r="ON36" s="341">
        <v>738674</v>
      </c>
      <c r="OO36" s="341">
        <v>613542</v>
      </c>
      <c r="OP36" s="341">
        <v>0</v>
      </c>
      <c r="OQ36" s="345">
        <v>3599009</v>
      </c>
      <c r="OR36" s="351">
        <v>3610433</v>
      </c>
    </row>
    <row r="37" spans="1:408" ht="20.25" customHeight="1" x14ac:dyDescent="0.2">
      <c r="A37" s="111" t="s">
        <v>32</v>
      </c>
      <c r="B37" s="318">
        <v>0</v>
      </c>
      <c r="C37" s="319">
        <v>24560</v>
      </c>
      <c r="D37" s="359">
        <v>24560</v>
      </c>
      <c r="E37" s="360">
        <v>0</v>
      </c>
      <c r="F37" s="361">
        <v>393072</v>
      </c>
      <c r="G37" s="361">
        <v>540310</v>
      </c>
      <c r="H37" s="361">
        <v>137169</v>
      </c>
      <c r="I37" s="361">
        <v>825064</v>
      </c>
      <c r="J37" s="361">
        <v>206400</v>
      </c>
      <c r="K37" s="362">
        <v>2102015</v>
      </c>
      <c r="L37" s="322">
        <v>2126575</v>
      </c>
      <c r="M37" s="318">
        <v>0</v>
      </c>
      <c r="N37" s="319">
        <v>17360</v>
      </c>
      <c r="O37" s="320">
        <v>17360</v>
      </c>
      <c r="P37" s="318">
        <v>0</v>
      </c>
      <c r="Q37" s="319">
        <v>89240</v>
      </c>
      <c r="R37" s="319">
        <v>222699</v>
      </c>
      <c r="S37" s="319">
        <v>114385</v>
      </c>
      <c r="T37" s="319">
        <v>392552</v>
      </c>
      <c r="U37" s="319">
        <v>61920</v>
      </c>
      <c r="V37" s="320">
        <v>880796</v>
      </c>
      <c r="W37" s="322">
        <v>898156</v>
      </c>
      <c r="X37" s="318">
        <v>0</v>
      </c>
      <c r="Y37" s="319">
        <v>0</v>
      </c>
      <c r="Z37" s="320">
        <v>0</v>
      </c>
      <c r="AA37" s="318">
        <v>0</v>
      </c>
      <c r="AB37" s="319">
        <v>9920</v>
      </c>
      <c r="AC37" s="319">
        <v>122963</v>
      </c>
      <c r="AD37" s="319">
        <v>46900</v>
      </c>
      <c r="AE37" s="319">
        <v>317624</v>
      </c>
      <c r="AF37" s="319">
        <v>0</v>
      </c>
      <c r="AG37" s="320">
        <v>497407</v>
      </c>
      <c r="AH37" s="322">
        <v>497407</v>
      </c>
      <c r="AI37" s="318">
        <v>0</v>
      </c>
      <c r="AJ37" s="319">
        <v>0</v>
      </c>
      <c r="AK37" s="320">
        <v>0</v>
      </c>
      <c r="AL37" s="318">
        <v>0</v>
      </c>
      <c r="AM37" s="319">
        <v>0</v>
      </c>
      <c r="AN37" s="319">
        <v>0</v>
      </c>
      <c r="AO37" s="319">
        <v>0</v>
      </c>
      <c r="AP37" s="319">
        <v>0</v>
      </c>
      <c r="AQ37" s="319">
        <v>0</v>
      </c>
      <c r="AR37" s="320">
        <v>0</v>
      </c>
      <c r="AS37" s="322">
        <v>0</v>
      </c>
      <c r="AT37" s="318">
        <v>0</v>
      </c>
      <c r="AU37" s="319">
        <v>17360</v>
      </c>
      <c r="AV37" s="320">
        <v>17360</v>
      </c>
      <c r="AW37" s="318">
        <v>0</v>
      </c>
      <c r="AX37" s="319">
        <v>79320</v>
      </c>
      <c r="AY37" s="319">
        <v>84088</v>
      </c>
      <c r="AZ37" s="319">
        <v>45093</v>
      </c>
      <c r="BA37" s="319">
        <v>0</v>
      </c>
      <c r="BB37" s="319">
        <v>61920</v>
      </c>
      <c r="BC37" s="320">
        <v>270421</v>
      </c>
      <c r="BD37" s="322">
        <v>287781</v>
      </c>
      <c r="BE37" s="318">
        <v>0</v>
      </c>
      <c r="BF37" s="319">
        <v>0</v>
      </c>
      <c r="BG37" s="323">
        <v>0</v>
      </c>
      <c r="BH37" s="324">
        <v>0</v>
      </c>
      <c r="BI37" s="319">
        <v>0</v>
      </c>
      <c r="BJ37" s="319">
        <v>0</v>
      </c>
      <c r="BK37" s="319">
        <v>0</v>
      </c>
      <c r="BL37" s="319">
        <v>0</v>
      </c>
      <c r="BM37" s="319">
        <v>0</v>
      </c>
      <c r="BN37" s="320">
        <v>0</v>
      </c>
      <c r="BO37" s="322">
        <v>0</v>
      </c>
      <c r="BP37" s="318">
        <v>0</v>
      </c>
      <c r="BQ37" s="319">
        <v>0</v>
      </c>
      <c r="BR37" s="320">
        <v>0</v>
      </c>
      <c r="BS37" s="318">
        <v>0</v>
      </c>
      <c r="BT37" s="319">
        <v>0</v>
      </c>
      <c r="BU37" s="319">
        <v>15648</v>
      </c>
      <c r="BV37" s="319">
        <v>22392</v>
      </c>
      <c r="BW37" s="319">
        <v>74928</v>
      </c>
      <c r="BX37" s="319">
        <v>0</v>
      </c>
      <c r="BY37" s="320">
        <v>112968</v>
      </c>
      <c r="BZ37" s="322">
        <v>112968</v>
      </c>
      <c r="CA37" s="318">
        <v>0</v>
      </c>
      <c r="CB37" s="319">
        <v>0</v>
      </c>
      <c r="CC37" s="320">
        <v>0</v>
      </c>
      <c r="CD37" s="318">
        <v>0</v>
      </c>
      <c r="CE37" s="319">
        <v>277272</v>
      </c>
      <c r="CF37" s="319">
        <v>31368</v>
      </c>
      <c r="CG37" s="319">
        <v>0</v>
      </c>
      <c r="CH37" s="319">
        <v>0</v>
      </c>
      <c r="CI37" s="319">
        <v>102520</v>
      </c>
      <c r="CJ37" s="320">
        <v>411160</v>
      </c>
      <c r="CK37" s="322">
        <v>411160</v>
      </c>
      <c r="CL37" s="318">
        <v>0</v>
      </c>
      <c r="CM37" s="319">
        <v>0</v>
      </c>
      <c r="CN37" s="320">
        <v>0</v>
      </c>
      <c r="CO37" s="324">
        <v>0</v>
      </c>
      <c r="CP37" s="319">
        <v>169272</v>
      </c>
      <c r="CQ37" s="319">
        <v>31368</v>
      </c>
      <c r="CR37" s="319">
        <v>0</v>
      </c>
      <c r="CS37" s="319">
        <v>0</v>
      </c>
      <c r="CT37" s="319">
        <v>0</v>
      </c>
      <c r="CU37" s="320">
        <v>200640</v>
      </c>
      <c r="CV37" s="322">
        <v>200640</v>
      </c>
      <c r="CW37" s="318">
        <v>0</v>
      </c>
      <c r="CX37" s="319">
        <v>0</v>
      </c>
      <c r="CY37" s="320">
        <v>0</v>
      </c>
      <c r="CZ37" s="318">
        <v>0</v>
      </c>
      <c r="DA37" s="319">
        <v>108000</v>
      </c>
      <c r="DB37" s="319">
        <v>0</v>
      </c>
      <c r="DC37" s="319">
        <v>0</v>
      </c>
      <c r="DD37" s="319">
        <v>0</v>
      </c>
      <c r="DE37" s="319">
        <v>102520</v>
      </c>
      <c r="DF37" s="320">
        <v>210520</v>
      </c>
      <c r="DG37" s="322">
        <v>210520</v>
      </c>
      <c r="DH37" s="318">
        <v>0</v>
      </c>
      <c r="DI37" s="319">
        <v>0</v>
      </c>
      <c r="DJ37" s="323">
        <v>0</v>
      </c>
      <c r="DK37" s="324">
        <v>0</v>
      </c>
      <c r="DL37" s="319">
        <v>7200</v>
      </c>
      <c r="DM37" s="319">
        <v>48867</v>
      </c>
      <c r="DN37" s="319">
        <v>0</v>
      </c>
      <c r="DO37" s="319">
        <v>0</v>
      </c>
      <c r="DP37" s="319">
        <v>0</v>
      </c>
      <c r="DQ37" s="320">
        <v>56067</v>
      </c>
      <c r="DR37" s="322">
        <v>56067</v>
      </c>
      <c r="DS37" s="318">
        <v>0</v>
      </c>
      <c r="DT37" s="319">
        <v>0</v>
      </c>
      <c r="DU37" s="320">
        <v>0</v>
      </c>
      <c r="DV37" s="318">
        <v>0</v>
      </c>
      <c r="DW37" s="319">
        <v>7200</v>
      </c>
      <c r="DX37" s="319">
        <v>48867</v>
      </c>
      <c r="DY37" s="319">
        <v>0</v>
      </c>
      <c r="DZ37" s="319">
        <v>0</v>
      </c>
      <c r="EA37" s="319">
        <v>0</v>
      </c>
      <c r="EB37" s="320">
        <v>56067</v>
      </c>
      <c r="EC37" s="322">
        <v>56067</v>
      </c>
      <c r="ED37" s="318">
        <v>0</v>
      </c>
      <c r="EE37" s="323">
        <v>0</v>
      </c>
      <c r="EF37" s="320">
        <v>0</v>
      </c>
      <c r="EG37" s="318">
        <v>0</v>
      </c>
      <c r="EH37" s="319">
        <v>0</v>
      </c>
      <c r="EI37" s="319">
        <v>0</v>
      </c>
      <c r="EJ37" s="319">
        <v>0</v>
      </c>
      <c r="EK37" s="319">
        <v>0</v>
      </c>
      <c r="EL37" s="319">
        <v>0</v>
      </c>
      <c r="EM37" s="323">
        <v>0</v>
      </c>
      <c r="EN37" s="322">
        <v>0</v>
      </c>
      <c r="EO37" s="318">
        <v>0</v>
      </c>
      <c r="EP37" s="319">
        <v>0</v>
      </c>
      <c r="EQ37" s="323">
        <v>0</v>
      </c>
      <c r="ER37" s="324">
        <v>0</v>
      </c>
      <c r="ES37" s="319">
        <v>0</v>
      </c>
      <c r="ET37" s="319">
        <v>0</v>
      </c>
      <c r="EU37" s="319">
        <v>0</v>
      </c>
      <c r="EV37" s="319">
        <v>0</v>
      </c>
      <c r="EW37" s="319">
        <v>0</v>
      </c>
      <c r="EX37" s="320">
        <v>0</v>
      </c>
      <c r="EY37" s="322">
        <v>0</v>
      </c>
      <c r="EZ37" s="318">
        <v>0</v>
      </c>
      <c r="FA37" s="319">
        <v>0</v>
      </c>
      <c r="FB37" s="323">
        <v>0</v>
      </c>
      <c r="FC37" s="325"/>
      <c r="FD37" s="319">
        <v>0</v>
      </c>
      <c r="FE37" s="319">
        <v>0</v>
      </c>
      <c r="FF37" s="319">
        <v>0</v>
      </c>
      <c r="FG37" s="319">
        <v>0</v>
      </c>
      <c r="FH37" s="319">
        <v>0</v>
      </c>
      <c r="FI37" s="320">
        <v>0</v>
      </c>
      <c r="FJ37" s="322">
        <v>0</v>
      </c>
      <c r="FK37" s="318">
        <v>0</v>
      </c>
      <c r="FL37" s="319">
        <v>7200</v>
      </c>
      <c r="FM37" s="320">
        <v>7200</v>
      </c>
      <c r="FN37" s="318">
        <v>0</v>
      </c>
      <c r="FO37" s="319">
        <v>19360</v>
      </c>
      <c r="FP37" s="319">
        <v>73888</v>
      </c>
      <c r="FQ37" s="319">
        <v>22784</v>
      </c>
      <c r="FR37" s="319">
        <v>36144</v>
      </c>
      <c r="FS37" s="319">
        <v>41960</v>
      </c>
      <c r="FT37" s="320">
        <v>194136</v>
      </c>
      <c r="FU37" s="322">
        <v>201336</v>
      </c>
      <c r="FV37" s="326">
        <v>0</v>
      </c>
      <c r="FW37" s="319">
        <v>7200</v>
      </c>
      <c r="FX37" s="323">
        <v>7200</v>
      </c>
      <c r="FY37" s="324">
        <v>0</v>
      </c>
      <c r="FZ37" s="319">
        <v>19360</v>
      </c>
      <c r="GA37" s="319">
        <v>73888</v>
      </c>
      <c r="GB37" s="319">
        <v>22784</v>
      </c>
      <c r="GC37" s="319">
        <v>36144</v>
      </c>
      <c r="GD37" s="319">
        <v>41960</v>
      </c>
      <c r="GE37" s="320">
        <v>194136</v>
      </c>
      <c r="GF37" s="327">
        <v>201336</v>
      </c>
      <c r="GG37" s="326">
        <v>0</v>
      </c>
      <c r="GH37" s="319">
        <v>0</v>
      </c>
      <c r="GI37" s="323">
        <v>0</v>
      </c>
      <c r="GJ37" s="324">
        <v>0</v>
      </c>
      <c r="GK37" s="319">
        <v>0</v>
      </c>
      <c r="GL37" s="319">
        <v>0</v>
      </c>
      <c r="GM37" s="319">
        <v>0</v>
      </c>
      <c r="GN37" s="319">
        <v>0</v>
      </c>
      <c r="GO37" s="319">
        <v>0</v>
      </c>
      <c r="GP37" s="320">
        <v>0</v>
      </c>
      <c r="GQ37" s="322">
        <v>0</v>
      </c>
      <c r="GR37" s="318">
        <v>0</v>
      </c>
      <c r="GS37" s="319">
        <v>0</v>
      </c>
      <c r="GT37" s="320">
        <v>0</v>
      </c>
      <c r="GU37" s="318">
        <v>0</v>
      </c>
      <c r="GV37" s="319">
        <v>0</v>
      </c>
      <c r="GW37" s="319">
        <v>0</v>
      </c>
      <c r="GX37" s="319">
        <v>0</v>
      </c>
      <c r="GY37" s="319">
        <v>0</v>
      </c>
      <c r="GZ37" s="319">
        <v>0</v>
      </c>
      <c r="HA37" s="323">
        <v>0</v>
      </c>
      <c r="HB37" s="322">
        <v>0</v>
      </c>
      <c r="HC37" s="318">
        <v>0</v>
      </c>
      <c r="HD37" s="319">
        <v>0</v>
      </c>
      <c r="HE37" s="323">
        <v>0</v>
      </c>
      <c r="HF37" s="324">
        <v>0</v>
      </c>
      <c r="HG37" s="319">
        <v>0</v>
      </c>
      <c r="HH37" s="319">
        <v>163488</v>
      </c>
      <c r="HI37" s="319">
        <v>0</v>
      </c>
      <c r="HJ37" s="319">
        <v>396368</v>
      </c>
      <c r="HK37" s="319">
        <v>0</v>
      </c>
      <c r="HL37" s="320">
        <v>559856</v>
      </c>
      <c r="HM37" s="321">
        <v>559856</v>
      </c>
      <c r="HN37" s="411"/>
      <c r="HO37" s="412"/>
      <c r="HP37" s="413"/>
      <c r="HQ37" s="414"/>
      <c r="HR37" s="412"/>
      <c r="HS37" s="412"/>
      <c r="HT37" s="412"/>
      <c r="HU37" s="412"/>
      <c r="HV37" s="412"/>
      <c r="HW37" s="415"/>
      <c r="HX37" s="416"/>
      <c r="HY37" s="328">
        <v>0</v>
      </c>
      <c r="HZ37" s="329">
        <v>0</v>
      </c>
      <c r="IA37" s="330">
        <v>0</v>
      </c>
      <c r="IB37" s="353">
        <v>0</v>
      </c>
      <c r="IC37" s="329">
        <v>174796</v>
      </c>
      <c r="ID37" s="354">
        <v>413232</v>
      </c>
      <c r="IE37" s="330">
        <v>226648</v>
      </c>
      <c r="IF37" s="329">
        <v>0</v>
      </c>
      <c r="IG37" s="330">
        <v>0</v>
      </c>
      <c r="IH37" s="355">
        <v>814676</v>
      </c>
      <c r="II37" s="336">
        <v>814676</v>
      </c>
      <c r="IJ37" s="337">
        <v>0</v>
      </c>
      <c r="IK37" s="338">
        <v>0</v>
      </c>
      <c r="IL37" s="339">
        <v>0</v>
      </c>
      <c r="IM37" s="340"/>
      <c r="IN37" s="341">
        <v>0</v>
      </c>
      <c r="IO37" s="341">
        <v>0</v>
      </c>
      <c r="IP37" s="341">
        <v>0</v>
      </c>
      <c r="IQ37" s="341">
        <v>0</v>
      </c>
      <c r="IR37" s="341">
        <v>0</v>
      </c>
      <c r="IS37" s="342">
        <v>0</v>
      </c>
      <c r="IT37" s="343">
        <v>0</v>
      </c>
      <c r="IU37" s="344">
        <v>0</v>
      </c>
      <c r="IV37" s="341">
        <v>0</v>
      </c>
      <c r="IW37" s="345">
        <v>0</v>
      </c>
      <c r="IX37" s="340"/>
      <c r="IY37" s="341">
        <v>0</v>
      </c>
      <c r="IZ37" s="341">
        <v>0</v>
      </c>
      <c r="JA37" s="341">
        <v>0</v>
      </c>
      <c r="JB37" s="341">
        <v>0</v>
      </c>
      <c r="JC37" s="341">
        <v>0</v>
      </c>
      <c r="JD37" s="345">
        <v>0</v>
      </c>
      <c r="JE37" s="347">
        <v>0</v>
      </c>
      <c r="JF37" s="344">
        <v>0</v>
      </c>
      <c r="JG37" s="341">
        <v>0</v>
      </c>
      <c r="JH37" s="342">
        <v>0</v>
      </c>
      <c r="JI37" s="348">
        <v>0</v>
      </c>
      <c r="JJ37" s="341">
        <v>118044</v>
      </c>
      <c r="JK37" s="341">
        <v>180808</v>
      </c>
      <c r="JL37" s="341">
        <v>0</v>
      </c>
      <c r="JM37" s="341">
        <v>0</v>
      </c>
      <c r="JN37" s="341">
        <v>0</v>
      </c>
      <c r="JO37" s="345">
        <v>298852</v>
      </c>
      <c r="JP37" s="343">
        <v>298852</v>
      </c>
      <c r="JQ37" s="344">
        <v>0</v>
      </c>
      <c r="JR37" s="341">
        <v>0</v>
      </c>
      <c r="JS37" s="342">
        <v>0</v>
      </c>
      <c r="JT37" s="348">
        <v>0</v>
      </c>
      <c r="JU37" s="341">
        <v>56752</v>
      </c>
      <c r="JV37" s="341">
        <v>0</v>
      </c>
      <c r="JW37" s="341">
        <v>0</v>
      </c>
      <c r="JX37" s="341">
        <v>0</v>
      </c>
      <c r="JY37" s="341">
        <v>0</v>
      </c>
      <c r="JZ37" s="345">
        <v>56752</v>
      </c>
      <c r="KA37" s="343">
        <v>56752</v>
      </c>
      <c r="KB37" s="349">
        <v>0</v>
      </c>
      <c r="KC37" s="350">
        <v>0</v>
      </c>
      <c r="KD37" s="345">
        <v>0</v>
      </c>
      <c r="KE37" s="348">
        <v>0</v>
      </c>
      <c r="KF37" s="341">
        <v>0</v>
      </c>
      <c r="KG37" s="341">
        <v>0</v>
      </c>
      <c r="KH37" s="341">
        <v>0</v>
      </c>
      <c r="KI37" s="341">
        <v>0</v>
      </c>
      <c r="KJ37" s="341">
        <v>0</v>
      </c>
      <c r="KK37" s="345">
        <v>0</v>
      </c>
      <c r="KL37" s="351">
        <v>0</v>
      </c>
      <c r="KM37" s="337">
        <v>0</v>
      </c>
      <c r="KN37" s="338">
        <v>0</v>
      </c>
      <c r="KO37" s="339">
        <v>0</v>
      </c>
      <c r="KP37" s="340"/>
      <c r="KQ37" s="341">
        <v>0</v>
      </c>
      <c r="KR37" s="341">
        <v>232424</v>
      </c>
      <c r="KS37" s="341">
        <v>226648</v>
      </c>
      <c r="KT37" s="341">
        <v>0</v>
      </c>
      <c r="KU37" s="341">
        <v>0</v>
      </c>
      <c r="KV37" s="345">
        <v>459072</v>
      </c>
      <c r="KW37" s="343">
        <v>459072</v>
      </c>
      <c r="KX37" s="344">
        <v>0</v>
      </c>
      <c r="KY37" s="341">
        <v>0</v>
      </c>
      <c r="KZ37" s="345">
        <v>0</v>
      </c>
      <c r="LA37" s="340"/>
      <c r="LB37" s="341">
        <v>0</v>
      </c>
      <c r="LC37" s="341">
        <v>0</v>
      </c>
      <c r="LD37" s="341">
        <v>0</v>
      </c>
      <c r="LE37" s="341">
        <v>0</v>
      </c>
      <c r="LF37" s="341">
        <v>0</v>
      </c>
      <c r="LG37" s="345">
        <v>0</v>
      </c>
      <c r="LH37" s="347">
        <v>0</v>
      </c>
      <c r="LI37" s="344">
        <v>0</v>
      </c>
      <c r="LJ37" s="341">
        <v>0</v>
      </c>
      <c r="LK37" s="345">
        <v>0</v>
      </c>
      <c r="LL37" s="340"/>
      <c r="LM37" s="341">
        <v>0</v>
      </c>
      <c r="LN37" s="341">
        <v>0</v>
      </c>
      <c r="LO37" s="341">
        <v>0</v>
      </c>
      <c r="LP37" s="341">
        <v>0</v>
      </c>
      <c r="LQ37" s="341">
        <v>0</v>
      </c>
      <c r="LR37" s="345">
        <v>0</v>
      </c>
      <c r="LS37" s="343">
        <v>0</v>
      </c>
      <c r="LT37" s="344">
        <v>0</v>
      </c>
      <c r="LU37" s="341">
        <v>0</v>
      </c>
      <c r="LV37" s="345">
        <v>0</v>
      </c>
      <c r="LW37" s="340"/>
      <c r="LX37" s="341">
        <v>0</v>
      </c>
      <c r="LY37" s="341">
        <v>0</v>
      </c>
      <c r="LZ37" s="341">
        <v>0</v>
      </c>
      <c r="MA37" s="341">
        <v>0</v>
      </c>
      <c r="MB37" s="341">
        <v>0</v>
      </c>
      <c r="MC37" s="345">
        <v>0</v>
      </c>
      <c r="MD37" s="347">
        <v>0</v>
      </c>
      <c r="ME37" s="344">
        <v>0</v>
      </c>
      <c r="MF37" s="341">
        <v>0</v>
      </c>
      <c r="MG37" s="345">
        <v>0</v>
      </c>
      <c r="MH37" s="340"/>
      <c r="MI37" s="341">
        <v>210864</v>
      </c>
      <c r="MJ37" s="341">
        <v>0</v>
      </c>
      <c r="MK37" s="341">
        <v>260672</v>
      </c>
      <c r="ML37" s="341">
        <v>490312</v>
      </c>
      <c r="MM37" s="341">
        <v>570089</v>
      </c>
      <c r="MN37" s="345">
        <v>1531937</v>
      </c>
      <c r="MO37" s="351">
        <v>1531937</v>
      </c>
      <c r="MP37" s="344">
        <v>0</v>
      </c>
      <c r="MQ37" s="341">
        <v>0</v>
      </c>
      <c r="MR37" s="345">
        <v>0</v>
      </c>
      <c r="MS37" s="340"/>
      <c r="MT37" s="341">
        <v>0</v>
      </c>
      <c r="MU37" s="341">
        <v>0</v>
      </c>
      <c r="MV37" s="341">
        <v>0</v>
      </c>
      <c r="MW37" s="341">
        <v>490312</v>
      </c>
      <c r="MX37" s="341">
        <v>268528</v>
      </c>
      <c r="MY37" s="345">
        <v>758840</v>
      </c>
      <c r="MZ37" s="351">
        <v>758840</v>
      </c>
      <c r="NA37" s="344">
        <v>0</v>
      </c>
      <c r="NB37" s="341">
        <v>0</v>
      </c>
      <c r="NC37" s="345">
        <v>0</v>
      </c>
      <c r="ND37" s="340"/>
      <c r="NE37" s="341">
        <v>210864</v>
      </c>
      <c r="NF37" s="341">
        <v>0</v>
      </c>
      <c r="NG37" s="341">
        <v>260672</v>
      </c>
      <c r="NH37" s="341">
        <v>0</v>
      </c>
      <c r="NI37" s="341">
        <v>301561</v>
      </c>
      <c r="NJ37" s="345">
        <v>773097</v>
      </c>
      <c r="NK37" s="343">
        <v>773097</v>
      </c>
      <c r="NL37" s="344">
        <v>0</v>
      </c>
      <c r="NM37" s="341">
        <v>0</v>
      </c>
      <c r="NN37" s="345">
        <v>0</v>
      </c>
      <c r="NO37" s="340"/>
      <c r="NP37" s="341">
        <v>0</v>
      </c>
      <c r="NQ37" s="341">
        <v>0</v>
      </c>
      <c r="NR37" s="341">
        <v>0</v>
      </c>
      <c r="NS37" s="341">
        <v>0</v>
      </c>
      <c r="NT37" s="341">
        <v>0</v>
      </c>
      <c r="NU37" s="345">
        <v>0</v>
      </c>
      <c r="NV37" s="347">
        <v>0</v>
      </c>
      <c r="NW37" s="344">
        <v>0</v>
      </c>
      <c r="NX37" s="341">
        <v>0</v>
      </c>
      <c r="NY37" s="345">
        <v>0</v>
      </c>
      <c r="NZ37" s="340"/>
      <c r="OA37" s="341">
        <v>0</v>
      </c>
      <c r="OB37" s="341">
        <v>0</v>
      </c>
      <c r="OC37" s="341">
        <v>0</v>
      </c>
      <c r="OD37" s="341">
        <v>0</v>
      </c>
      <c r="OE37" s="341">
        <v>0</v>
      </c>
      <c r="OF37" s="345">
        <v>0</v>
      </c>
      <c r="OG37" s="347">
        <v>0</v>
      </c>
      <c r="OH37" s="344">
        <v>0</v>
      </c>
      <c r="OI37" s="341">
        <v>24560</v>
      </c>
      <c r="OJ37" s="342">
        <v>24560</v>
      </c>
      <c r="OK37" s="348">
        <v>0</v>
      </c>
      <c r="OL37" s="341">
        <v>778732</v>
      </c>
      <c r="OM37" s="341">
        <v>953542</v>
      </c>
      <c r="ON37" s="341">
        <v>624489</v>
      </c>
      <c r="OO37" s="341">
        <v>1315376</v>
      </c>
      <c r="OP37" s="341">
        <v>776489</v>
      </c>
      <c r="OQ37" s="345">
        <v>4448628</v>
      </c>
      <c r="OR37" s="351">
        <v>4473188</v>
      </c>
    </row>
    <row r="38" spans="1:408" ht="20.25" customHeight="1" x14ac:dyDescent="0.2">
      <c r="A38" s="111" t="s">
        <v>33</v>
      </c>
      <c r="B38" s="318">
        <v>55722</v>
      </c>
      <c r="C38" s="319">
        <v>46814</v>
      </c>
      <c r="D38" s="320">
        <v>102536</v>
      </c>
      <c r="E38" s="321">
        <v>0</v>
      </c>
      <c r="F38" s="319">
        <v>207773</v>
      </c>
      <c r="G38" s="319">
        <v>208616</v>
      </c>
      <c r="H38" s="319">
        <v>64744</v>
      </c>
      <c r="I38" s="319">
        <v>0</v>
      </c>
      <c r="J38" s="319">
        <v>44972</v>
      </c>
      <c r="K38" s="358">
        <v>526105</v>
      </c>
      <c r="L38" s="322">
        <v>628641</v>
      </c>
      <c r="M38" s="318">
        <v>31534</v>
      </c>
      <c r="N38" s="319">
        <v>46814</v>
      </c>
      <c r="O38" s="320">
        <v>78348</v>
      </c>
      <c r="P38" s="318">
        <v>0</v>
      </c>
      <c r="Q38" s="319">
        <v>21125</v>
      </c>
      <c r="R38" s="319">
        <v>0</v>
      </c>
      <c r="S38" s="319">
        <v>45144</v>
      </c>
      <c r="T38" s="319">
        <v>0</v>
      </c>
      <c r="U38" s="319">
        <v>4144</v>
      </c>
      <c r="V38" s="320">
        <v>70413</v>
      </c>
      <c r="W38" s="322">
        <v>148761</v>
      </c>
      <c r="X38" s="318">
        <v>0</v>
      </c>
      <c r="Y38" s="319">
        <v>0</v>
      </c>
      <c r="Z38" s="320">
        <v>0</v>
      </c>
      <c r="AA38" s="318">
        <v>0</v>
      </c>
      <c r="AB38" s="319">
        <v>8085</v>
      </c>
      <c r="AC38" s="319">
        <v>0</v>
      </c>
      <c r="AD38" s="319">
        <v>0</v>
      </c>
      <c r="AE38" s="319">
        <v>0</v>
      </c>
      <c r="AF38" s="319">
        <v>0</v>
      </c>
      <c r="AG38" s="320">
        <v>8085</v>
      </c>
      <c r="AH38" s="322">
        <v>8085</v>
      </c>
      <c r="AI38" s="318">
        <v>0</v>
      </c>
      <c r="AJ38" s="319">
        <v>0</v>
      </c>
      <c r="AK38" s="320">
        <v>0</v>
      </c>
      <c r="AL38" s="318">
        <v>0</v>
      </c>
      <c r="AM38" s="319">
        <v>0</v>
      </c>
      <c r="AN38" s="319">
        <v>0</v>
      </c>
      <c r="AO38" s="319">
        <v>0</v>
      </c>
      <c r="AP38" s="319">
        <v>0</v>
      </c>
      <c r="AQ38" s="319">
        <v>0</v>
      </c>
      <c r="AR38" s="320">
        <v>0</v>
      </c>
      <c r="AS38" s="322">
        <v>0</v>
      </c>
      <c r="AT38" s="318">
        <v>0</v>
      </c>
      <c r="AU38" s="319">
        <v>0</v>
      </c>
      <c r="AV38" s="320">
        <v>0</v>
      </c>
      <c r="AW38" s="318">
        <v>0</v>
      </c>
      <c r="AX38" s="319">
        <v>0</v>
      </c>
      <c r="AY38" s="319">
        <v>0</v>
      </c>
      <c r="AZ38" s="319">
        <v>45144</v>
      </c>
      <c r="BA38" s="319">
        <v>0</v>
      </c>
      <c r="BB38" s="319">
        <v>0</v>
      </c>
      <c r="BC38" s="320">
        <v>45144</v>
      </c>
      <c r="BD38" s="322">
        <v>45144</v>
      </c>
      <c r="BE38" s="318">
        <v>31534</v>
      </c>
      <c r="BF38" s="319">
        <v>46814</v>
      </c>
      <c r="BG38" s="323">
        <v>78348</v>
      </c>
      <c r="BH38" s="324">
        <v>0</v>
      </c>
      <c r="BI38" s="319">
        <v>0</v>
      </c>
      <c r="BJ38" s="319">
        <v>0</v>
      </c>
      <c r="BK38" s="319">
        <v>0</v>
      </c>
      <c r="BL38" s="319">
        <v>0</v>
      </c>
      <c r="BM38" s="319">
        <v>0</v>
      </c>
      <c r="BN38" s="320">
        <v>0</v>
      </c>
      <c r="BO38" s="322">
        <v>78348</v>
      </c>
      <c r="BP38" s="318">
        <v>0</v>
      </c>
      <c r="BQ38" s="319">
        <v>0</v>
      </c>
      <c r="BR38" s="320">
        <v>0</v>
      </c>
      <c r="BS38" s="318">
        <v>0</v>
      </c>
      <c r="BT38" s="319">
        <v>13040</v>
      </c>
      <c r="BU38" s="319">
        <v>0</v>
      </c>
      <c r="BV38" s="319">
        <v>0</v>
      </c>
      <c r="BW38" s="319">
        <v>0</v>
      </c>
      <c r="BX38" s="319">
        <v>4144</v>
      </c>
      <c r="BY38" s="320">
        <v>17184</v>
      </c>
      <c r="BZ38" s="322">
        <v>17184</v>
      </c>
      <c r="CA38" s="318">
        <v>21788</v>
      </c>
      <c r="CB38" s="319">
        <v>0</v>
      </c>
      <c r="CC38" s="320">
        <v>21788</v>
      </c>
      <c r="CD38" s="318">
        <v>0</v>
      </c>
      <c r="CE38" s="319">
        <v>36944</v>
      </c>
      <c r="CF38" s="319">
        <v>118752</v>
      </c>
      <c r="CG38" s="319">
        <v>0</v>
      </c>
      <c r="CH38" s="319">
        <v>0</v>
      </c>
      <c r="CI38" s="319">
        <v>0</v>
      </c>
      <c r="CJ38" s="320">
        <v>155696</v>
      </c>
      <c r="CK38" s="322">
        <v>177484</v>
      </c>
      <c r="CL38" s="318">
        <v>0</v>
      </c>
      <c r="CM38" s="319">
        <v>0</v>
      </c>
      <c r="CN38" s="320">
        <v>0</v>
      </c>
      <c r="CO38" s="324">
        <v>0</v>
      </c>
      <c r="CP38" s="319">
        <v>0</v>
      </c>
      <c r="CQ38" s="319">
        <v>0</v>
      </c>
      <c r="CR38" s="319">
        <v>0</v>
      </c>
      <c r="CS38" s="319">
        <v>0</v>
      </c>
      <c r="CT38" s="319">
        <v>0</v>
      </c>
      <c r="CU38" s="320">
        <v>0</v>
      </c>
      <c r="CV38" s="322">
        <v>0</v>
      </c>
      <c r="CW38" s="318">
        <v>21788</v>
      </c>
      <c r="CX38" s="319">
        <v>0</v>
      </c>
      <c r="CY38" s="320">
        <v>21788</v>
      </c>
      <c r="CZ38" s="318">
        <v>0</v>
      </c>
      <c r="DA38" s="319">
        <v>36944</v>
      </c>
      <c r="DB38" s="319">
        <v>118752</v>
      </c>
      <c r="DC38" s="319">
        <v>0</v>
      </c>
      <c r="DD38" s="319">
        <v>0</v>
      </c>
      <c r="DE38" s="319">
        <v>0</v>
      </c>
      <c r="DF38" s="320">
        <v>155696</v>
      </c>
      <c r="DG38" s="322">
        <v>177484</v>
      </c>
      <c r="DH38" s="318">
        <v>0</v>
      </c>
      <c r="DI38" s="319">
        <v>0</v>
      </c>
      <c r="DJ38" s="323">
        <v>0</v>
      </c>
      <c r="DK38" s="324">
        <v>0</v>
      </c>
      <c r="DL38" s="319">
        <v>126904</v>
      </c>
      <c r="DM38" s="319">
        <v>67880</v>
      </c>
      <c r="DN38" s="319">
        <v>0</v>
      </c>
      <c r="DO38" s="319">
        <v>0</v>
      </c>
      <c r="DP38" s="319">
        <v>0</v>
      </c>
      <c r="DQ38" s="320">
        <v>194784</v>
      </c>
      <c r="DR38" s="322">
        <v>194784</v>
      </c>
      <c r="DS38" s="318">
        <v>0</v>
      </c>
      <c r="DT38" s="319">
        <v>0</v>
      </c>
      <c r="DU38" s="320">
        <v>0</v>
      </c>
      <c r="DV38" s="318">
        <v>0</v>
      </c>
      <c r="DW38" s="319">
        <v>0</v>
      </c>
      <c r="DX38" s="319">
        <v>0</v>
      </c>
      <c r="DY38" s="319">
        <v>0</v>
      </c>
      <c r="DZ38" s="319">
        <v>0</v>
      </c>
      <c r="EA38" s="319">
        <v>0</v>
      </c>
      <c r="EB38" s="320">
        <v>0</v>
      </c>
      <c r="EC38" s="322">
        <v>0</v>
      </c>
      <c r="ED38" s="318">
        <v>0</v>
      </c>
      <c r="EE38" s="323">
        <v>0</v>
      </c>
      <c r="EF38" s="320">
        <v>0</v>
      </c>
      <c r="EG38" s="318">
        <v>0</v>
      </c>
      <c r="EH38" s="319">
        <v>126904</v>
      </c>
      <c r="EI38" s="319">
        <v>67880</v>
      </c>
      <c r="EJ38" s="319">
        <v>0</v>
      </c>
      <c r="EK38" s="319">
        <v>0</v>
      </c>
      <c r="EL38" s="319">
        <v>0</v>
      </c>
      <c r="EM38" s="323">
        <v>194784</v>
      </c>
      <c r="EN38" s="322">
        <v>194784</v>
      </c>
      <c r="EO38" s="318">
        <v>0</v>
      </c>
      <c r="EP38" s="319">
        <v>0</v>
      </c>
      <c r="EQ38" s="323">
        <v>0</v>
      </c>
      <c r="ER38" s="324">
        <v>0</v>
      </c>
      <c r="ES38" s="319">
        <v>0</v>
      </c>
      <c r="ET38" s="319">
        <v>0</v>
      </c>
      <c r="EU38" s="319">
        <v>0</v>
      </c>
      <c r="EV38" s="319">
        <v>0</v>
      </c>
      <c r="EW38" s="319">
        <v>0</v>
      </c>
      <c r="EX38" s="320">
        <v>0</v>
      </c>
      <c r="EY38" s="322">
        <v>0</v>
      </c>
      <c r="EZ38" s="318">
        <v>0</v>
      </c>
      <c r="FA38" s="319">
        <v>0</v>
      </c>
      <c r="FB38" s="323">
        <v>0</v>
      </c>
      <c r="FC38" s="325"/>
      <c r="FD38" s="319">
        <v>0</v>
      </c>
      <c r="FE38" s="319">
        <v>0</v>
      </c>
      <c r="FF38" s="319">
        <v>0</v>
      </c>
      <c r="FG38" s="319">
        <v>0</v>
      </c>
      <c r="FH38" s="319">
        <v>0</v>
      </c>
      <c r="FI38" s="320">
        <v>0</v>
      </c>
      <c r="FJ38" s="322">
        <v>0</v>
      </c>
      <c r="FK38" s="318">
        <v>2400</v>
      </c>
      <c r="FL38" s="319">
        <v>0</v>
      </c>
      <c r="FM38" s="320">
        <v>2400</v>
      </c>
      <c r="FN38" s="318">
        <v>0</v>
      </c>
      <c r="FO38" s="319">
        <v>22800</v>
      </c>
      <c r="FP38" s="319">
        <v>21984</v>
      </c>
      <c r="FQ38" s="319">
        <v>19600</v>
      </c>
      <c r="FR38" s="319">
        <v>0</v>
      </c>
      <c r="FS38" s="319">
        <v>3200</v>
      </c>
      <c r="FT38" s="320">
        <v>67584</v>
      </c>
      <c r="FU38" s="322">
        <v>69984</v>
      </c>
      <c r="FV38" s="326">
        <v>2400</v>
      </c>
      <c r="FW38" s="319">
        <v>0</v>
      </c>
      <c r="FX38" s="323">
        <v>2400</v>
      </c>
      <c r="FY38" s="324">
        <v>0</v>
      </c>
      <c r="FZ38" s="319">
        <v>22800</v>
      </c>
      <c r="GA38" s="319">
        <v>21984</v>
      </c>
      <c r="GB38" s="319">
        <v>19600</v>
      </c>
      <c r="GC38" s="319">
        <v>0</v>
      </c>
      <c r="GD38" s="319">
        <v>3200</v>
      </c>
      <c r="GE38" s="320">
        <v>67584</v>
      </c>
      <c r="GF38" s="327">
        <v>69984</v>
      </c>
      <c r="GG38" s="326">
        <v>0</v>
      </c>
      <c r="GH38" s="319">
        <v>0</v>
      </c>
      <c r="GI38" s="323">
        <v>0</v>
      </c>
      <c r="GJ38" s="324">
        <v>0</v>
      </c>
      <c r="GK38" s="319">
        <v>0</v>
      </c>
      <c r="GL38" s="319">
        <v>0</v>
      </c>
      <c r="GM38" s="319">
        <v>0</v>
      </c>
      <c r="GN38" s="319">
        <v>0</v>
      </c>
      <c r="GO38" s="319">
        <v>0</v>
      </c>
      <c r="GP38" s="320">
        <v>0</v>
      </c>
      <c r="GQ38" s="322">
        <v>0</v>
      </c>
      <c r="GR38" s="318">
        <v>0</v>
      </c>
      <c r="GS38" s="319">
        <v>0</v>
      </c>
      <c r="GT38" s="320">
        <v>0</v>
      </c>
      <c r="GU38" s="318">
        <v>0</v>
      </c>
      <c r="GV38" s="319">
        <v>0</v>
      </c>
      <c r="GW38" s="319">
        <v>0</v>
      </c>
      <c r="GX38" s="319">
        <v>0</v>
      </c>
      <c r="GY38" s="319">
        <v>0</v>
      </c>
      <c r="GZ38" s="319">
        <v>0</v>
      </c>
      <c r="HA38" s="323">
        <v>0</v>
      </c>
      <c r="HB38" s="322">
        <v>0</v>
      </c>
      <c r="HC38" s="318">
        <v>0</v>
      </c>
      <c r="HD38" s="319">
        <v>0</v>
      </c>
      <c r="HE38" s="323">
        <v>0</v>
      </c>
      <c r="HF38" s="324">
        <v>0</v>
      </c>
      <c r="HG38" s="319">
        <v>0</v>
      </c>
      <c r="HH38" s="319">
        <v>0</v>
      </c>
      <c r="HI38" s="319">
        <v>0</v>
      </c>
      <c r="HJ38" s="319">
        <v>0</v>
      </c>
      <c r="HK38" s="319">
        <v>37628</v>
      </c>
      <c r="HL38" s="320">
        <v>37628</v>
      </c>
      <c r="HM38" s="321">
        <v>37628</v>
      </c>
      <c r="HN38" s="411"/>
      <c r="HO38" s="412"/>
      <c r="HP38" s="413"/>
      <c r="HQ38" s="414"/>
      <c r="HR38" s="412"/>
      <c r="HS38" s="412"/>
      <c r="HT38" s="412"/>
      <c r="HU38" s="412"/>
      <c r="HV38" s="412"/>
      <c r="HW38" s="415"/>
      <c r="HX38" s="416"/>
      <c r="HY38" s="357">
        <v>0</v>
      </c>
      <c r="HZ38" s="332">
        <v>0</v>
      </c>
      <c r="IA38" s="357">
        <v>0</v>
      </c>
      <c r="IB38" s="353">
        <v>0</v>
      </c>
      <c r="IC38" s="329">
        <v>200388</v>
      </c>
      <c r="ID38" s="354">
        <v>187608</v>
      </c>
      <c r="IE38" s="330">
        <v>234850</v>
      </c>
      <c r="IF38" s="329">
        <v>0</v>
      </c>
      <c r="IG38" s="330">
        <v>0</v>
      </c>
      <c r="IH38" s="355">
        <v>622846</v>
      </c>
      <c r="II38" s="357">
        <v>622846</v>
      </c>
      <c r="IJ38" s="337">
        <v>0</v>
      </c>
      <c r="IK38" s="338">
        <v>0</v>
      </c>
      <c r="IL38" s="339">
        <v>0</v>
      </c>
      <c r="IM38" s="340"/>
      <c r="IN38" s="341">
        <v>0</v>
      </c>
      <c r="IO38" s="341">
        <v>0</v>
      </c>
      <c r="IP38" s="341">
        <v>0</v>
      </c>
      <c r="IQ38" s="341">
        <v>0</v>
      </c>
      <c r="IR38" s="341">
        <v>0</v>
      </c>
      <c r="IS38" s="342">
        <v>0</v>
      </c>
      <c r="IT38" s="343">
        <v>0</v>
      </c>
      <c r="IU38" s="344">
        <v>0</v>
      </c>
      <c r="IV38" s="341">
        <v>0</v>
      </c>
      <c r="IW38" s="345">
        <v>0</v>
      </c>
      <c r="IX38" s="340"/>
      <c r="IY38" s="341">
        <v>0</v>
      </c>
      <c r="IZ38" s="341">
        <v>0</v>
      </c>
      <c r="JA38" s="341">
        <v>0</v>
      </c>
      <c r="JB38" s="341">
        <v>0</v>
      </c>
      <c r="JC38" s="341">
        <v>0</v>
      </c>
      <c r="JD38" s="345">
        <v>0</v>
      </c>
      <c r="JE38" s="347">
        <v>0</v>
      </c>
      <c r="JF38" s="344">
        <v>0</v>
      </c>
      <c r="JG38" s="341">
        <v>0</v>
      </c>
      <c r="JH38" s="342">
        <v>0</v>
      </c>
      <c r="JI38" s="348">
        <v>0</v>
      </c>
      <c r="JJ38" s="341">
        <v>54494</v>
      </c>
      <c r="JK38" s="341">
        <v>0</v>
      </c>
      <c r="JL38" s="341">
        <v>0</v>
      </c>
      <c r="JM38" s="341">
        <v>0</v>
      </c>
      <c r="JN38" s="341">
        <v>0</v>
      </c>
      <c r="JO38" s="345">
        <v>54494</v>
      </c>
      <c r="JP38" s="343">
        <v>54494</v>
      </c>
      <c r="JQ38" s="344">
        <v>0</v>
      </c>
      <c r="JR38" s="341">
        <v>0</v>
      </c>
      <c r="JS38" s="342">
        <v>0</v>
      </c>
      <c r="JT38" s="348">
        <v>0</v>
      </c>
      <c r="JU38" s="341">
        <v>0</v>
      </c>
      <c r="JV38" s="341">
        <v>0</v>
      </c>
      <c r="JW38" s="341">
        <v>0</v>
      </c>
      <c r="JX38" s="341">
        <v>0</v>
      </c>
      <c r="JY38" s="341">
        <v>0</v>
      </c>
      <c r="JZ38" s="345">
        <v>0</v>
      </c>
      <c r="KA38" s="343">
        <v>0</v>
      </c>
      <c r="KB38" s="349">
        <v>0</v>
      </c>
      <c r="KC38" s="350">
        <v>0</v>
      </c>
      <c r="KD38" s="345">
        <v>0</v>
      </c>
      <c r="KE38" s="348">
        <v>0</v>
      </c>
      <c r="KF38" s="341">
        <v>0</v>
      </c>
      <c r="KG38" s="341">
        <v>0</v>
      </c>
      <c r="KH38" s="341">
        <v>0</v>
      </c>
      <c r="KI38" s="341">
        <v>0</v>
      </c>
      <c r="KJ38" s="341">
        <v>0</v>
      </c>
      <c r="KK38" s="345">
        <v>0</v>
      </c>
      <c r="KL38" s="351">
        <v>0</v>
      </c>
      <c r="KM38" s="337">
        <v>0</v>
      </c>
      <c r="KN38" s="338">
        <v>0</v>
      </c>
      <c r="KO38" s="339">
        <v>0</v>
      </c>
      <c r="KP38" s="340"/>
      <c r="KQ38" s="341">
        <v>0</v>
      </c>
      <c r="KR38" s="341">
        <v>0</v>
      </c>
      <c r="KS38" s="341">
        <v>234850</v>
      </c>
      <c r="KT38" s="341">
        <v>0</v>
      </c>
      <c r="KU38" s="341">
        <v>0</v>
      </c>
      <c r="KV38" s="345">
        <v>234850</v>
      </c>
      <c r="KW38" s="343">
        <v>234850</v>
      </c>
      <c r="KX38" s="344">
        <v>0</v>
      </c>
      <c r="KY38" s="341">
        <v>0</v>
      </c>
      <c r="KZ38" s="345">
        <v>0</v>
      </c>
      <c r="LA38" s="340"/>
      <c r="LB38" s="341">
        <v>0</v>
      </c>
      <c r="LC38" s="341">
        <v>0</v>
      </c>
      <c r="LD38" s="341">
        <v>0</v>
      </c>
      <c r="LE38" s="341">
        <v>0</v>
      </c>
      <c r="LF38" s="341">
        <v>0</v>
      </c>
      <c r="LG38" s="345">
        <v>0</v>
      </c>
      <c r="LH38" s="347">
        <v>0</v>
      </c>
      <c r="LI38" s="344">
        <v>0</v>
      </c>
      <c r="LJ38" s="341">
        <v>0</v>
      </c>
      <c r="LK38" s="345">
        <v>0</v>
      </c>
      <c r="LL38" s="340"/>
      <c r="LM38" s="341">
        <v>0</v>
      </c>
      <c r="LN38" s="341">
        <v>0</v>
      </c>
      <c r="LO38" s="341">
        <v>0</v>
      </c>
      <c r="LP38" s="341">
        <v>0</v>
      </c>
      <c r="LQ38" s="341">
        <v>0</v>
      </c>
      <c r="LR38" s="345">
        <v>0</v>
      </c>
      <c r="LS38" s="343">
        <v>0</v>
      </c>
      <c r="LT38" s="344">
        <v>0</v>
      </c>
      <c r="LU38" s="341">
        <v>0</v>
      </c>
      <c r="LV38" s="345">
        <v>0</v>
      </c>
      <c r="LW38" s="340"/>
      <c r="LX38" s="341">
        <v>145894</v>
      </c>
      <c r="LY38" s="341">
        <v>187608</v>
      </c>
      <c r="LZ38" s="341">
        <v>0</v>
      </c>
      <c r="MA38" s="341">
        <v>0</v>
      </c>
      <c r="MB38" s="341">
        <v>0</v>
      </c>
      <c r="MC38" s="345">
        <v>333502</v>
      </c>
      <c r="MD38" s="347">
        <v>333502</v>
      </c>
      <c r="ME38" s="344">
        <v>0</v>
      </c>
      <c r="MF38" s="341">
        <v>0</v>
      </c>
      <c r="MG38" s="345">
        <v>0</v>
      </c>
      <c r="MH38" s="340"/>
      <c r="MI38" s="341">
        <v>0</v>
      </c>
      <c r="MJ38" s="341">
        <v>0</v>
      </c>
      <c r="MK38" s="341">
        <v>311887</v>
      </c>
      <c r="ML38" s="341">
        <v>336664</v>
      </c>
      <c r="MM38" s="341">
        <v>296014</v>
      </c>
      <c r="MN38" s="345">
        <v>944565</v>
      </c>
      <c r="MO38" s="351">
        <v>944565</v>
      </c>
      <c r="MP38" s="344">
        <v>0</v>
      </c>
      <c r="MQ38" s="341">
        <v>0</v>
      </c>
      <c r="MR38" s="345">
        <v>0</v>
      </c>
      <c r="MS38" s="340"/>
      <c r="MT38" s="341">
        <v>0</v>
      </c>
      <c r="MU38" s="341">
        <v>0</v>
      </c>
      <c r="MV38" s="341">
        <v>0</v>
      </c>
      <c r="MW38" s="341">
        <v>0</v>
      </c>
      <c r="MX38" s="341">
        <v>0</v>
      </c>
      <c r="MY38" s="345">
        <v>0</v>
      </c>
      <c r="MZ38" s="351">
        <v>0</v>
      </c>
      <c r="NA38" s="344">
        <v>0</v>
      </c>
      <c r="NB38" s="341">
        <v>0</v>
      </c>
      <c r="NC38" s="345">
        <v>0</v>
      </c>
      <c r="ND38" s="340"/>
      <c r="NE38" s="341">
        <v>0</v>
      </c>
      <c r="NF38" s="341">
        <v>0</v>
      </c>
      <c r="NG38" s="341">
        <v>0</v>
      </c>
      <c r="NH38" s="341">
        <v>0</v>
      </c>
      <c r="NI38" s="341">
        <v>296014</v>
      </c>
      <c r="NJ38" s="345">
        <v>296014</v>
      </c>
      <c r="NK38" s="343">
        <v>296014</v>
      </c>
      <c r="NL38" s="344">
        <v>0</v>
      </c>
      <c r="NM38" s="341">
        <v>0</v>
      </c>
      <c r="NN38" s="345">
        <v>0</v>
      </c>
      <c r="NO38" s="340"/>
      <c r="NP38" s="341">
        <v>0</v>
      </c>
      <c r="NQ38" s="341">
        <v>0</v>
      </c>
      <c r="NR38" s="341">
        <v>0</v>
      </c>
      <c r="NS38" s="341">
        <v>0</v>
      </c>
      <c r="NT38" s="341">
        <v>0</v>
      </c>
      <c r="NU38" s="345">
        <v>0</v>
      </c>
      <c r="NV38" s="347">
        <v>0</v>
      </c>
      <c r="NW38" s="344">
        <v>0</v>
      </c>
      <c r="NX38" s="341">
        <v>0</v>
      </c>
      <c r="NY38" s="345">
        <v>0</v>
      </c>
      <c r="NZ38" s="340"/>
      <c r="OA38" s="341">
        <v>0</v>
      </c>
      <c r="OB38" s="341">
        <v>0</v>
      </c>
      <c r="OC38" s="341">
        <v>311887</v>
      </c>
      <c r="OD38" s="341">
        <v>336664</v>
      </c>
      <c r="OE38" s="341">
        <v>0</v>
      </c>
      <c r="OF38" s="345">
        <v>648551</v>
      </c>
      <c r="OG38" s="347">
        <v>648551</v>
      </c>
      <c r="OH38" s="344">
        <v>55722</v>
      </c>
      <c r="OI38" s="341">
        <v>46814</v>
      </c>
      <c r="OJ38" s="342">
        <v>102536</v>
      </c>
      <c r="OK38" s="348">
        <v>0</v>
      </c>
      <c r="OL38" s="341">
        <v>408161</v>
      </c>
      <c r="OM38" s="341">
        <v>396224</v>
      </c>
      <c r="ON38" s="341">
        <v>611481</v>
      </c>
      <c r="OO38" s="341">
        <v>336664</v>
      </c>
      <c r="OP38" s="341">
        <v>340986</v>
      </c>
      <c r="OQ38" s="345">
        <v>2093516</v>
      </c>
      <c r="OR38" s="351">
        <v>2196052</v>
      </c>
    </row>
    <row r="39" spans="1:408" ht="20.25" customHeight="1" x14ac:dyDescent="0.2">
      <c r="A39" s="111" t="s">
        <v>34</v>
      </c>
      <c r="B39" s="318">
        <v>0</v>
      </c>
      <c r="C39" s="319">
        <v>21712</v>
      </c>
      <c r="D39" s="359">
        <v>21712</v>
      </c>
      <c r="E39" s="360">
        <v>0</v>
      </c>
      <c r="F39" s="361">
        <v>255764</v>
      </c>
      <c r="G39" s="361">
        <v>472253</v>
      </c>
      <c r="H39" s="361">
        <v>312400</v>
      </c>
      <c r="I39" s="361">
        <v>0</v>
      </c>
      <c r="J39" s="361">
        <v>0</v>
      </c>
      <c r="K39" s="362">
        <v>1040417</v>
      </c>
      <c r="L39" s="322">
        <v>1062129</v>
      </c>
      <c r="M39" s="318">
        <v>0</v>
      </c>
      <c r="N39" s="319">
        <v>21712</v>
      </c>
      <c r="O39" s="320">
        <v>21712</v>
      </c>
      <c r="P39" s="318">
        <v>0</v>
      </c>
      <c r="Q39" s="319">
        <v>24960</v>
      </c>
      <c r="R39" s="319">
        <v>111756</v>
      </c>
      <c r="S39" s="319">
        <v>94616</v>
      </c>
      <c r="T39" s="319">
        <v>0</v>
      </c>
      <c r="U39" s="319">
        <v>0</v>
      </c>
      <c r="V39" s="320">
        <v>231332</v>
      </c>
      <c r="W39" s="322">
        <v>253044</v>
      </c>
      <c r="X39" s="318">
        <v>0</v>
      </c>
      <c r="Y39" s="319">
        <v>0</v>
      </c>
      <c r="Z39" s="320">
        <v>0</v>
      </c>
      <c r="AA39" s="318">
        <v>0</v>
      </c>
      <c r="AB39" s="319">
        <v>0</v>
      </c>
      <c r="AC39" s="319">
        <v>52524</v>
      </c>
      <c r="AD39" s="319">
        <v>0</v>
      </c>
      <c r="AE39" s="319">
        <v>0</v>
      </c>
      <c r="AF39" s="319">
        <v>0</v>
      </c>
      <c r="AG39" s="320">
        <v>52524</v>
      </c>
      <c r="AH39" s="322">
        <v>52524</v>
      </c>
      <c r="AI39" s="318">
        <v>0</v>
      </c>
      <c r="AJ39" s="319">
        <v>0</v>
      </c>
      <c r="AK39" s="320">
        <v>0</v>
      </c>
      <c r="AL39" s="318">
        <v>0</v>
      </c>
      <c r="AM39" s="319">
        <v>0</v>
      </c>
      <c r="AN39" s="319">
        <v>0</v>
      </c>
      <c r="AO39" s="319">
        <v>0</v>
      </c>
      <c r="AP39" s="319">
        <v>0</v>
      </c>
      <c r="AQ39" s="319">
        <v>0</v>
      </c>
      <c r="AR39" s="320">
        <v>0</v>
      </c>
      <c r="AS39" s="322">
        <v>0</v>
      </c>
      <c r="AT39" s="318">
        <v>0</v>
      </c>
      <c r="AU39" s="319">
        <v>21712</v>
      </c>
      <c r="AV39" s="320">
        <v>21712</v>
      </c>
      <c r="AW39" s="318">
        <v>0</v>
      </c>
      <c r="AX39" s="319">
        <v>0</v>
      </c>
      <c r="AY39" s="319">
        <v>0</v>
      </c>
      <c r="AZ39" s="319">
        <v>63112</v>
      </c>
      <c r="BA39" s="319">
        <v>0</v>
      </c>
      <c r="BB39" s="319">
        <v>0</v>
      </c>
      <c r="BC39" s="320">
        <v>63112</v>
      </c>
      <c r="BD39" s="322">
        <v>84824</v>
      </c>
      <c r="BE39" s="318">
        <v>0</v>
      </c>
      <c r="BF39" s="319">
        <v>0</v>
      </c>
      <c r="BG39" s="323">
        <v>0</v>
      </c>
      <c r="BH39" s="324">
        <v>0</v>
      </c>
      <c r="BI39" s="319">
        <v>0</v>
      </c>
      <c r="BJ39" s="319">
        <v>55088</v>
      </c>
      <c r="BK39" s="319">
        <v>0</v>
      </c>
      <c r="BL39" s="319">
        <v>0</v>
      </c>
      <c r="BM39" s="319">
        <v>0</v>
      </c>
      <c r="BN39" s="320">
        <v>55088</v>
      </c>
      <c r="BO39" s="322">
        <v>55088</v>
      </c>
      <c r="BP39" s="318">
        <v>0</v>
      </c>
      <c r="BQ39" s="319">
        <v>0</v>
      </c>
      <c r="BR39" s="320">
        <v>0</v>
      </c>
      <c r="BS39" s="318">
        <v>0</v>
      </c>
      <c r="BT39" s="319">
        <v>24960</v>
      </c>
      <c r="BU39" s="319">
        <v>4144</v>
      </c>
      <c r="BV39" s="319">
        <v>31504</v>
      </c>
      <c r="BW39" s="319">
        <v>0</v>
      </c>
      <c r="BX39" s="319">
        <v>0</v>
      </c>
      <c r="BY39" s="320">
        <v>60608</v>
      </c>
      <c r="BZ39" s="322">
        <v>60608</v>
      </c>
      <c r="CA39" s="318">
        <v>0</v>
      </c>
      <c r="CB39" s="319">
        <v>0</v>
      </c>
      <c r="CC39" s="320">
        <v>0</v>
      </c>
      <c r="CD39" s="318">
        <v>0</v>
      </c>
      <c r="CE39" s="319">
        <v>80056</v>
      </c>
      <c r="CF39" s="319">
        <v>175432</v>
      </c>
      <c r="CG39" s="319">
        <v>0</v>
      </c>
      <c r="CH39" s="319">
        <v>0</v>
      </c>
      <c r="CI39" s="319">
        <v>0</v>
      </c>
      <c r="CJ39" s="320">
        <v>255488</v>
      </c>
      <c r="CK39" s="322">
        <v>255488</v>
      </c>
      <c r="CL39" s="318">
        <v>0</v>
      </c>
      <c r="CM39" s="319">
        <v>0</v>
      </c>
      <c r="CN39" s="320">
        <v>0</v>
      </c>
      <c r="CO39" s="324">
        <v>0</v>
      </c>
      <c r="CP39" s="319">
        <v>26944</v>
      </c>
      <c r="CQ39" s="319">
        <v>175432</v>
      </c>
      <c r="CR39" s="319">
        <v>0</v>
      </c>
      <c r="CS39" s="319">
        <v>0</v>
      </c>
      <c r="CT39" s="319">
        <v>0</v>
      </c>
      <c r="CU39" s="320">
        <v>202376</v>
      </c>
      <c r="CV39" s="322">
        <v>202376</v>
      </c>
      <c r="CW39" s="318">
        <v>0</v>
      </c>
      <c r="CX39" s="319">
        <v>0</v>
      </c>
      <c r="CY39" s="320">
        <v>0</v>
      </c>
      <c r="CZ39" s="318">
        <v>0</v>
      </c>
      <c r="DA39" s="319">
        <v>53112</v>
      </c>
      <c r="DB39" s="319">
        <v>0</v>
      </c>
      <c r="DC39" s="319">
        <v>0</v>
      </c>
      <c r="DD39" s="319">
        <v>0</v>
      </c>
      <c r="DE39" s="319">
        <v>0</v>
      </c>
      <c r="DF39" s="320">
        <v>53112</v>
      </c>
      <c r="DG39" s="322">
        <v>53112</v>
      </c>
      <c r="DH39" s="318">
        <v>0</v>
      </c>
      <c r="DI39" s="319">
        <v>0</v>
      </c>
      <c r="DJ39" s="323">
        <v>0</v>
      </c>
      <c r="DK39" s="324">
        <v>0</v>
      </c>
      <c r="DL39" s="319">
        <v>0</v>
      </c>
      <c r="DM39" s="319">
        <v>0</v>
      </c>
      <c r="DN39" s="319">
        <v>0</v>
      </c>
      <c r="DO39" s="319">
        <v>0</v>
      </c>
      <c r="DP39" s="319">
        <v>0</v>
      </c>
      <c r="DQ39" s="320">
        <v>0</v>
      </c>
      <c r="DR39" s="322">
        <v>0</v>
      </c>
      <c r="DS39" s="318">
        <v>0</v>
      </c>
      <c r="DT39" s="319">
        <v>0</v>
      </c>
      <c r="DU39" s="320">
        <v>0</v>
      </c>
      <c r="DV39" s="318">
        <v>0</v>
      </c>
      <c r="DW39" s="319">
        <v>0</v>
      </c>
      <c r="DX39" s="319">
        <v>0</v>
      </c>
      <c r="DY39" s="319">
        <v>0</v>
      </c>
      <c r="DZ39" s="319">
        <v>0</v>
      </c>
      <c r="EA39" s="319">
        <v>0</v>
      </c>
      <c r="EB39" s="320">
        <v>0</v>
      </c>
      <c r="EC39" s="322">
        <v>0</v>
      </c>
      <c r="ED39" s="318">
        <v>0</v>
      </c>
      <c r="EE39" s="323">
        <v>0</v>
      </c>
      <c r="EF39" s="320">
        <v>0</v>
      </c>
      <c r="EG39" s="318">
        <v>0</v>
      </c>
      <c r="EH39" s="319">
        <v>0</v>
      </c>
      <c r="EI39" s="319">
        <v>0</v>
      </c>
      <c r="EJ39" s="319">
        <v>0</v>
      </c>
      <c r="EK39" s="319">
        <v>0</v>
      </c>
      <c r="EL39" s="319">
        <v>0</v>
      </c>
      <c r="EM39" s="323">
        <v>0</v>
      </c>
      <c r="EN39" s="322">
        <v>0</v>
      </c>
      <c r="EO39" s="318">
        <v>0</v>
      </c>
      <c r="EP39" s="319">
        <v>0</v>
      </c>
      <c r="EQ39" s="323">
        <v>0</v>
      </c>
      <c r="ER39" s="324">
        <v>0</v>
      </c>
      <c r="ES39" s="319">
        <v>0</v>
      </c>
      <c r="ET39" s="319">
        <v>0</v>
      </c>
      <c r="EU39" s="319">
        <v>0</v>
      </c>
      <c r="EV39" s="319">
        <v>0</v>
      </c>
      <c r="EW39" s="319">
        <v>0</v>
      </c>
      <c r="EX39" s="320">
        <v>0</v>
      </c>
      <c r="EY39" s="322">
        <v>0</v>
      </c>
      <c r="EZ39" s="318">
        <v>0</v>
      </c>
      <c r="FA39" s="319">
        <v>0</v>
      </c>
      <c r="FB39" s="323">
        <v>0</v>
      </c>
      <c r="FC39" s="325"/>
      <c r="FD39" s="319">
        <v>0</v>
      </c>
      <c r="FE39" s="319">
        <v>0</v>
      </c>
      <c r="FF39" s="319">
        <v>0</v>
      </c>
      <c r="FG39" s="319">
        <v>0</v>
      </c>
      <c r="FH39" s="319">
        <v>0</v>
      </c>
      <c r="FI39" s="320">
        <v>0</v>
      </c>
      <c r="FJ39" s="322">
        <v>0</v>
      </c>
      <c r="FK39" s="318">
        <v>0</v>
      </c>
      <c r="FL39" s="319">
        <v>0</v>
      </c>
      <c r="FM39" s="320">
        <v>0</v>
      </c>
      <c r="FN39" s="318">
        <v>0</v>
      </c>
      <c r="FO39" s="319">
        <v>2400</v>
      </c>
      <c r="FP39" s="319">
        <v>10384</v>
      </c>
      <c r="FQ39" s="319">
        <v>38544</v>
      </c>
      <c r="FR39" s="319">
        <v>0</v>
      </c>
      <c r="FS39" s="319">
        <v>0</v>
      </c>
      <c r="FT39" s="320">
        <v>51328</v>
      </c>
      <c r="FU39" s="322">
        <v>51328</v>
      </c>
      <c r="FV39" s="326">
        <v>0</v>
      </c>
      <c r="FW39" s="319">
        <v>0</v>
      </c>
      <c r="FX39" s="323">
        <v>0</v>
      </c>
      <c r="FY39" s="324">
        <v>0</v>
      </c>
      <c r="FZ39" s="319">
        <v>2400</v>
      </c>
      <c r="GA39" s="319">
        <v>10384</v>
      </c>
      <c r="GB39" s="319">
        <v>38544</v>
      </c>
      <c r="GC39" s="319">
        <v>0</v>
      </c>
      <c r="GD39" s="319">
        <v>0</v>
      </c>
      <c r="GE39" s="320">
        <v>51328</v>
      </c>
      <c r="GF39" s="327">
        <v>51328</v>
      </c>
      <c r="GG39" s="326">
        <v>0</v>
      </c>
      <c r="GH39" s="319">
        <v>0</v>
      </c>
      <c r="GI39" s="323">
        <v>0</v>
      </c>
      <c r="GJ39" s="324">
        <v>0</v>
      </c>
      <c r="GK39" s="319">
        <v>0</v>
      </c>
      <c r="GL39" s="319">
        <v>0</v>
      </c>
      <c r="GM39" s="319">
        <v>0</v>
      </c>
      <c r="GN39" s="319">
        <v>0</v>
      </c>
      <c r="GO39" s="319">
        <v>0</v>
      </c>
      <c r="GP39" s="320">
        <v>0</v>
      </c>
      <c r="GQ39" s="322">
        <v>0</v>
      </c>
      <c r="GR39" s="318">
        <v>0</v>
      </c>
      <c r="GS39" s="319">
        <v>0</v>
      </c>
      <c r="GT39" s="320">
        <v>0</v>
      </c>
      <c r="GU39" s="318">
        <v>0</v>
      </c>
      <c r="GV39" s="319">
        <v>0</v>
      </c>
      <c r="GW39" s="319">
        <v>0</v>
      </c>
      <c r="GX39" s="319">
        <v>0</v>
      </c>
      <c r="GY39" s="319">
        <v>0</v>
      </c>
      <c r="GZ39" s="319">
        <v>0</v>
      </c>
      <c r="HA39" s="323">
        <v>0</v>
      </c>
      <c r="HB39" s="322">
        <v>0</v>
      </c>
      <c r="HC39" s="318">
        <v>0</v>
      </c>
      <c r="HD39" s="319">
        <v>0</v>
      </c>
      <c r="HE39" s="323">
        <v>0</v>
      </c>
      <c r="HF39" s="324">
        <v>0</v>
      </c>
      <c r="HG39" s="319">
        <v>148348</v>
      </c>
      <c r="HH39" s="319">
        <v>174681</v>
      </c>
      <c r="HI39" s="319">
        <v>179240</v>
      </c>
      <c r="HJ39" s="319">
        <v>0</v>
      </c>
      <c r="HK39" s="319">
        <v>0</v>
      </c>
      <c r="HL39" s="320">
        <v>502269</v>
      </c>
      <c r="HM39" s="321">
        <v>502269</v>
      </c>
      <c r="HN39" s="411"/>
      <c r="HO39" s="412"/>
      <c r="HP39" s="413"/>
      <c r="HQ39" s="414"/>
      <c r="HR39" s="412"/>
      <c r="HS39" s="412"/>
      <c r="HT39" s="412"/>
      <c r="HU39" s="412"/>
      <c r="HV39" s="412"/>
      <c r="HW39" s="415"/>
      <c r="HX39" s="416"/>
      <c r="HY39" s="328">
        <v>0</v>
      </c>
      <c r="HZ39" s="329">
        <v>0</v>
      </c>
      <c r="IA39" s="330">
        <v>0</v>
      </c>
      <c r="IB39" s="353">
        <v>0</v>
      </c>
      <c r="IC39" s="329">
        <v>416464</v>
      </c>
      <c r="ID39" s="354">
        <v>0</v>
      </c>
      <c r="IE39" s="330">
        <v>0</v>
      </c>
      <c r="IF39" s="329">
        <v>0</v>
      </c>
      <c r="IG39" s="330">
        <v>0</v>
      </c>
      <c r="IH39" s="355">
        <v>416464</v>
      </c>
      <c r="II39" s="336">
        <v>416464</v>
      </c>
      <c r="IJ39" s="337">
        <v>0</v>
      </c>
      <c r="IK39" s="338">
        <v>0</v>
      </c>
      <c r="IL39" s="339">
        <v>0</v>
      </c>
      <c r="IM39" s="340"/>
      <c r="IN39" s="341">
        <v>0</v>
      </c>
      <c r="IO39" s="341">
        <v>0</v>
      </c>
      <c r="IP39" s="341">
        <v>0</v>
      </c>
      <c r="IQ39" s="341">
        <v>0</v>
      </c>
      <c r="IR39" s="341">
        <v>0</v>
      </c>
      <c r="IS39" s="342">
        <v>0</v>
      </c>
      <c r="IT39" s="343">
        <v>0</v>
      </c>
      <c r="IU39" s="344">
        <v>0</v>
      </c>
      <c r="IV39" s="341">
        <v>0</v>
      </c>
      <c r="IW39" s="345">
        <v>0</v>
      </c>
      <c r="IX39" s="340"/>
      <c r="IY39" s="341">
        <v>0</v>
      </c>
      <c r="IZ39" s="341">
        <v>0</v>
      </c>
      <c r="JA39" s="341">
        <v>0</v>
      </c>
      <c r="JB39" s="341">
        <v>0</v>
      </c>
      <c r="JC39" s="341">
        <v>0</v>
      </c>
      <c r="JD39" s="345">
        <v>0</v>
      </c>
      <c r="JE39" s="347">
        <v>0</v>
      </c>
      <c r="JF39" s="344">
        <v>0</v>
      </c>
      <c r="JG39" s="341">
        <v>0</v>
      </c>
      <c r="JH39" s="342">
        <v>0</v>
      </c>
      <c r="JI39" s="348">
        <v>0</v>
      </c>
      <c r="JJ39" s="341">
        <v>171376</v>
      </c>
      <c r="JK39" s="341">
        <v>0</v>
      </c>
      <c r="JL39" s="341">
        <v>0</v>
      </c>
      <c r="JM39" s="341">
        <v>0</v>
      </c>
      <c r="JN39" s="341">
        <v>0</v>
      </c>
      <c r="JO39" s="345">
        <v>171376</v>
      </c>
      <c r="JP39" s="343">
        <v>171376</v>
      </c>
      <c r="JQ39" s="344">
        <v>0</v>
      </c>
      <c r="JR39" s="341">
        <v>0</v>
      </c>
      <c r="JS39" s="342">
        <v>0</v>
      </c>
      <c r="JT39" s="348">
        <v>0</v>
      </c>
      <c r="JU39" s="341">
        <v>0</v>
      </c>
      <c r="JV39" s="341">
        <v>0</v>
      </c>
      <c r="JW39" s="341">
        <v>0</v>
      </c>
      <c r="JX39" s="341">
        <v>0</v>
      </c>
      <c r="JY39" s="341">
        <v>0</v>
      </c>
      <c r="JZ39" s="345">
        <v>0</v>
      </c>
      <c r="KA39" s="343">
        <v>0</v>
      </c>
      <c r="KB39" s="349">
        <v>0</v>
      </c>
      <c r="KC39" s="350">
        <v>0</v>
      </c>
      <c r="KD39" s="345">
        <v>0</v>
      </c>
      <c r="KE39" s="348">
        <v>0</v>
      </c>
      <c r="KF39" s="341">
        <v>110712</v>
      </c>
      <c r="KG39" s="341">
        <v>0</v>
      </c>
      <c r="KH39" s="341">
        <v>0</v>
      </c>
      <c r="KI39" s="341">
        <v>0</v>
      </c>
      <c r="KJ39" s="341">
        <v>0</v>
      </c>
      <c r="KK39" s="345">
        <v>110712</v>
      </c>
      <c r="KL39" s="351">
        <v>110712</v>
      </c>
      <c r="KM39" s="337">
        <v>0</v>
      </c>
      <c r="KN39" s="338">
        <v>0</v>
      </c>
      <c r="KO39" s="339">
        <v>0</v>
      </c>
      <c r="KP39" s="340"/>
      <c r="KQ39" s="341">
        <v>0</v>
      </c>
      <c r="KR39" s="341">
        <v>0</v>
      </c>
      <c r="KS39" s="341">
        <v>0</v>
      </c>
      <c r="KT39" s="341">
        <v>0</v>
      </c>
      <c r="KU39" s="341">
        <v>0</v>
      </c>
      <c r="KV39" s="345">
        <v>0</v>
      </c>
      <c r="KW39" s="343">
        <v>0</v>
      </c>
      <c r="KX39" s="344">
        <v>0</v>
      </c>
      <c r="KY39" s="341">
        <v>0</v>
      </c>
      <c r="KZ39" s="345">
        <v>0</v>
      </c>
      <c r="LA39" s="340"/>
      <c r="LB39" s="341">
        <v>0</v>
      </c>
      <c r="LC39" s="341">
        <v>0</v>
      </c>
      <c r="LD39" s="341">
        <v>0</v>
      </c>
      <c r="LE39" s="341">
        <v>0</v>
      </c>
      <c r="LF39" s="341">
        <v>0</v>
      </c>
      <c r="LG39" s="345">
        <v>0</v>
      </c>
      <c r="LH39" s="347">
        <v>0</v>
      </c>
      <c r="LI39" s="344">
        <v>0</v>
      </c>
      <c r="LJ39" s="341">
        <v>0</v>
      </c>
      <c r="LK39" s="345">
        <v>0</v>
      </c>
      <c r="LL39" s="340"/>
      <c r="LM39" s="341">
        <v>0</v>
      </c>
      <c r="LN39" s="341">
        <v>0</v>
      </c>
      <c r="LO39" s="341">
        <v>0</v>
      </c>
      <c r="LP39" s="341">
        <v>0</v>
      </c>
      <c r="LQ39" s="341">
        <v>0</v>
      </c>
      <c r="LR39" s="345">
        <v>0</v>
      </c>
      <c r="LS39" s="343">
        <v>0</v>
      </c>
      <c r="LT39" s="344">
        <v>0</v>
      </c>
      <c r="LU39" s="341">
        <v>0</v>
      </c>
      <c r="LV39" s="345">
        <v>0</v>
      </c>
      <c r="LW39" s="340"/>
      <c r="LX39" s="341">
        <v>134376</v>
      </c>
      <c r="LY39" s="341">
        <v>0</v>
      </c>
      <c r="LZ39" s="341">
        <v>0</v>
      </c>
      <c r="MA39" s="341">
        <v>0</v>
      </c>
      <c r="MB39" s="341">
        <v>0</v>
      </c>
      <c r="MC39" s="345">
        <v>134376</v>
      </c>
      <c r="MD39" s="347">
        <v>134376</v>
      </c>
      <c r="ME39" s="344">
        <v>0</v>
      </c>
      <c r="MF39" s="341">
        <v>0</v>
      </c>
      <c r="MG39" s="345">
        <v>0</v>
      </c>
      <c r="MH39" s="340"/>
      <c r="MI39" s="341">
        <v>0</v>
      </c>
      <c r="MJ39" s="341">
        <v>0</v>
      </c>
      <c r="MK39" s="341">
        <v>208320</v>
      </c>
      <c r="ML39" s="341">
        <v>0</v>
      </c>
      <c r="MM39" s="341">
        <v>270128</v>
      </c>
      <c r="MN39" s="345">
        <v>478448</v>
      </c>
      <c r="MO39" s="351">
        <v>478448</v>
      </c>
      <c r="MP39" s="344">
        <v>0</v>
      </c>
      <c r="MQ39" s="341">
        <v>0</v>
      </c>
      <c r="MR39" s="345">
        <v>0</v>
      </c>
      <c r="MS39" s="340"/>
      <c r="MT39" s="341">
        <v>0</v>
      </c>
      <c r="MU39" s="341">
        <v>0</v>
      </c>
      <c r="MV39" s="341">
        <v>208320</v>
      </c>
      <c r="MW39" s="341">
        <v>0</v>
      </c>
      <c r="MX39" s="341">
        <v>270128</v>
      </c>
      <c r="MY39" s="345">
        <v>478448</v>
      </c>
      <c r="MZ39" s="351">
        <v>478448</v>
      </c>
      <c r="NA39" s="344">
        <v>0</v>
      </c>
      <c r="NB39" s="341">
        <v>0</v>
      </c>
      <c r="NC39" s="345">
        <v>0</v>
      </c>
      <c r="ND39" s="340"/>
      <c r="NE39" s="341">
        <v>0</v>
      </c>
      <c r="NF39" s="341">
        <v>0</v>
      </c>
      <c r="NG39" s="341">
        <v>0</v>
      </c>
      <c r="NH39" s="341">
        <v>0</v>
      </c>
      <c r="NI39" s="341">
        <v>0</v>
      </c>
      <c r="NJ39" s="345">
        <v>0</v>
      </c>
      <c r="NK39" s="343">
        <v>0</v>
      </c>
      <c r="NL39" s="344">
        <v>0</v>
      </c>
      <c r="NM39" s="341">
        <v>0</v>
      </c>
      <c r="NN39" s="345">
        <v>0</v>
      </c>
      <c r="NO39" s="340"/>
      <c r="NP39" s="341">
        <v>0</v>
      </c>
      <c r="NQ39" s="341">
        <v>0</v>
      </c>
      <c r="NR39" s="341">
        <v>0</v>
      </c>
      <c r="NS39" s="341">
        <v>0</v>
      </c>
      <c r="NT39" s="341">
        <v>0</v>
      </c>
      <c r="NU39" s="345">
        <v>0</v>
      </c>
      <c r="NV39" s="347">
        <v>0</v>
      </c>
      <c r="NW39" s="344">
        <v>0</v>
      </c>
      <c r="NX39" s="341">
        <v>0</v>
      </c>
      <c r="NY39" s="345">
        <v>0</v>
      </c>
      <c r="NZ39" s="340"/>
      <c r="OA39" s="341">
        <v>0</v>
      </c>
      <c r="OB39" s="341">
        <v>0</v>
      </c>
      <c r="OC39" s="341">
        <v>0</v>
      </c>
      <c r="OD39" s="341">
        <v>0</v>
      </c>
      <c r="OE39" s="341">
        <v>0</v>
      </c>
      <c r="OF39" s="345">
        <v>0</v>
      </c>
      <c r="OG39" s="347">
        <v>0</v>
      </c>
      <c r="OH39" s="344">
        <v>0</v>
      </c>
      <c r="OI39" s="341">
        <v>21712</v>
      </c>
      <c r="OJ39" s="342">
        <v>21712</v>
      </c>
      <c r="OK39" s="348">
        <v>0</v>
      </c>
      <c r="OL39" s="341">
        <v>672228</v>
      </c>
      <c r="OM39" s="341">
        <v>472253</v>
      </c>
      <c r="ON39" s="341">
        <v>520720</v>
      </c>
      <c r="OO39" s="341">
        <v>0</v>
      </c>
      <c r="OP39" s="341">
        <v>270128</v>
      </c>
      <c r="OQ39" s="345">
        <v>1935329</v>
      </c>
      <c r="OR39" s="351">
        <v>1957041</v>
      </c>
    </row>
    <row r="40" spans="1:408" ht="20.25" customHeight="1" x14ac:dyDescent="0.2">
      <c r="A40" s="111" t="s">
        <v>35</v>
      </c>
      <c r="B40" s="318">
        <v>178726</v>
      </c>
      <c r="C40" s="319">
        <v>97717</v>
      </c>
      <c r="D40" s="320">
        <v>276443</v>
      </c>
      <c r="E40" s="321">
        <v>0</v>
      </c>
      <c r="F40" s="319">
        <v>1538944</v>
      </c>
      <c r="G40" s="319">
        <v>1756160</v>
      </c>
      <c r="H40" s="319">
        <v>458146</v>
      </c>
      <c r="I40" s="319">
        <v>1063787</v>
      </c>
      <c r="J40" s="319">
        <v>539234</v>
      </c>
      <c r="K40" s="358">
        <v>5356271</v>
      </c>
      <c r="L40" s="322">
        <v>5632714</v>
      </c>
      <c r="M40" s="318">
        <v>29328</v>
      </c>
      <c r="N40" s="319">
        <v>8184</v>
      </c>
      <c r="O40" s="320">
        <v>37512</v>
      </c>
      <c r="P40" s="318">
        <v>0</v>
      </c>
      <c r="Q40" s="319">
        <v>280704</v>
      </c>
      <c r="R40" s="319">
        <v>668120</v>
      </c>
      <c r="S40" s="319">
        <v>81088</v>
      </c>
      <c r="T40" s="319">
        <v>63952</v>
      </c>
      <c r="U40" s="319">
        <v>296070</v>
      </c>
      <c r="V40" s="320">
        <v>1389934</v>
      </c>
      <c r="W40" s="322">
        <v>1427446</v>
      </c>
      <c r="X40" s="318">
        <v>0</v>
      </c>
      <c r="Y40" s="319">
        <v>0</v>
      </c>
      <c r="Z40" s="320">
        <v>0</v>
      </c>
      <c r="AA40" s="318">
        <v>0</v>
      </c>
      <c r="AB40" s="319">
        <v>90208</v>
      </c>
      <c r="AC40" s="319">
        <v>287863</v>
      </c>
      <c r="AD40" s="319">
        <v>0</v>
      </c>
      <c r="AE40" s="319">
        <v>0</v>
      </c>
      <c r="AF40" s="319">
        <v>175950</v>
      </c>
      <c r="AG40" s="320">
        <v>554021</v>
      </c>
      <c r="AH40" s="322">
        <v>554021</v>
      </c>
      <c r="AI40" s="318">
        <v>0</v>
      </c>
      <c r="AJ40" s="319">
        <v>0</v>
      </c>
      <c r="AK40" s="320">
        <v>0</v>
      </c>
      <c r="AL40" s="318">
        <v>0</v>
      </c>
      <c r="AM40" s="319">
        <v>0</v>
      </c>
      <c r="AN40" s="319">
        <v>0</v>
      </c>
      <c r="AO40" s="319">
        <v>0</v>
      </c>
      <c r="AP40" s="319">
        <v>0</v>
      </c>
      <c r="AQ40" s="319">
        <v>97344</v>
      </c>
      <c r="AR40" s="320">
        <v>97344</v>
      </c>
      <c r="AS40" s="322">
        <v>97344</v>
      </c>
      <c r="AT40" s="318">
        <v>0</v>
      </c>
      <c r="AU40" s="319">
        <v>0</v>
      </c>
      <c r="AV40" s="320">
        <v>0</v>
      </c>
      <c r="AW40" s="318">
        <v>0</v>
      </c>
      <c r="AX40" s="319">
        <v>41376</v>
      </c>
      <c r="AY40" s="319">
        <v>189657</v>
      </c>
      <c r="AZ40" s="319">
        <v>0</v>
      </c>
      <c r="BA40" s="319">
        <v>0</v>
      </c>
      <c r="BB40" s="319">
        <v>0</v>
      </c>
      <c r="BC40" s="320">
        <v>231033</v>
      </c>
      <c r="BD40" s="322">
        <v>231033</v>
      </c>
      <c r="BE40" s="318">
        <v>0</v>
      </c>
      <c r="BF40" s="319">
        <v>0</v>
      </c>
      <c r="BG40" s="323">
        <v>0</v>
      </c>
      <c r="BH40" s="324">
        <v>0</v>
      </c>
      <c r="BI40" s="319">
        <v>69824</v>
      </c>
      <c r="BJ40" s="319">
        <v>30592</v>
      </c>
      <c r="BK40" s="319">
        <v>24960</v>
      </c>
      <c r="BL40" s="319">
        <v>0</v>
      </c>
      <c r="BM40" s="319">
        <v>0</v>
      </c>
      <c r="BN40" s="320">
        <v>125376</v>
      </c>
      <c r="BO40" s="322">
        <v>125376</v>
      </c>
      <c r="BP40" s="318">
        <v>29328</v>
      </c>
      <c r="BQ40" s="319">
        <v>8184</v>
      </c>
      <c r="BR40" s="320">
        <v>37512</v>
      </c>
      <c r="BS40" s="318">
        <v>0</v>
      </c>
      <c r="BT40" s="319">
        <v>79296</v>
      </c>
      <c r="BU40" s="319">
        <v>160008</v>
      </c>
      <c r="BV40" s="319">
        <v>56128</v>
      </c>
      <c r="BW40" s="319">
        <v>63952</v>
      </c>
      <c r="BX40" s="319">
        <v>22776</v>
      </c>
      <c r="BY40" s="320">
        <v>382160</v>
      </c>
      <c r="BZ40" s="322">
        <v>419672</v>
      </c>
      <c r="CA40" s="318">
        <v>39792</v>
      </c>
      <c r="CB40" s="319">
        <v>0</v>
      </c>
      <c r="CC40" s="320">
        <v>39792</v>
      </c>
      <c r="CD40" s="318">
        <v>0</v>
      </c>
      <c r="CE40" s="319">
        <v>275112</v>
      </c>
      <c r="CF40" s="319">
        <v>432584</v>
      </c>
      <c r="CG40" s="319">
        <v>0</v>
      </c>
      <c r="CH40" s="319">
        <v>378120</v>
      </c>
      <c r="CI40" s="319">
        <v>0</v>
      </c>
      <c r="CJ40" s="320">
        <v>1085816</v>
      </c>
      <c r="CK40" s="322">
        <v>1125608</v>
      </c>
      <c r="CL40" s="318">
        <v>0</v>
      </c>
      <c r="CM40" s="319">
        <v>0</v>
      </c>
      <c r="CN40" s="320">
        <v>0</v>
      </c>
      <c r="CO40" s="324">
        <v>0</v>
      </c>
      <c r="CP40" s="319">
        <v>215360</v>
      </c>
      <c r="CQ40" s="319">
        <v>343312</v>
      </c>
      <c r="CR40" s="319">
        <v>0</v>
      </c>
      <c r="CS40" s="319">
        <v>245440</v>
      </c>
      <c r="CT40" s="319">
        <v>0</v>
      </c>
      <c r="CU40" s="320">
        <v>804112</v>
      </c>
      <c r="CV40" s="322">
        <v>804112</v>
      </c>
      <c r="CW40" s="318">
        <v>39792</v>
      </c>
      <c r="CX40" s="319">
        <v>0</v>
      </c>
      <c r="CY40" s="320">
        <v>39792</v>
      </c>
      <c r="CZ40" s="318">
        <v>0</v>
      </c>
      <c r="DA40" s="319">
        <v>59752</v>
      </c>
      <c r="DB40" s="319">
        <v>89272</v>
      </c>
      <c r="DC40" s="319">
        <v>0</v>
      </c>
      <c r="DD40" s="319">
        <v>132680</v>
      </c>
      <c r="DE40" s="319">
        <v>0</v>
      </c>
      <c r="DF40" s="320">
        <v>281704</v>
      </c>
      <c r="DG40" s="322">
        <v>321496</v>
      </c>
      <c r="DH40" s="318">
        <v>0</v>
      </c>
      <c r="DI40" s="319">
        <v>0</v>
      </c>
      <c r="DJ40" s="323">
        <v>0</v>
      </c>
      <c r="DK40" s="324">
        <v>0</v>
      </c>
      <c r="DL40" s="319">
        <v>0</v>
      </c>
      <c r="DM40" s="319">
        <v>65008</v>
      </c>
      <c r="DN40" s="319">
        <v>0</v>
      </c>
      <c r="DO40" s="319">
        <v>179584</v>
      </c>
      <c r="DP40" s="319">
        <v>0</v>
      </c>
      <c r="DQ40" s="320">
        <v>244592</v>
      </c>
      <c r="DR40" s="322">
        <v>244592</v>
      </c>
      <c r="DS40" s="318">
        <v>0</v>
      </c>
      <c r="DT40" s="319">
        <v>0</v>
      </c>
      <c r="DU40" s="320">
        <v>0</v>
      </c>
      <c r="DV40" s="318">
        <v>0</v>
      </c>
      <c r="DW40" s="319">
        <v>0</v>
      </c>
      <c r="DX40" s="319">
        <v>65008</v>
      </c>
      <c r="DY40" s="319">
        <v>0</v>
      </c>
      <c r="DZ40" s="319">
        <v>0</v>
      </c>
      <c r="EA40" s="319">
        <v>0</v>
      </c>
      <c r="EB40" s="320">
        <v>65008</v>
      </c>
      <c r="EC40" s="322">
        <v>65008</v>
      </c>
      <c r="ED40" s="318">
        <v>0</v>
      </c>
      <c r="EE40" s="323">
        <v>0</v>
      </c>
      <c r="EF40" s="320">
        <v>0</v>
      </c>
      <c r="EG40" s="318">
        <v>0</v>
      </c>
      <c r="EH40" s="319">
        <v>0</v>
      </c>
      <c r="EI40" s="319">
        <v>0</v>
      </c>
      <c r="EJ40" s="319">
        <v>0</v>
      </c>
      <c r="EK40" s="319">
        <v>179584</v>
      </c>
      <c r="EL40" s="319">
        <v>0</v>
      </c>
      <c r="EM40" s="323">
        <v>179584</v>
      </c>
      <c r="EN40" s="322">
        <v>179584</v>
      </c>
      <c r="EO40" s="318">
        <v>0</v>
      </c>
      <c r="EP40" s="319">
        <v>0</v>
      </c>
      <c r="EQ40" s="323">
        <v>0</v>
      </c>
      <c r="ER40" s="324">
        <v>0</v>
      </c>
      <c r="ES40" s="319">
        <v>0</v>
      </c>
      <c r="ET40" s="319">
        <v>0</v>
      </c>
      <c r="EU40" s="319">
        <v>0</v>
      </c>
      <c r="EV40" s="319">
        <v>0</v>
      </c>
      <c r="EW40" s="319">
        <v>0</v>
      </c>
      <c r="EX40" s="320">
        <v>0</v>
      </c>
      <c r="EY40" s="322">
        <v>0</v>
      </c>
      <c r="EZ40" s="318">
        <v>0</v>
      </c>
      <c r="FA40" s="319">
        <v>0</v>
      </c>
      <c r="FB40" s="323">
        <v>0</v>
      </c>
      <c r="FC40" s="325"/>
      <c r="FD40" s="319">
        <v>0</v>
      </c>
      <c r="FE40" s="319">
        <v>0</v>
      </c>
      <c r="FF40" s="319">
        <v>0</v>
      </c>
      <c r="FG40" s="319">
        <v>0</v>
      </c>
      <c r="FH40" s="319">
        <v>0</v>
      </c>
      <c r="FI40" s="320">
        <v>0</v>
      </c>
      <c r="FJ40" s="322">
        <v>0</v>
      </c>
      <c r="FK40" s="318">
        <v>0</v>
      </c>
      <c r="FL40" s="319">
        <v>3200</v>
      </c>
      <c r="FM40" s="320">
        <v>3200</v>
      </c>
      <c r="FN40" s="318">
        <v>0</v>
      </c>
      <c r="FO40" s="319">
        <v>238400</v>
      </c>
      <c r="FP40" s="319">
        <v>94960</v>
      </c>
      <c r="FQ40" s="319">
        <v>2800</v>
      </c>
      <c r="FR40" s="319">
        <v>33104</v>
      </c>
      <c r="FS40" s="319">
        <v>8800</v>
      </c>
      <c r="FT40" s="320">
        <v>378064</v>
      </c>
      <c r="FU40" s="322">
        <v>381264</v>
      </c>
      <c r="FV40" s="326">
        <v>0</v>
      </c>
      <c r="FW40" s="319">
        <v>3200</v>
      </c>
      <c r="FX40" s="323">
        <v>3200</v>
      </c>
      <c r="FY40" s="324">
        <v>0</v>
      </c>
      <c r="FZ40" s="319">
        <v>21200</v>
      </c>
      <c r="GA40" s="319">
        <v>94960</v>
      </c>
      <c r="GB40" s="319">
        <v>2800</v>
      </c>
      <c r="GC40" s="319">
        <v>33104</v>
      </c>
      <c r="GD40" s="319">
        <v>8800</v>
      </c>
      <c r="GE40" s="320">
        <v>160864</v>
      </c>
      <c r="GF40" s="327">
        <v>164064</v>
      </c>
      <c r="GG40" s="326">
        <v>0</v>
      </c>
      <c r="GH40" s="319">
        <v>0</v>
      </c>
      <c r="GI40" s="323">
        <v>0</v>
      </c>
      <c r="GJ40" s="324">
        <v>0</v>
      </c>
      <c r="GK40" s="319">
        <v>0</v>
      </c>
      <c r="GL40" s="319">
        <v>0</v>
      </c>
      <c r="GM40" s="319">
        <v>0</v>
      </c>
      <c r="GN40" s="319">
        <v>0</v>
      </c>
      <c r="GO40" s="319">
        <v>0</v>
      </c>
      <c r="GP40" s="320">
        <v>0</v>
      </c>
      <c r="GQ40" s="322">
        <v>0</v>
      </c>
      <c r="GR40" s="318">
        <v>0</v>
      </c>
      <c r="GS40" s="319">
        <v>0</v>
      </c>
      <c r="GT40" s="320">
        <v>0</v>
      </c>
      <c r="GU40" s="318">
        <v>0</v>
      </c>
      <c r="GV40" s="319">
        <v>217200</v>
      </c>
      <c r="GW40" s="319">
        <v>0</v>
      </c>
      <c r="GX40" s="319">
        <v>0</v>
      </c>
      <c r="GY40" s="319">
        <v>0</v>
      </c>
      <c r="GZ40" s="319">
        <v>0</v>
      </c>
      <c r="HA40" s="323">
        <v>217200</v>
      </c>
      <c r="HB40" s="322">
        <v>217200</v>
      </c>
      <c r="HC40" s="318">
        <v>109606</v>
      </c>
      <c r="HD40" s="319">
        <v>86333</v>
      </c>
      <c r="HE40" s="323">
        <v>195939</v>
      </c>
      <c r="HF40" s="324">
        <v>0</v>
      </c>
      <c r="HG40" s="319">
        <v>744728</v>
      </c>
      <c r="HH40" s="319">
        <v>495488</v>
      </c>
      <c r="HI40" s="319">
        <v>374258</v>
      </c>
      <c r="HJ40" s="319">
        <v>409027</v>
      </c>
      <c r="HK40" s="319">
        <v>234364</v>
      </c>
      <c r="HL40" s="320">
        <v>2257865</v>
      </c>
      <c r="HM40" s="321">
        <v>2453804</v>
      </c>
      <c r="HN40" s="411"/>
      <c r="HO40" s="412"/>
      <c r="HP40" s="413"/>
      <c r="HQ40" s="414"/>
      <c r="HR40" s="412"/>
      <c r="HS40" s="412"/>
      <c r="HT40" s="412"/>
      <c r="HU40" s="412"/>
      <c r="HV40" s="412"/>
      <c r="HW40" s="415"/>
      <c r="HX40" s="416"/>
      <c r="HY40" s="357">
        <v>0</v>
      </c>
      <c r="HZ40" s="332">
        <v>0</v>
      </c>
      <c r="IA40" s="357">
        <v>0</v>
      </c>
      <c r="IB40" s="353">
        <v>0</v>
      </c>
      <c r="IC40" s="329">
        <v>121944</v>
      </c>
      <c r="ID40" s="354">
        <v>397640</v>
      </c>
      <c r="IE40" s="330">
        <v>0</v>
      </c>
      <c r="IF40" s="329">
        <v>63208</v>
      </c>
      <c r="IG40" s="330">
        <v>0</v>
      </c>
      <c r="IH40" s="355">
        <v>582792</v>
      </c>
      <c r="II40" s="357">
        <v>582792</v>
      </c>
      <c r="IJ40" s="337">
        <v>0</v>
      </c>
      <c r="IK40" s="338">
        <v>0</v>
      </c>
      <c r="IL40" s="339">
        <v>0</v>
      </c>
      <c r="IM40" s="340"/>
      <c r="IN40" s="341">
        <v>0</v>
      </c>
      <c r="IO40" s="341">
        <v>65760</v>
      </c>
      <c r="IP40" s="341">
        <v>0</v>
      </c>
      <c r="IQ40" s="341">
        <v>0</v>
      </c>
      <c r="IR40" s="341">
        <v>0</v>
      </c>
      <c r="IS40" s="342">
        <v>65760</v>
      </c>
      <c r="IT40" s="343">
        <v>65760</v>
      </c>
      <c r="IU40" s="344">
        <v>0</v>
      </c>
      <c r="IV40" s="341">
        <v>0</v>
      </c>
      <c r="IW40" s="345">
        <v>0</v>
      </c>
      <c r="IX40" s="340"/>
      <c r="IY40" s="341">
        <v>0</v>
      </c>
      <c r="IZ40" s="341">
        <v>0</v>
      </c>
      <c r="JA40" s="341">
        <v>0</v>
      </c>
      <c r="JB40" s="341">
        <v>0</v>
      </c>
      <c r="JC40" s="341">
        <v>0</v>
      </c>
      <c r="JD40" s="345">
        <v>0</v>
      </c>
      <c r="JE40" s="347">
        <v>0</v>
      </c>
      <c r="JF40" s="344">
        <v>0</v>
      </c>
      <c r="JG40" s="341">
        <v>0</v>
      </c>
      <c r="JH40" s="342">
        <v>0</v>
      </c>
      <c r="JI40" s="348">
        <v>0</v>
      </c>
      <c r="JJ40" s="341">
        <v>0</v>
      </c>
      <c r="JK40" s="341">
        <v>101632</v>
      </c>
      <c r="JL40" s="341">
        <v>0</v>
      </c>
      <c r="JM40" s="341">
        <v>0</v>
      </c>
      <c r="JN40" s="341">
        <v>0</v>
      </c>
      <c r="JO40" s="345">
        <v>101632</v>
      </c>
      <c r="JP40" s="343">
        <v>101632</v>
      </c>
      <c r="JQ40" s="344">
        <v>0</v>
      </c>
      <c r="JR40" s="341">
        <v>0</v>
      </c>
      <c r="JS40" s="342">
        <v>0</v>
      </c>
      <c r="JT40" s="348">
        <v>0</v>
      </c>
      <c r="JU40" s="341">
        <v>0</v>
      </c>
      <c r="JV40" s="341">
        <v>0</v>
      </c>
      <c r="JW40" s="341">
        <v>0</v>
      </c>
      <c r="JX40" s="341">
        <v>0</v>
      </c>
      <c r="JY40" s="341">
        <v>0</v>
      </c>
      <c r="JZ40" s="345">
        <v>0</v>
      </c>
      <c r="KA40" s="343">
        <v>0</v>
      </c>
      <c r="KB40" s="349">
        <v>0</v>
      </c>
      <c r="KC40" s="350">
        <v>0</v>
      </c>
      <c r="KD40" s="345">
        <v>0</v>
      </c>
      <c r="KE40" s="348">
        <v>0</v>
      </c>
      <c r="KF40" s="341">
        <v>121944</v>
      </c>
      <c r="KG40" s="341">
        <v>0</v>
      </c>
      <c r="KH40" s="341">
        <v>0</v>
      </c>
      <c r="KI40" s="341">
        <v>0</v>
      </c>
      <c r="KJ40" s="341">
        <v>0</v>
      </c>
      <c r="KK40" s="345">
        <v>121944</v>
      </c>
      <c r="KL40" s="351">
        <v>121944</v>
      </c>
      <c r="KM40" s="337">
        <v>0</v>
      </c>
      <c r="KN40" s="338">
        <v>0</v>
      </c>
      <c r="KO40" s="339">
        <v>0</v>
      </c>
      <c r="KP40" s="340"/>
      <c r="KQ40" s="341">
        <v>0</v>
      </c>
      <c r="KR40" s="341">
        <v>230248</v>
      </c>
      <c r="KS40" s="341">
        <v>0</v>
      </c>
      <c r="KT40" s="341">
        <v>63208</v>
      </c>
      <c r="KU40" s="341">
        <v>0</v>
      </c>
      <c r="KV40" s="345">
        <v>293456</v>
      </c>
      <c r="KW40" s="343">
        <v>293456</v>
      </c>
      <c r="KX40" s="344">
        <v>0</v>
      </c>
      <c r="KY40" s="341">
        <v>0</v>
      </c>
      <c r="KZ40" s="345">
        <v>0</v>
      </c>
      <c r="LA40" s="340"/>
      <c r="LB40" s="341">
        <v>0</v>
      </c>
      <c r="LC40" s="341">
        <v>0</v>
      </c>
      <c r="LD40" s="341">
        <v>0</v>
      </c>
      <c r="LE40" s="341">
        <v>0</v>
      </c>
      <c r="LF40" s="341">
        <v>0</v>
      </c>
      <c r="LG40" s="345">
        <v>0</v>
      </c>
      <c r="LH40" s="347">
        <v>0</v>
      </c>
      <c r="LI40" s="344">
        <v>0</v>
      </c>
      <c r="LJ40" s="341">
        <v>0</v>
      </c>
      <c r="LK40" s="345">
        <v>0</v>
      </c>
      <c r="LL40" s="340"/>
      <c r="LM40" s="341">
        <v>0</v>
      </c>
      <c r="LN40" s="341">
        <v>0</v>
      </c>
      <c r="LO40" s="341">
        <v>0</v>
      </c>
      <c r="LP40" s="341">
        <v>0</v>
      </c>
      <c r="LQ40" s="341">
        <v>0</v>
      </c>
      <c r="LR40" s="345">
        <v>0</v>
      </c>
      <c r="LS40" s="343">
        <v>0</v>
      </c>
      <c r="LT40" s="344">
        <v>0</v>
      </c>
      <c r="LU40" s="341">
        <v>0</v>
      </c>
      <c r="LV40" s="345">
        <v>0</v>
      </c>
      <c r="LW40" s="340"/>
      <c r="LX40" s="341">
        <v>0</v>
      </c>
      <c r="LY40" s="341">
        <v>0</v>
      </c>
      <c r="LZ40" s="341">
        <v>0</v>
      </c>
      <c r="MA40" s="341">
        <v>0</v>
      </c>
      <c r="MB40" s="341">
        <v>0</v>
      </c>
      <c r="MC40" s="345">
        <v>0</v>
      </c>
      <c r="MD40" s="347">
        <v>0</v>
      </c>
      <c r="ME40" s="344">
        <v>0</v>
      </c>
      <c r="MF40" s="341">
        <v>0</v>
      </c>
      <c r="MG40" s="345">
        <v>0</v>
      </c>
      <c r="MH40" s="340"/>
      <c r="MI40" s="341">
        <v>0</v>
      </c>
      <c r="MJ40" s="341">
        <v>0</v>
      </c>
      <c r="MK40" s="341">
        <v>265088</v>
      </c>
      <c r="ML40" s="341">
        <v>897544</v>
      </c>
      <c r="MM40" s="341">
        <v>488576</v>
      </c>
      <c r="MN40" s="345">
        <v>1651208</v>
      </c>
      <c r="MO40" s="351">
        <v>1651208</v>
      </c>
      <c r="MP40" s="344">
        <v>0</v>
      </c>
      <c r="MQ40" s="341">
        <v>0</v>
      </c>
      <c r="MR40" s="345">
        <v>0</v>
      </c>
      <c r="MS40" s="340"/>
      <c r="MT40" s="341">
        <v>0</v>
      </c>
      <c r="MU40" s="341">
        <v>0</v>
      </c>
      <c r="MV40" s="341">
        <v>0</v>
      </c>
      <c r="MW40" s="341">
        <v>504560</v>
      </c>
      <c r="MX40" s="341">
        <v>488576</v>
      </c>
      <c r="MY40" s="345">
        <v>993136</v>
      </c>
      <c r="MZ40" s="351">
        <v>993136</v>
      </c>
      <c r="NA40" s="344">
        <v>0</v>
      </c>
      <c r="NB40" s="341">
        <v>0</v>
      </c>
      <c r="NC40" s="345">
        <v>0</v>
      </c>
      <c r="ND40" s="340"/>
      <c r="NE40" s="341">
        <v>0</v>
      </c>
      <c r="NF40" s="341">
        <v>0</v>
      </c>
      <c r="NG40" s="341">
        <v>265088</v>
      </c>
      <c r="NH40" s="341">
        <v>392984</v>
      </c>
      <c r="NI40" s="341">
        <v>0</v>
      </c>
      <c r="NJ40" s="345">
        <v>658072</v>
      </c>
      <c r="NK40" s="343">
        <v>658072</v>
      </c>
      <c r="NL40" s="344">
        <v>0</v>
      </c>
      <c r="NM40" s="341">
        <v>0</v>
      </c>
      <c r="NN40" s="345">
        <v>0</v>
      </c>
      <c r="NO40" s="340"/>
      <c r="NP40" s="341">
        <v>0</v>
      </c>
      <c r="NQ40" s="341">
        <v>0</v>
      </c>
      <c r="NR40" s="341">
        <v>0</v>
      </c>
      <c r="NS40" s="341">
        <v>0</v>
      </c>
      <c r="NT40" s="341">
        <v>0</v>
      </c>
      <c r="NU40" s="345">
        <v>0</v>
      </c>
      <c r="NV40" s="347">
        <v>0</v>
      </c>
      <c r="NW40" s="344">
        <v>0</v>
      </c>
      <c r="NX40" s="341">
        <v>0</v>
      </c>
      <c r="NY40" s="345">
        <v>0</v>
      </c>
      <c r="NZ40" s="340"/>
      <c r="OA40" s="341">
        <v>0</v>
      </c>
      <c r="OB40" s="341">
        <v>0</v>
      </c>
      <c r="OC40" s="341">
        <v>0</v>
      </c>
      <c r="OD40" s="341">
        <v>0</v>
      </c>
      <c r="OE40" s="341">
        <v>0</v>
      </c>
      <c r="OF40" s="345">
        <v>0</v>
      </c>
      <c r="OG40" s="347">
        <v>0</v>
      </c>
      <c r="OH40" s="344">
        <v>178726</v>
      </c>
      <c r="OI40" s="341">
        <v>97717</v>
      </c>
      <c r="OJ40" s="342">
        <v>276443</v>
      </c>
      <c r="OK40" s="348">
        <v>0</v>
      </c>
      <c r="OL40" s="341">
        <v>1660888</v>
      </c>
      <c r="OM40" s="341">
        <v>2153800</v>
      </c>
      <c r="ON40" s="341">
        <v>723234</v>
      </c>
      <c r="OO40" s="341">
        <v>2024539</v>
      </c>
      <c r="OP40" s="341">
        <v>1027810</v>
      </c>
      <c r="OQ40" s="345">
        <v>7590271</v>
      </c>
      <c r="OR40" s="351">
        <v>7866714</v>
      </c>
    </row>
    <row r="41" spans="1:408" ht="20.25" customHeight="1" x14ac:dyDescent="0.2">
      <c r="A41" s="111" t="s">
        <v>36</v>
      </c>
      <c r="B41" s="318">
        <v>22188</v>
      </c>
      <c r="C41" s="319">
        <v>70450</v>
      </c>
      <c r="D41" s="320">
        <v>92638</v>
      </c>
      <c r="E41" s="321">
        <v>0</v>
      </c>
      <c r="F41" s="319">
        <v>213474</v>
      </c>
      <c r="G41" s="319">
        <v>439258</v>
      </c>
      <c r="H41" s="319">
        <v>286302</v>
      </c>
      <c r="I41" s="319">
        <v>696328</v>
      </c>
      <c r="J41" s="319">
        <v>44575</v>
      </c>
      <c r="K41" s="358">
        <v>1679937</v>
      </c>
      <c r="L41" s="322">
        <v>1772575</v>
      </c>
      <c r="M41" s="318">
        <v>14724</v>
      </c>
      <c r="N41" s="319">
        <v>23535</v>
      </c>
      <c r="O41" s="320">
        <v>38259</v>
      </c>
      <c r="P41" s="318">
        <v>0</v>
      </c>
      <c r="Q41" s="319">
        <v>138838</v>
      </c>
      <c r="R41" s="319">
        <v>79497</v>
      </c>
      <c r="S41" s="319">
        <v>87302</v>
      </c>
      <c r="T41" s="319">
        <v>222211</v>
      </c>
      <c r="U41" s="319">
        <v>9039</v>
      </c>
      <c r="V41" s="320">
        <v>536887</v>
      </c>
      <c r="W41" s="322">
        <v>575146</v>
      </c>
      <c r="X41" s="318">
        <v>0</v>
      </c>
      <c r="Y41" s="319">
        <v>0</v>
      </c>
      <c r="Z41" s="320">
        <v>0</v>
      </c>
      <c r="AA41" s="318">
        <v>0</v>
      </c>
      <c r="AB41" s="319">
        <v>60025</v>
      </c>
      <c r="AC41" s="319">
        <v>9081</v>
      </c>
      <c r="AD41" s="319">
        <v>0</v>
      </c>
      <c r="AE41" s="319">
        <v>0</v>
      </c>
      <c r="AF41" s="319">
        <v>0</v>
      </c>
      <c r="AG41" s="320">
        <v>69106</v>
      </c>
      <c r="AH41" s="322">
        <v>69106</v>
      </c>
      <c r="AI41" s="318">
        <v>0</v>
      </c>
      <c r="AJ41" s="319">
        <v>0</v>
      </c>
      <c r="AK41" s="320">
        <v>0</v>
      </c>
      <c r="AL41" s="318">
        <v>0</v>
      </c>
      <c r="AM41" s="319">
        <v>0</v>
      </c>
      <c r="AN41" s="319">
        <v>0</v>
      </c>
      <c r="AO41" s="319">
        <v>0</v>
      </c>
      <c r="AP41" s="319">
        <v>46238</v>
      </c>
      <c r="AQ41" s="319">
        <v>0</v>
      </c>
      <c r="AR41" s="320">
        <v>46238</v>
      </c>
      <c r="AS41" s="322">
        <v>46238</v>
      </c>
      <c r="AT41" s="318">
        <v>14724</v>
      </c>
      <c r="AU41" s="319">
        <v>23535</v>
      </c>
      <c r="AV41" s="320">
        <v>38259</v>
      </c>
      <c r="AW41" s="318">
        <v>0</v>
      </c>
      <c r="AX41" s="319">
        <v>57885</v>
      </c>
      <c r="AY41" s="319">
        <v>54944</v>
      </c>
      <c r="AZ41" s="319">
        <v>28478</v>
      </c>
      <c r="BA41" s="319">
        <v>162245</v>
      </c>
      <c r="BB41" s="319">
        <v>9039</v>
      </c>
      <c r="BC41" s="320">
        <v>312591</v>
      </c>
      <c r="BD41" s="322">
        <v>350850</v>
      </c>
      <c r="BE41" s="318">
        <v>0</v>
      </c>
      <c r="BF41" s="319">
        <v>0</v>
      </c>
      <c r="BG41" s="323">
        <v>0</v>
      </c>
      <c r="BH41" s="324">
        <v>0</v>
      </c>
      <c r="BI41" s="319">
        <v>0</v>
      </c>
      <c r="BJ41" s="319">
        <v>0</v>
      </c>
      <c r="BK41" s="319">
        <v>0</v>
      </c>
      <c r="BL41" s="319">
        <v>0</v>
      </c>
      <c r="BM41" s="319">
        <v>0</v>
      </c>
      <c r="BN41" s="320">
        <v>0</v>
      </c>
      <c r="BO41" s="322">
        <v>0</v>
      </c>
      <c r="BP41" s="318">
        <v>0</v>
      </c>
      <c r="BQ41" s="319">
        <v>0</v>
      </c>
      <c r="BR41" s="320">
        <v>0</v>
      </c>
      <c r="BS41" s="318">
        <v>0</v>
      </c>
      <c r="BT41" s="319">
        <v>20928</v>
      </c>
      <c r="BU41" s="319">
        <v>15472</v>
      </c>
      <c r="BV41" s="319">
        <v>58824</v>
      </c>
      <c r="BW41" s="319">
        <v>13728</v>
      </c>
      <c r="BX41" s="319">
        <v>0</v>
      </c>
      <c r="BY41" s="320">
        <v>108952</v>
      </c>
      <c r="BZ41" s="322">
        <v>108952</v>
      </c>
      <c r="CA41" s="318">
        <v>0</v>
      </c>
      <c r="CB41" s="319">
        <v>25075</v>
      </c>
      <c r="CC41" s="320">
        <v>25075</v>
      </c>
      <c r="CD41" s="318">
        <v>0</v>
      </c>
      <c r="CE41" s="319">
        <v>43036</v>
      </c>
      <c r="CF41" s="319">
        <v>173489</v>
      </c>
      <c r="CG41" s="319">
        <v>134466</v>
      </c>
      <c r="CH41" s="319">
        <v>37820</v>
      </c>
      <c r="CI41" s="319">
        <v>0</v>
      </c>
      <c r="CJ41" s="320">
        <v>388811</v>
      </c>
      <c r="CK41" s="322">
        <v>413886</v>
      </c>
      <c r="CL41" s="318">
        <v>0</v>
      </c>
      <c r="CM41" s="319">
        <v>0</v>
      </c>
      <c r="CN41" s="320">
        <v>0</v>
      </c>
      <c r="CO41" s="324">
        <v>0</v>
      </c>
      <c r="CP41" s="319">
        <v>43036</v>
      </c>
      <c r="CQ41" s="319">
        <v>100382</v>
      </c>
      <c r="CR41" s="319">
        <v>89802</v>
      </c>
      <c r="CS41" s="319">
        <v>37820</v>
      </c>
      <c r="CT41" s="319">
        <v>0</v>
      </c>
      <c r="CU41" s="320">
        <v>271040</v>
      </c>
      <c r="CV41" s="322">
        <v>271040</v>
      </c>
      <c r="CW41" s="318">
        <v>0</v>
      </c>
      <c r="CX41" s="319">
        <v>25075</v>
      </c>
      <c r="CY41" s="320">
        <v>25075</v>
      </c>
      <c r="CZ41" s="318">
        <v>0</v>
      </c>
      <c r="DA41" s="319">
        <v>0</v>
      </c>
      <c r="DB41" s="319">
        <v>73107</v>
      </c>
      <c r="DC41" s="319">
        <v>44664</v>
      </c>
      <c r="DD41" s="319">
        <v>0</v>
      </c>
      <c r="DE41" s="319">
        <v>0</v>
      </c>
      <c r="DF41" s="320">
        <v>117771</v>
      </c>
      <c r="DG41" s="322">
        <v>142846</v>
      </c>
      <c r="DH41" s="318">
        <v>0</v>
      </c>
      <c r="DI41" s="319">
        <v>0</v>
      </c>
      <c r="DJ41" s="323">
        <v>0</v>
      </c>
      <c r="DK41" s="324">
        <v>0</v>
      </c>
      <c r="DL41" s="319">
        <v>0</v>
      </c>
      <c r="DM41" s="319">
        <v>0</v>
      </c>
      <c r="DN41" s="319">
        <v>31734</v>
      </c>
      <c r="DO41" s="319">
        <v>50715</v>
      </c>
      <c r="DP41" s="319">
        <v>0</v>
      </c>
      <c r="DQ41" s="320">
        <v>82449</v>
      </c>
      <c r="DR41" s="322">
        <v>82449</v>
      </c>
      <c r="DS41" s="318">
        <v>0</v>
      </c>
      <c r="DT41" s="319">
        <v>0</v>
      </c>
      <c r="DU41" s="320">
        <v>0</v>
      </c>
      <c r="DV41" s="318">
        <v>0</v>
      </c>
      <c r="DW41" s="319">
        <v>0</v>
      </c>
      <c r="DX41" s="319">
        <v>0</v>
      </c>
      <c r="DY41" s="319">
        <v>31734</v>
      </c>
      <c r="DZ41" s="319">
        <v>50715</v>
      </c>
      <c r="EA41" s="319">
        <v>0</v>
      </c>
      <c r="EB41" s="320">
        <v>82449</v>
      </c>
      <c r="EC41" s="322">
        <v>82449</v>
      </c>
      <c r="ED41" s="318">
        <v>0</v>
      </c>
      <c r="EE41" s="323">
        <v>0</v>
      </c>
      <c r="EF41" s="320">
        <v>0</v>
      </c>
      <c r="EG41" s="318">
        <v>0</v>
      </c>
      <c r="EH41" s="319">
        <v>0</v>
      </c>
      <c r="EI41" s="319">
        <v>0</v>
      </c>
      <c r="EJ41" s="319">
        <v>0</v>
      </c>
      <c r="EK41" s="319">
        <v>0</v>
      </c>
      <c r="EL41" s="319">
        <v>0</v>
      </c>
      <c r="EM41" s="323">
        <v>0</v>
      </c>
      <c r="EN41" s="322">
        <v>0</v>
      </c>
      <c r="EO41" s="318">
        <v>0</v>
      </c>
      <c r="EP41" s="319">
        <v>0</v>
      </c>
      <c r="EQ41" s="323">
        <v>0</v>
      </c>
      <c r="ER41" s="324">
        <v>0</v>
      </c>
      <c r="ES41" s="319">
        <v>0</v>
      </c>
      <c r="ET41" s="319">
        <v>0</v>
      </c>
      <c r="EU41" s="319">
        <v>0</v>
      </c>
      <c r="EV41" s="319">
        <v>0</v>
      </c>
      <c r="EW41" s="319">
        <v>0</v>
      </c>
      <c r="EX41" s="320">
        <v>0</v>
      </c>
      <c r="EY41" s="322">
        <v>0</v>
      </c>
      <c r="EZ41" s="318">
        <v>0</v>
      </c>
      <c r="FA41" s="319">
        <v>0</v>
      </c>
      <c r="FB41" s="323">
        <v>0</v>
      </c>
      <c r="FC41" s="325"/>
      <c r="FD41" s="319">
        <v>0</v>
      </c>
      <c r="FE41" s="319">
        <v>0</v>
      </c>
      <c r="FF41" s="319">
        <v>0</v>
      </c>
      <c r="FG41" s="319">
        <v>0</v>
      </c>
      <c r="FH41" s="319">
        <v>0</v>
      </c>
      <c r="FI41" s="320">
        <v>0</v>
      </c>
      <c r="FJ41" s="322">
        <v>0</v>
      </c>
      <c r="FK41" s="318">
        <v>7464</v>
      </c>
      <c r="FL41" s="319">
        <v>21840</v>
      </c>
      <c r="FM41" s="320">
        <v>29304</v>
      </c>
      <c r="FN41" s="318">
        <v>0</v>
      </c>
      <c r="FO41" s="319">
        <v>31600</v>
      </c>
      <c r="FP41" s="319">
        <v>19184</v>
      </c>
      <c r="FQ41" s="319">
        <v>32800</v>
      </c>
      <c r="FR41" s="319">
        <v>182360</v>
      </c>
      <c r="FS41" s="319">
        <v>35536</v>
      </c>
      <c r="FT41" s="320">
        <v>301480</v>
      </c>
      <c r="FU41" s="322">
        <v>330784</v>
      </c>
      <c r="FV41" s="326">
        <v>7464</v>
      </c>
      <c r="FW41" s="319">
        <v>21840</v>
      </c>
      <c r="FX41" s="323">
        <v>29304</v>
      </c>
      <c r="FY41" s="324">
        <v>0</v>
      </c>
      <c r="FZ41" s="319">
        <v>31600</v>
      </c>
      <c r="GA41" s="319">
        <v>19184</v>
      </c>
      <c r="GB41" s="319">
        <v>32800</v>
      </c>
      <c r="GC41" s="319">
        <v>54760</v>
      </c>
      <c r="GD41" s="319">
        <v>35536</v>
      </c>
      <c r="GE41" s="320">
        <v>173880</v>
      </c>
      <c r="GF41" s="327">
        <v>203184</v>
      </c>
      <c r="GG41" s="326">
        <v>0</v>
      </c>
      <c r="GH41" s="319">
        <v>0</v>
      </c>
      <c r="GI41" s="323">
        <v>0</v>
      </c>
      <c r="GJ41" s="324">
        <v>0</v>
      </c>
      <c r="GK41" s="319">
        <v>0</v>
      </c>
      <c r="GL41" s="319">
        <v>0</v>
      </c>
      <c r="GM41" s="319">
        <v>0</v>
      </c>
      <c r="GN41" s="319">
        <v>0</v>
      </c>
      <c r="GO41" s="319">
        <v>0</v>
      </c>
      <c r="GP41" s="320">
        <v>0</v>
      </c>
      <c r="GQ41" s="322">
        <v>0</v>
      </c>
      <c r="GR41" s="318">
        <v>0</v>
      </c>
      <c r="GS41" s="319">
        <v>0</v>
      </c>
      <c r="GT41" s="320">
        <v>0</v>
      </c>
      <c r="GU41" s="318">
        <v>0</v>
      </c>
      <c r="GV41" s="319">
        <v>0</v>
      </c>
      <c r="GW41" s="319">
        <v>0</v>
      </c>
      <c r="GX41" s="319">
        <v>0</v>
      </c>
      <c r="GY41" s="319">
        <v>127600</v>
      </c>
      <c r="GZ41" s="319">
        <v>0</v>
      </c>
      <c r="HA41" s="323">
        <v>127600</v>
      </c>
      <c r="HB41" s="322">
        <v>127600</v>
      </c>
      <c r="HC41" s="318">
        <v>0</v>
      </c>
      <c r="HD41" s="319">
        <v>0</v>
      </c>
      <c r="HE41" s="323">
        <v>0</v>
      </c>
      <c r="HF41" s="324">
        <v>0</v>
      </c>
      <c r="HG41" s="319">
        <v>0</v>
      </c>
      <c r="HH41" s="319">
        <v>167088</v>
      </c>
      <c r="HI41" s="319">
        <v>0</v>
      </c>
      <c r="HJ41" s="319">
        <v>203222</v>
      </c>
      <c r="HK41" s="319">
        <v>0</v>
      </c>
      <c r="HL41" s="320">
        <v>370310</v>
      </c>
      <c r="HM41" s="321">
        <v>370310</v>
      </c>
      <c r="HN41" s="411"/>
      <c r="HO41" s="412"/>
      <c r="HP41" s="413"/>
      <c r="HQ41" s="414"/>
      <c r="HR41" s="412"/>
      <c r="HS41" s="412"/>
      <c r="HT41" s="412"/>
      <c r="HU41" s="412"/>
      <c r="HV41" s="412"/>
      <c r="HW41" s="415"/>
      <c r="HX41" s="416"/>
      <c r="HY41" s="328">
        <v>0</v>
      </c>
      <c r="HZ41" s="329">
        <v>0</v>
      </c>
      <c r="IA41" s="330">
        <v>0</v>
      </c>
      <c r="IB41" s="353">
        <v>0</v>
      </c>
      <c r="IC41" s="329">
        <v>86273</v>
      </c>
      <c r="ID41" s="354">
        <v>24672</v>
      </c>
      <c r="IE41" s="330">
        <v>479984</v>
      </c>
      <c r="IF41" s="329">
        <v>240624</v>
      </c>
      <c r="IG41" s="330">
        <v>225213</v>
      </c>
      <c r="IH41" s="355">
        <v>1056766</v>
      </c>
      <c r="II41" s="336">
        <v>1056766</v>
      </c>
      <c r="IJ41" s="337">
        <v>0</v>
      </c>
      <c r="IK41" s="338">
        <v>0</v>
      </c>
      <c r="IL41" s="339">
        <v>0</v>
      </c>
      <c r="IM41" s="340"/>
      <c r="IN41" s="341">
        <v>0</v>
      </c>
      <c r="IO41" s="341">
        <v>0</v>
      </c>
      <c r="IP41" s="341">
        <v>0</v>
      </c>
      <c r="IQ41" s="341">
        <v>0</v>
      </c>
      <c r="IR41" s="341">
        <v>0</v>
      </c>
      <c r="IS41" s="342">
        <v>0</v>
      </c>
      <c r="IT41" s="343">
        <v>0</v>
      </c>
      <c r="IU41" s="344">
        <v>0</v>
      </c>
      <c r="IV41" s="341">
        <v>0</v>
      </c>
      <c r="IW41" s="345">
        <v>0</v>
      </c>
      <c r="IX41" s="340"/>
      <c r="IY41" s="341">
        <v>0</v>
      </c>
      <c r="IZ41" s="341">
        <v>0</v>
      </c>
      <c r="JA41" s="341">
        <v>0</v>
      </c>
      <c r="JB41" s="341">
        <v>0</v>
      </c>
      <c r="JC41" s="341">
        <v>0</v>
      </c>
      <c r="JD41" s="345">
        <v>0</v>
      </c>
      <c r="JE41" s="347">
        <v>0</v>
      </c>
      <c r="JF41" s="344">
        <v>0</v>
      </c>
      <c r="JG41" s="341">
        <v>0</v>
      </c>
      <c r="JH41" s="342">
        <v>0</v>
      </c>
      <c r="JI41" s="348">
        <v>0</v>
      </c>
      <c r="JJ41" s="341">
        <v>86273</v>
      </c>
      <c r="JK41" s="341">
        <v>24672</v>
      </c>
      <c r="JL41" s="341">
        <v>0</v>
      </c>
      <c r="JM41" s="341">
        <v>0</v>
      </c>
      <c r="JN41" s="341">
        <v>225213</v>
      </c>
      <c r="JO41" s="345">
        <v>336158</v>
      </c>
      <c r="JP41" s="343">
        <v>336158</v>
      </c>
      <c r="JQ41" s="344">
        <v>0</v>
      </c>
      <c r="JR41" s="341">
        <v>0</v>
      </c>
      <c r="JS41" s="342">
        <v>0</v>
      </c>
      <c r="JT41" s="348">
        <v>0</v>
      </c>
      <c r="JU41" s="341">
        <v>0</v>
      </c>
      <c r="JV41" s="341">
        <v>0</v>
      </c>
      <c r="JW41" s="341">
        <v>0</v>
      </c>
      <c r="JX41" s="341">
        <v>0</v>
      </c>
      <c r="JY41" s="341">
        <v>0</v>
      </c>
      <c r="JZ41" s="345">
        <v>0</v>
      </c>
      <c r="KA41" s="343">
        <v>0</v>
      </c>
      <c r="KB41" s="349">
        <v>0</v>
      </c>
      <c r="KC41" s="350">
        <v>0</v>
      </c>
      <c r="KD41" s="345">
        <v>0</v>
      </c>
      <c r="KE41" s="348">
        <v>0</v>
      </c>
      <c r="KF41" s="341">
        <v>0</v>
      </c>
      <c r="KG41" s="341">
        <v>0</v>
      </c>
      <c r="KH41" s="341">
        <v>0</v>
      </c>
      <c r="KI41" s="341">
        <v>240624</v>
      </c>
      <c r="KJ41" s="341">
        <v>0</v>
      </c>
      <c r="KK41" s="345">
        <v>240624</v>
      </c>
      <c r="KL41" s="351">
        <v>240624</v>
      </c>
      <c r="KM41" s="337">
        <v>0</v>
      </c>
      <c r="KN41" s="338">
        <v>0</v>
      </c>
      <c r="KO41" s="339">
        <v>0</v>
      </c>
      <c r="KP41" s="340"/>
      <c r="KQ41" s="341">
        <v>0</v>
      </c>
      <c r="KR41" s="341">
        <v>0</v>
      </c>
      <c r="KS41" s="341">
        <v>479984</v>
      </c>
      <c r="KT41" s="341">
        <v>0</v>
      </c>
      <c r="KU41" s="341">
        <v>0</v>
      </c>
      <c r="KV41" s="345">
        <v>479984</v>
      </c>
      <c r="KW41" s="343">
        <v>479984</v>
      </c>
      <c r="KX41" s="344">
        <v>0</v>
      </c>
      <c r="KY41" s="341">
        <v>0</v>
      </c>
      <c r="KZ41" s="345">
        <v>0</v>
      </c>
      <c r="LA41" s="340"/>
      <c r="LB41" s="341">
        <v>0</v>
      </c>
      <c r="LC41" s="341">
        <v>0</v>
      </c>
      <c r="LD41" s="341">
        <v>0</v>
      </c>
      <c r="LE41" s="341">
        <v>0</v>
      </c>
      <c r="LF41" s="341">
        <v>0</v>
      </c>
      <c r="LG41" s="345">
        <v>0</v>
      </c>
      <c r="LH41" s="347">
        <v>0</v>
      </c>
      <c r="LI41" s="344">
        <v>0</v>
      </c>
      <c r="LJ41" s="341">
        <v>0</v>
      </c>
      <c r="LK41" s="345">
        <v>0</v>
      </c>
      <c r="LL41" s="340"/>
      <c r="LM41" s="341">
        <v>0</v>
      </c>
      <c r="LN41" s="341">
        <v>0</v>
      </c>
      <c r="LO41" s="341">
        <v>0</v>
      </c>
      <c r="LP41" s="341">
        <v>0</v>
      </c>
      <c r="LQ41" s="341">
        <v>0</v>
      </c>
      <c r="LR41" s="345">
        <v>0</v>
      </c>
      <c r="LS41" s="343">
        <v>0</v>
      </c>
      <c r="LT41" s="344">
        <v>0</v>
      </c>
      <c r="LU41" s="341">
        <v>0</v>
      </c>
      <c r="LV41" s="345">
        <v>0</v>
      </c>
      <c r="LW41" s="340"/>
      <c r="LX41" s="341">
        <v>0</v>
      </c>
      <c r="LY41" s="341">
        <v>0</v>
      </c>
      <c r="LZ41" s="341">
        <v>0</v>
      </c>
      <c r="MA41" s="341">
        <v>0</v>
      </c>
      <c r="MB41" s="341">
        <v>0</v>
      </c>
      <c r="MC41" s="345">
        <v>0</v>
      </c>
      <c r="MD41" s="347">
        <v>0</v>
      </c>
      <c r="ME41" s="344">
        <v>0</v>
      </c>
      <c r="MF41" s="341">
        <v>0</v>
      </c>
      <c r="MG41" s="345">
        <v>0</v>
      </c>
      <c r="MH41" s="340"/>
      <c r="MI41" s="341">
        <v>210234</v>
      </c>
      <c r="MJ41" s="341">
        <v>0</v>
      </c>
      <c r="MK41" s="341">
        <v>998786</v>
      </c>
      <c r="ML41" s="341">
        <v>472855</v>
      </c>
      <c r="MM41" s="341">
        <v>774413</v>
      </c>
      <c r="MN41" s="345">
        <v>2456288</v>
      </c>
      <c r="MO41" s="351">
        <v>2456288</v>
      </c>
      <c r="MP41" s="344">
        <v>0</v>
      </c>
      <c r="MQ41" s="341">
        <v>0</v>
      </c>
      <c r="MR41" s="345">
        <v>0</v>
      </c>
      <c r="MS41" s="340"/>
      <c r="MT41" s="341">
        <v>0</v>
      </c>
      <c r="MU41" s="341">
        <v>0</v>
      </c>
      <c r="MV41" s="341">
        <v>183041</v>
      </c>
      <c r="MW41" s="341">
        <v>472855</v>
      </c>
      <c r="MX41" s="341">
        <v>774413</v>
      </c>
      <c r="MY41" s="345">
        <v>1430309</v>
      </c>
      <c r="MZ41" s="351">
        <v>1430309</v>
      </c>
      <c r="NA41" s="344">
        <v>0</v>
      </c>
      <c r="NB41" s="341">
        <v>0</v>
      </c>
      <c r="NC41" s="345">
        <v>0</v>
      </c>
      <c r="ND41" s="340"/>
      <c r="NE41" s="341">
        <v>210234</v>
      </c>
      <c r="NF41" s="341">
        <v>0</v>
      </c>
      <c r="NG41" s="341">
        <v>815745</v>
      </c>
      <c r="NH41" s="341">
        <v>0</v>
      </c>
      <c r="NI41" s="341">
        <v>0</v>
      </c>
      <c r="NJ41" s="345">
        <v>1025979</v>
      </c>
      <c r="NK41" s="343">
        <v>1025979</v>
      </c>
      <c r="NL41" s="344">
        <v>0</v>
      </c>
      <c r="NM41" s="341">
        <v>0</v>
      </c>
      <c r="NN41" s="345">
        <v>0</v>
      </c>
      <c r="NO41" s="340"/>
      <c r="NP41" s="341">
        <v>0</v>
      </c>
      <c r="NQ41" s="341">
        <v>0</v>
      </c>
      <c r="NR41" s="341">
        <v>0</v>
      </c>
      <c r="NS41" s="341">
        <v>0</v>
      </c>
      <c r="NT41" s="341">
        <v>0</v>
      </c>
      <c r="NU41" s="345">
        <v>0</v>
      </c>
      <c r="NV41" s="347">
        <v>0</v>
      </c>
      <c r="NW41" s="344">
        <v>0</v>
      </c>
      <c r="NX41" s="341">
        <v>0</v>
      </c>
      <c r="NY41" s="345">
        <v>0</v>
      </c>
      <c r="NZ41" s="340"/>
      <c r="OA41" s="341">
        <v>0</v>
      </c>
      <c r="OB41" s="341">
        <v>0</v>
      </c>
      <c r="OC41" s="341">
        <v>0</v>
      </c>
      <c r="OD41" s="341">
        <v>0</v>
      </c>
      <c r="OE41" s="341">
        <v>0</v>
      </c>
      <c r="OF41" s="345">
        <v>0</v>
      </c>
      <c r="OG41" s="347">
        <v>0</v>
      </c>
      <c r="OH41" s="344">
        <v>22188</v>
      </c>
      <c r="OI41" s="341">
        <v>70450</v>
      </c>
      <c r="OJ41" s="342">
        <v>92638</v>
      </c>
      <c r="OK41" s="348">
        <v>0</v>
      </c>
      <c r="OL41" s="341">
        <v>509981</v>
      </c>
      <c r="OM41" s="341">
        <v>463930</v>
      </c>
      <c r="ON41" s="341">
        <v>1765072</v>
      </c>
      <c r="OO41" s="341">
        <v>1409807</v>
      </c>
      <c r="OP41" s="341">
        <v>1044201</v>
      </c>
      <c r="OQ41" s="345">
        <v>5192991</v>
      </c>
      <c r="OR41" s="351">
        <v>5285629</v>
      </c>
    </row>
    <row r="42" spans="1:408" ht="20.25" customHeight="1" thickBot="1" x14ac:dyDescent="0.25">
      <c r="A42" s="112" t="s">
        <v>37</v>
      </c>
      <c r="B42" s="363">
        <v>0</v>
      </c>
      <c r="C42" s="364">
        <v>0</v>
      </c>
      <c r="D42" s="365">
        <v>0</v>
      </c>
      <c r="E42" s="366">
        <v>0</v>
      </c>
      <c r="F42" s="364">
        <v>179243</v>
      </c>
      <c r="G42" s="364">
        <v>235967</v>
      </c>
      <c r="H42" s="364">
        <v>0</v>
      </c>
      <c r="I42" s="364">
        <v>0</v>
      </c>
      <c r="J42" s="364">
        <v>189636</v>
      </c>
      <c r="K42" s="366">
        <v>604846</v>
      </c>
      <c r="L42" s="367">
        <v>604846</v>
      </c>
      <c r="M42" s="363">
        <v>0</v>
      </c>
      <c r="N42" s="364">
        <v>0</v>
      </c>
      <c r="O42" s="365">
        <v>0</v>
      </c>
      <c r="P42" s="363">
        <v>0</v>
      </c>
      <c r="Q42" s="364">
        <v>152037</v>
      </c>
      <c r="R42" s="364">
        <v>0</v>
      </c>
      <c r="S42" s="364">
        <v>0</v>
      </c>
      <c r="T42" s="364">
        <v>0</v>
      </c>
      <c r="U42" s="364">
        <v>12480</v>
      </c>
      <c r="V42" s="365">
        <v>164517</v>
      </c>
      <c r="W42" s="367">
        <v>164517</v>
      </c>
      <c r="X42" s="363">
        <v>0</v>
      </c>
      <c r="Y42" s="364">
        <v>0</v>
      </c>
      <c r="Z42" s="365">
        <v>0</v>
      </c>
      <c r="AA42" s="363">
        <v>0</v>
      </c>
      <c r="AB42" s="364">
        <v>0</v>
      </c>
      <c r="AC42" s="364">
        <v>0</v>
      </c>
      <c r="AD42" s="364">
        <v>0</v>
      </c>
      <c r="AE42" s="364">
        <v>0</v>
      </c>
      <c r="AF42" s="364">
        <v>0</v>
      </c>
      <c r="AG42" s="365">
        <v>0</v>
      </c>
      <c r="AH42" s="367">
        <v>0</v>
      </c>
      <c r="AI42" s="363">
        <v>0</v>
      </c>
      <c r="AJ42" s="364">
        <v>0</v>
      </c>
      <c r="AK42" s="365">
        <v>0</v>
      </c>
      <c r="AL42" s="363">
        <v>0</v>
      </c>
      <c r="AM42" s="364">
        <v>0</v>
      </c>
      <c r="AN42" s="364">
        <v>0</v>
      </c>
      <c r="AO42" s="364">
        <v>0</v>
      </c>
      <c r="AP42" s="364">
        <v>0</v>
      </c>
      <c r="AQ42" s="364">
        <v>0</v>
      </c>
      <c r="AR42" s="365">
        <v>0</v>
      </c>
      <c r="AS42" s="367">
        <v>0</v>
      </c>
      <c r="AT42" s="363">
        <v>0</v>
      </c>
      <c r="AU42" s="364">
        <v>0</v>
      </c>
      <c r="AV42" s="365">
        <v>0</v>
      </c>
      <c r="AW42" s="363">
        <v>0</v>
      </c>
      <c r="AX42" s="364">
        <v>92086</v>
      </c>
      <c r="AY42" s="364">
        <v>0</v>
      </c>
      <c r="AZ42" s="364">
        <v>0</v>
      </c>
      <c r="BA42" s="364">
        <v>0</v>
      </c>
      <c r="BB42" s="364">
        <v>0</v>
      </c>
      <c r="BC42" s="365">
        <v>92086</v>
      </c>
      <c r="BD42" s="367">
        <v>92086</v>
      </c>
      <c r="BE42" s="363">
        <v>0</v>
      </c>
      <c r="BF42" s="364">
        <v>0</v>
      </c>
      <c r="BG42" s="368">
        <v>0</v>
      </c>
      <c r="BH42" s="369">
        <v>0</v>
      </c>
      <c r="BI42" s="364">
        <v>59951</v>
      </c>
      <c r="BJ42" s="364">
        <v>0</v>
      </c>
      <c r="BK42" s="364">
        <v>0</v>
      </c>
      <c r="BL42" s="364">
        <v>0</v>
      </c>
      <c r="BM42" s="364">
        <v>0</v>
      </c>
      <c r="BN42" s="365">
        <v>59951</v>
      </c>
      <c r="BO42" s="367">
        <v>59951</v>
      </c>
      <c r="BP42" s="363">
        <v>0</v>
      </c>
      <c r="BQ42" s="364">
        <v>0</v>
      </c>
      <c r="BR42" s="365">
        <v>0</v>
      </c>
      <c r="BS42" s="363">
        <v>0</v>
      </c>
      <c r="BT42" s="364">
        <v>0</v>
      </c>
      <c r="BU42" s="364">
        <v>0</v>
      </c>
      <c r="BV42" s="364">
        <v>0</v>
      </c>
      <c r="BW42" s="364">
        <v>0</v>
      </c>
      <c r="BX42" s="364">
        <v>12480</v>
      </c>
      <c r="BY42" s="365">
        <v>12480</v>
      </c>
      <c r="BZ42" s="367">
        <v>12480</v>
      </c>
      <c r="CA42" s="363">
        <v>0</v>
      </c>
      <c r="CB42" s="364">
        <v>0</v>
      </c>
      <c r="CC42" s="365">
        <v>0</v>
      </c>
      <c r="CD42" s="363">
        <v>0</v>
      </c>
      <c r="CE42" s="364">
        <v>23238</v>
      </c>
      <c r="CF42" s="364">
        <v>191807</v>
      </c>
      <c r="CG42" s="364">
        <v>0</v>
      </c>
      <c r="CH42" s="364">
        <v>0</v>
      </c>
      <c r="CI42" s="364">
        <v>0</v>
      </c>
      <c r="CJ42" s="365">
        <v>215045</v>
      </c>
      <c r="CK42" s="367">
        <v>215045</v>
      </c>
      <c r="CL42" s="363">
        <v>0</v>
      </c>
      <c r="CM42" s="364">
        <v>0</v>
      </c>
      <c r="CN42" s="365">
        <v>0</v>
      </c>
      <c r="CO42" s="369">
        <v>0</v>
      </c>
      <c r="CP42" s="364">
        <v>23238</v>
      </c>
      <c r="CQ42" s="364">
        <v>82667</v>
      </c>
      <c r="CR42" s="364">
        <v>0</v>
      </c>
      <c r="CS42" s="364">
        <v>0</v>
      </c>
      <c r="CT42" s="364">
        <v>0</v>
      </c>
      <c r="CU42" s="365">
        <v>105905</v>
      </c>
      <c r="CV42" s="367">
        <v>105905</v>
      </c>
      <c r="CW42" s="363">
        <v>0</v>
      </c>
      <c r="CX42" s="364">
        <v>0</v>
      </c>
      <c r="CY42" s="365">
        <v>0</v>
      </c>
      <c r="CZ42" s="363">
        <v>0</v>
      </c>
      <c r="DA42" s="364">
        <v>0</v>
      </c>
      <c r="DB42" s="364">
        <v>109140</v>
      </c>
      <c r="DC42" s="364">
        <v>0</v>
      </c>
      <c r="DD42" s="364">
        <v>0</v>
      </c>
      <c r="DE42" s="364">
        <v>0</v>
      </c>
      <c r="DF42" s="365">
        <v>109140</v>
      </c>
      <c r="DG42" s="367">
        <v>109140</v>
      </c>
      <c r="DH42" s="363">
        <v>0</v>
      </c>
      <c r="DI42" s="364">
        <v>0</v>
      </c>
      <c r="DJ42" s="368">
        <v>0</v>
      </c>
      <c r="DK42" s="369">
        <v>0</v>
      </c>
      <c r="DL42" s="364">
        <v>0</v>
      </c>
      <c r="DM42" s="364">
        <v>0</v>
      </c>
      <c r="DN42" s="364">
        <v>0</v>
      </c>
      <c r="DO42" s="364">
        <v>0</v>
      </c>
      <c r="DP42" s="364">
        <v>0</v>
      </c>
      <c r="DQ42" s="365">
        <v>0</v>
      </c>
      <c r="DR42" s="367">
        <v>0</v>
      </c>
      <c r="DS42" s="363">
        <v>0</v>
      </c>
      <c r="DT42" s="364">
        <v>0</v>
      </c>
      <c r="DU42" s="365">
        <v>0</v>
      </c>
      <c r="DV42" s="363">
        <v>0</v>
      </c>
      <c r="DW42" s="364">
        <v>0</v>
      </c>
      <c r="DX42" s="364">
        <v>0</v>
      </c>
      <c r="DY42" s="364">
        <v>0</v>
      </c>
      <c r="DZ42" s="364">
        <v>0</v>
      </c>
      <c r="EA42" s="364">
        <v>0</v>
      </c>
      <c r="EB42" s="365">
        <v>0</v>
      </c>
      <c r="EC42" s="367">
        <v>0</v>
      </c>
      <c r="ED42" s="363">
        <v>0</v>
      </c>
      <c r="EE42" s="368">
        <v>0</v>
      </c>
      <c r="EF42" s="365">
        <v>0</v>
      </c>
      <c r="EG42" s="363">
        <v>0</v>
      </c>
      <c r="EH42" s="364">
        <v>0</v>
      </c>
      <c r="EI42" s="364">
        <v>0</v>
      </c>
      <c r="EJ42" s="364">
        <v>0</v>
      </c>
      <c r="EK42" s="364">
        <v>0</v>
      </c>
      <c r="EL42" s="364">
        <v>0</v>
      </c>
      <c r="EM42" s="368">
        <v>0</v>
      </c>
      <c r="EN42" s="367">
        <v>0</v>
      </c>
      <c r="EO42" s="363">
        <v>0</v>
      </c>
      <c r="EP42" s="364">
        <v>0</v>
      </c>
      <c r="EQ42" s="368">
        <v>0</v>
      </c>
      <c r="ER42" s="369">
        <v>0</v>
      </c>
      <c r="ES42" s="364">
        <v>0</v>
      </c>
      <c r="ET42" s="364">
        <v>0</v>
      </c>
      <c r="EU42" s="364">
        <v>0</v>
      </c>
      <c r="EV42" s="364">
        <v>0</v>
      </c>
      <c r="EW42" s="364">
        <v>0</v>
      </c>
      <c r="EX42" s="365">
        <v>0</v>
      </c>
      <c r="EY42" s="367">
        <v>0</v>
      </c>
      <c r="EZ42" s="363">
        <v>0</v>
      </c>
      <c r="FA42" s="364">
        <v>0</v>
      </c>
      <c r="FB42" s="368">
        <v>0</v>
      </c>
      <c r="FC42" s="370"/>
      <c r="FD42" s="364">
        <v>0</v>
      </c>
      <c r="FE42" s="364">
        <v>0</v>
      </c>
      <c r="FF42" s="364">
        <v>0</v>
      </c>
      <c r="FG42" s="364">
        <v>0</v>
      </c>
      <c r="FH42" s="364">
        <v>0</v>
      </c>
      <c r="FI42" s="365">
        <v>0</v>
      </c>
      <c r="FJ42" s="367">
        <v>0</v>
      </c>
      <c r="FK42" s="363">
        <v>0</v>
      </c>
      <c r="FL42" s="364">
        <v>0</v>
      </c>
      <c r="FM42" s="365">
        <v>0</v>
      </c>
      <c r="FN42" s="363">
        <v>0</v>
      </c>
      <c r="FO42" s="364">
        <v>3968</v>
      </c>
      <c r="FP42" s="364">
        <v>44160</v>
      </c>
      <c r="FQ42" s="364">
        <v>0</v>
      </c>
      <c r="FR42" s="364">
        <v>0</v>
      </c>
      <c r="FS42" s="364">
        <v>0</v>
      </c>
      <c r="FT42" s="365">
        <v>48128</v>
      </c>
      <c r="FU42" s="367">
        <v>48128</v>
      </c>
      <c r="FV42" s="371">
        <v>0</v>
      </c>
      <c r="FW42" s="364">
        <v>0</v>
      </c>
      <c r="FX42" s="368">
        <v>0</v>
      </c>
      <c r="FY42" s="369">
        <v>0</v>
      </c>
      <c r="FZ42" s="364">
        <v>3968</v>
      </c>
      <c r="GA42" s="364">
        <v>44160</v>
      </c>
      <c r="GB42" s="364">
        <v>0</v>
      </c>
      <c r="GC42" s="364">
        <v>0</v>
      </c>
      <c r="GD42" s="364">
        <v>0</v>
      </c>
      <c r="GE42" s="365">
        <v>48128</v>
      </c>
      <c r="GF42" s="372">
        <v>48128</v>
      </c>
      <c r="GG42" s="371">
        <v>0</v>
      </c>
      <c r="GH42" s="364">
        <v>0</v>
      </c>
      <c r="GI42" s="368">
        <v>0</v>
      </c>
      <c r="GJ42" s="369">
        <v>0</v>
      </c>
      <c r="GK42" s="364">
        <v>0</v>
      </c>
      <c r="GL42" s="364">
        <v>0</v>
      </c>
      <c r="GM42" s="364">
        <v>0</v>
      </c>
      <c r="GN42" s="364">
        <v>0</v>
      </c>
      <c r="GO42" s="364">
        <v>0</v>
      </c>
      <c r="GP42" s="365">
        <v>0</v>
      </c>
      <c r="GQ42" s="367">
        <v>0</v>
      </c>
      <c r="GR42" s="363">
        <v>0</v>
      </c>
      <c r="GS42" s="364">
        <v>0</v>
      </c>
      <c r="GT42" s="365">
        <v>0</v>
      </c>
      <c r="GU42" s="363">
        <v>0</v>
      </c>
      <c r="GV42" s="364">
        <v>0</v>
      </c>
      <c r="GW42" s="364">
        <v>0</v>
      </c>
      <c r="GX42" s="364">
        <v>0</v>
      </c>
      <c r="GY42" s="364">
        <v>0</v>
      </c>
      <c r="GZ42" s="364">
        <v>0</v>
      </c>
      <c r="HA42" s="368">
        <v>0</v>
      </c>
      <c r="HB42" s="367">
        <v>0</v>
      </c>
      <c r="HC42" s="363">
        <v>0</v>
      </c>
      <c r="HD42" s="364">
        <v>0</v>
      </c>
      <c r="HE42" s="368">
        <v>0</v>
      </c>
      <c r="HF42" s="369">
        <v>0</v>
      </c>
      <c r="HG42" s="364">
        <v>0</v>
      </c>
      <c r="HH42" s="364">
        <v>0</v>
      </c>
      <c r="HI42" s="364">
        <v>0</v>
      </c>
      <c r="HJ42" s="364">
        <v>0</v>
      </c>
      <c r="HK42" s="364">
        <v>177156</v>
      </c>
      <c r="HL42" s="365">
        <v>177156</v>
      </c>
      <c r="HM42" s="366">
        <v>177156</v>
      </c>
      <c r="HN42" s="417"/>
      <c r="HO42" s="418"/>
      <c r="HP42" s="419"/>
      <c r="HQ42" s="420"/>
      <c r="HR42" s="418"/>
      <c r="HS42" s="418"/>
      <c r="HT42" s="418"/>
      <c r="HU42" s="418"/>
      <c r="HV42" s="418"/>
      <c r="HW42" s="421"/>
      <c r="HX42" s="422"/>
      <c r="HY42" s="373">
        <v>0</v>
      </c>
      <c r="HZ42" s="374">
        <v>0</v>
      </c>
      <c r="IA42" s="375">
        <v>0</v>
      </c>
      <c r="IB42" s="376">
        <v>0</v>
      </c>
      <c r="IC42" s="377">
        <v>0</v>
      </c>
      <c r="ID42" s="378">
        <v>0</v>
      </c>
      <c r="IE42" s="379">
        <v>0</v>
      </c>
      <c r="IF42" s="377">
        <v>0</v>
      </c>
      <c r="IG42" s="379">
        <v>0</v>
      </c>
      <c r="IH42" s="380">
        <v>0</v>
      </c>
      <c r="II42" s="381">
        <v>0</v>
      </c>
      <c r="IJ42" s="382">
        <v>0</v>
      </c>
      <c r="IK42" s="383">
        <v>0</v>
      </c>
      <c r="IL42" s="384">
        <v>0</v>
      </c>
      <c r="IM42" s="385"/>
      <c r="IN42" s="386">
        <v>0</v>
      </c>
      <c r="IO42" s="386">
        <v>0</v>
      </c>
      <c r="IP42" s="386">
        <v>0</v>
      </c>
      <c r="IQ42" s="386">
        <v>0</v>
      </c>
      <c r="IR42" s="386">
        <v>0</v>
      </c>
      <c r="IS42" s="387">
        <v>0</v>
      </c>
      <c r="IT42" s="388">
        <v>0</v>
      </c>
      <c r="IU42" s="389">
        <v>0</v>
      </c>
      <c r="IV42" s="386">
        <v>0</v>
      </c>
      <c r="IW42" s="390">
        <v>0</v>
      </c>
      <c r="IX42" s="385"/>
      <c r="IY42" s="386">
        <v>0</v>
      </c>
      <c r="IZ42" s="386">
        <v>0</v>
      </c>
      <c r="JA42" s="386">
        <v>0</v>
      </c>
      <c r="JB42" s="386">
        <v>0</v>
      </c>
      <c r="JC42" s="386">
        <v>0</v>
      </c>
      <c r="JD42" s="390">
        <v>0</v>
      </c>
      <c r="JE42" s="392">
        <v>0</v>
      </c>
      <c r="JF42" s="389">
        <v>0</v>
      </c>
      <c r="JG42" s="386">
        <v>0</v>
      </c>
      <c r="JH42" s="387">
        <v>0</v>
      </c>
      <c r="JI42" s="393">
        <v>0</v>
      </c>
      <c r="JJ42" s="386">
        <v>0</v>
      </c>
      <c r="JK42" s="386">
        <v>0</v>
      </c>
      <c r="JL42" s="386">
        <v>0</v>
      </c>
      <c r="JM42" s="386">
        <v>0</v>
      </c>
      <c r="JN42" s="386">
        <v>0</v>
      </c>
      <c r="JO42" s="390">
        <v>0</v>
      </c>
      <c r="JP42" s="388">
        <v>0</v>
      </c>
      <c r="JQ42" s="389">
        <v>0</v>
      </c>
      <c r="JR42" s="386">
        <v>0</v>
      </c>
      <c r="JS42" s="387">
        <v>0</v>
      </c>
      <c r="JT42" s="393">
        <v>0</v>
      </c>
      <c r="JU42" s="386">
        <v>0</v>
      </c>
      <c r="JV42" s="386">
        <v>0</v>
      </c>
      <c r="JW42" s="386">
        <v>0</v>
      </c>
      <c r="JX42" s="386">
        <v>0</v>
      </c>
      <c r="JY42" s="386">
        <v>0</v>
      </c>
      <c r="JZ42" s="390">
        <v>0</v>
      </c>
      <c r="KA42" s="388">
        <v>0</v>
      </c>
      <c r="KB42" s="394">
        <v>0</v>
      </c>
      <c r="KC42" s="395">
        <v>0</v>
      </c>
      <c r="KD42" s="390">
        <v>0</v>
      </c>
      <c r="KE42" s="393">
        <v>0</v>
      </c>
      <c r="KF42" s="386">
        <v>0</v>
      </c>
      <c r="KG42" s="386">
        <v>0</v>
      </c>
      <c r="KH42" s="386">
        <v>0</v>
      </c>
      <c r="KI42" s="386">
        <v>0</v>
      </c>
      <c r="KJ42" s="386">
        <v>0</v>
      </c>
      <c r="KK42" s="390">
        <v>0</v>
      </c>
      <c r="KL42" s="396">
        <v>0</v>
      </c>
      <c r="KM42" s="382">
        <v>0</v>
      </c>
      <c r="KN42" s="383">
        <v>0</v>
      </c>
      <c r="KO42" s="384">
        <v>0</v>
      </c>
      <c r="KP42" s="385"/>
      <c r="KQ42" s="386">
        <v>0</v>
      </c>
      <c r="KR42" s="386">
        <v>0</v>
      </c>
      <c r="KS42" s="386">
        <v>0</v>
      </c>
      <c r="KT42" s="386">
        <v>0</v>
      </c>
      <c r="KU42" s="386">
        <v>0</v>
      </c>
      <c r="KV42" s="390">
        <v>0</v>
      </c>
      <c r="KW42" s="388">
        <v>0</v>
      </c>
      <c r="KX42" s="389">
        <v>0</v>
      </c>
      <c r="KY42" s="386">
        <v>0</v>
      </c>
      <c r="KZ42" s="390">
        <v>0</v>
      </c>
      <c r="LA42" s="385"/>
      <c r="LB42" s="386">
        <v>0</v>
      </c>
      <c r="LC42" s="386">
        <v>0</v>
      </c>
      <c r="LD42" s="386">
        <v>0</v>
      </c>
      <c r="LE42" s="386">
        <v>0</v>
      </c>
      <c r="LF42" s="386">
        <v>0</v>
      </c>
      <c r="LG42" s="390">
        <v>0</v>
      </c>
      <c r="LH42" s="392">
        <v>0</v>
      </c>
      <c r="LI42" s="389">
        <v>0</v>
      </c>
      <c r="LJ42" s="386">
        <v>0</v>
      </c>
      <c r="LK42" s="390">
        <v>0</v>
      </c>
      <c r="LL42" s="385"/>
      <c r="LM42" s="386">
        <v>0</v>
      </c>
      <c r="LN42" s="386">
        <v>0</v>
      </c>
      <c r="LO42" s="386">
        <v>0</v>
      </c>
      <c r="LP42" s="386">
        <v>0</v>
      </c>
      <c r="LQ42" s="386">
        <v>0</v>
      </c>
      <c r="LR42" s="390">
        <v>0</v>
      </c>
      <c r="LS42" s="388">
        <v>0</v>
      </c>
      <c r="LT42" s="389">
        <v>0</v>
      </c>
      <c r="LU42" s="386">
        <v>0</v>
      </c>
      <c r="LV42" s="390">
        <v>0</v>
      </c>
      <c r="LW42" s="385"/>
      <c r="LX42" s="386">
        <v>0</v>
      </c>
      <c r="LY42" s="386">
        <v>0</v>
      </c>
      <c r="LZ42" s="386">
        <v>0</v>
      </c>
      <c r="MA42" s="386">
        <v>0</v>
      </c>
      <c r="MB42" s="386">
        <v>0</v>
      </c>
      <c r="MC42" s="390">
        <v>0</v>
      </c>
      <c r="MD42" s="392">
        <v>0</v>
      </c>
      <c r="ME42" s="389">
        <v>0</v>
      </c>
      <c r="MF42" s="386">
        <v>0</v>
      </c>
      <c r="MG42" s="390">
        <v>0</v>
      </c>
      <c r="MH42" s="385"/>
      <c r="MI42" s="386">
        <v>0</v>
      </c>
      <c r="MJ42" s="386">
        <v>0</v>
      </c>
      <c r="MK42" s="386">
        <v>222848</v>
      </c>
      <c r="ML42" s="386">
        <v>0</v>
      </c>
      <c r="MM42" s="386">
        <v>267867</v>
      </c>
      <c r="MN42" s="390">
        <v>490715</v>
      </c>
      <c r="MO42" s="396">
        <v>490715</v>
      </c>
      <c r="MP42" s="389">
        <v>0</v>
      </c>
      <c r="MQ42" s="386">
        <v>0</v>
      </c>
      <c r="MR42" s="390">
        <v>0</v>
      </c>
      <c r="MS42" s="385"/>
      <c r="MT42" s="386">
        <v>0</v>
      </c>
      <c r="MU42" s="386">
        <v>0</v>
      </c>
      <c r="MV42" s="386">
        <v>222848</v>
      </c>
      <c r="MW42" s="386">
        <v>0</v>
      </c>
      <c r="MX42" s="386">
        <v>267867</v>
      </c>
      <c r="MY42" s="390">
        <v>490715</v>
      </c>
      <c r="MZ42" s="396">
        <v>490715</v>
      </c>
      <c r="NA42" s="389">
        <v>0</v>
      </c>
      <c r="NB42" s="386">
        <v>0</v>
      </c>
      <c r="NC42" s="390">
        <v>0</v>
      </c>
      <c r="ND42" s="385"/>
      <c r="NE42" s="386">
        <v>0</v>
      </c>
      <c r="NF42" s="386">
        <v>0</v>
      </c>
      <c r="NG42" s="386">
        <v>0</v>
      </c>
      <c r="NH42" s="386">
        <v>0</v>
      </c>
      <c r="NI42" s="386">
        <v>0</v>
      </c>
      <c r="NJ42" s="390">
        <v>0</v>
      </c>
      <c r="NK42" s="388">
        <v>0</v>
      </c>
      <c r="NL42" s="389">
        <v>0</v>
      </c>
      <c r="NM42" s="386">
        <v>0</v>
      </c>
      <c r="NN42" s="390">
        <v>0</v>
      </c>
      <c r="NO42" s="385"/>
      <c r="NP42" s="386">
        <v>0</v>
      </c>
      <c r="NQ42" s="386">
        <v>0</v>
      </c>
      <c r="NR42" s="386">
        <v>0</v>
      </c>
      <c r="NS42" s="386">
        <v>0</v>
      </c>
      <c r="NT42" s="386">
        <v>0</v>
      </c>
      <c r="NU42" s="390">
        <v>0</v>
      </c>
      <c r="NV42" s="392">
        <v>0</v>
      </c>
      <c r="NW42" s="389">
        <v>0</v>
      </c>
      <c r="NX42" s="386">
        <v>0</v>
      </c>
      <c r="NY42" s="390">
        <v>0</v>
      </c>
      <c r="NZ42" s="385"/>
      <c r="OA42" s="386">
        <v>0</v>
      </c>
      <c r="OB42" s="386">
        <v>0</v>
      </c>
      <c r="OC42" s="386">
        <v>0</v>
      </c>
      <c r="OD42" s="386">
        <v>0</v>
      </c>
      <c r="OE42" s="386">
        <v>0</v>
      </c>
      <c r="OF42" s="390">
        <v>0</v>
      </c>
      <c r="OG42" s="392">
        <v>0</v>
      </c>
      <c r="OH42" s="389">
        <v>0</v>
      </c>
      <c r="OI42" s="386">
        <v>0</v>
      </c>
      <c r="OJ42" s="387">
        <v>0</v>
      </c>
      <c r="OK42" s="393">
        <v>0</v>
      </c>
      <c r="OL42" s="386">
        <v>179243</v>
      </c>
      <c r="OM42" s="386">
        <v>235967</v>
      </c>
      <c r="ON42" s="386">
        <v>222848</v>
      </c>
      <c r="OO42" s="386">
        <v>0</v>
      </c>
      <c r="OP42" s="386">
        <v>457503</v>
      </c>
      <c r="OQ42" s="390">
        <v>1095561</v>
      </c>
      <c r="OR42" s="396">
        <v>1095561</v>
      </c>
    </row>
    <row r="43" spans="1:408" x14ac:dyDescent="0.2">
      <c r="A43" s="42" t="s">
        <v>84</v>
      </c>
    </row>
  </sheetData>
  <mergeCells count="158">
    <mergeCell ref="F1:G1"/>
    <mergeCell ref="HX7:HX8"/>
    <mergeCell ref="HB7:HB8"/>
    <mergeCell ref="HC7:HE7"/>
    <mergeCell ref="HF7:HL7"/>
    <mergeCell ref="HM7:HM8"/>
    <mergeCell ref="HN7:HP7"/>
    <mergeCell ref="HQ7:HW7"/>
    <mergeCell ref="GU7:HA7"/>
    <mergeCell ref="EY7:EY8"/>
    <mergeCell ref="FK7:FM7"/>
    <mergeCell ref="FN7:FT7"/>
    <mergeCell ref="FU7:FU8"/>
    <mergeCell ref="FV7:FX7"/>
    <mergeCell ref="FY7:GE7"/>
    <mergeCell ref="GF7:GF8"/>
    <mergeCell ref="EG7:EM7"/>
    <mergeCell ref="EN7:EN8"/>
    <mergeCell ref="DS7:DU7"/>
    <mergeCell ref="GG7:GI7"/>
    <mergeCell ref="GJ7:GP7"/>
    <mergeCell ref="EO6:EY6"/>
    <mergeCell ref="FK6:FU6"/>
    <mergeCell ref="FV6:GF6"/>
    <mergeCell ref="GG6:GQ6"/>
    <mergeCell ref="GQ7:GQ8"/>
    <mergeCell ref="GR7:GT7"/>
    <mergeCell ref="ER7:EX7"/>
    <mergeCell ref="EZ7:FB7"/>
    <mergeCell ref="FC7:FI7"/>
    <mergeCell ref="FJ7:FJ8"/>
    <mergeCell ref="GR6:HB6"/>
    <mergeCell ref="EZ6:FJ6"/>
    <mergeCell ref="EO7:EQ7"/>
    <mergeCell ref="BD7:BD8"/>
    <mergeCell ref="BE7:BG7"/>
    <mergeCell ref="CZ7:DF7"/>
    <mergeCell ref="BO7:BO8"/>
    <mergeCell ref="BP7:BR7"/>
    <mergeCell ref="BS7:BY7"/>
    <mergeCell ref="BZ7:BZ8"/>
    <mergeCell ref="CA7:CC7"/>
    <mergeCell ref="CD7:CJ7"/>
    <mergeCell ref="CK7:CK8"/>
    <mergeCell ref="CL7:CN7"/>
    <mergeCell ref="CO7:CU7"/>
    <mergeCell ref="CV7:CV8"/>
    <mergeCell ref="CW7:CY7"/>
    <mergeCell ref="DV7:EB7"/>
    <mergeCell ref="EC7:EC8"/>
    <mergeCell ref="ED7:EF7"/>
    <mergeCell ref="DG7:DG8"/>
    <mergeCell ref="DH7:DJ7"/>
    <mergeCell ref="DK7:DQ7"/>
    <mergeCell ref="DR7:DR8"/>
    <mergeCell ref="M7:O7"/>
    <mergeCell ref="P7:V7"/>
    <mergeCell ref="BH7:BN7"/>
    <mergeCell ref="W7:W8"/>
    <mergeCell ref="X7:Z7"/>
    <mergeCell ref="AA7:AG7"/>
    <mergeCell ref="AH7:AH8"/>
    <mergeCell ref="AI7:AK7"/>
    <mergeCell ref="AL7:AR7"/>
    <mergeCell ref="AS7:AS8"/>
    <mergeCell ref="AT7:AV7"/>
    <mergeCell ref="AW7:BC7"/>
    <mergeCell ref="DH5:FJ5"/>
    <mergeCell ref="A4:A8"/>
    <mergeCell ref="B4:L6"/>
    <mergeCell ref="M4:HX4"/>
    <mergeCell ref="M5:BZ5"/>
    <mergeCell ref="CA5:DG5"/>
    <mergeCell ref="FK5:HB5"/>
    <mergeCell ref="HC5:HM6"/>
    <mergeCell ref="HN5:HX6"/>
    <mergeCell ref="ED6:EN6"/>
    <mergeCell ref="M6:W6"/>
    <mergeCell ref="X6:AH6"/>
    <mergeCell ref="AI6:AS6"/>
    <mergeCell ref="AT6:BD6"/>
    <mergeCell ref="BE6:BO6"/>
    <mergeCell ref="BP6:BZ6"/>
    <mergeCell ref="CA6:CK6"/>
    <mergeCell ref="CL6:CV6"/>
    <mergeCell ref="CW6:DG6"/>
    <mergeCell ref="DH6:DR6"/>
    <mergeCell ref="DS6:EC6"/>
    <mergeCell ref="B7:D7"/>
    <mergeCell ref="E7:K7"/>
    <mergeCell ref="L7:L8"/>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LS7:LS8"/>
    <mergeCell ref="LT7:LV7"/>
    <mergeCell ref="KM7:KO7"/>
    <mergeCell ref="KP7:KV7"/>
    <mergeCell ref="KW7:KW8"/>
    <mergeCell ref="KX7:KZ7"/>
    <mergeCell ref="LA7:LG7"/>
    <mergeCell ref="MP7:MR7"/>
    <mergeCell ref="MS7:MY7"/>
    <mergeCell ref="MZ7:MZ8"/>
    <mergeCell ref="NA7:NC7"/>
    <mergeCell ref="ND7:NJ7"/>
    <mergeCell ref="LW7:MC7"/>
    <mergeCell ref="MD7:MD8"/>
    <mergeCell ref="ME7:MG7"/>
    <mergeCell ref="MH7:MN7"/>
    <mergeCell ref="MO7:MO8"/>
    <mergeCell ref="NZ7:OF7"/>
    <mergeCell ref="OG7:OG8"/>
    <mergeCell ref="OH7:OJ7"/>
    <mergeCell ref="OK7:OQ7"/>
    <mergeCell ref="OR7:OR8"/>
    <mergeCell ref="NK7:NK8"/>
    <mergeCell ref="NL7:NN7"/>
    <mergeCell ref="NO7:NU7"/>
    <mergeCell ref="NV7:NV8"/>
    <mergeCell ref="NW7:NY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2" customWidth="1"/>
    <col min="2" max="2" width="8.21875" style="42" customWidth="1"/>
    <col min="3" max="4" width="10" style="42" customWidth="1"/>
    <col min="5" max="5" width="7.21875" style="42" customWidth="1"/>
    <col min="6" max="7" width="10" style="42" customWidth="1"/>
    <col min="8" max="8" width="9.88671875" style="42" customWidth="1"/>
    <col min="9" max="9" width="9.77734375" style="42" customWidth="1"/>
    <col min="10" max="10" width="9.88671875" style="42" customWidth="1"/>
    <col min="11" max="11" width="10.88671875" style="42" customWidth="1"/>
    <col min="12" max="12" width="11.109375" style="42" customWidth="1"/>
    <col min="13" max="15" width="8.21875" style="42" customWidth="1"/>
    <col min="16" max="16" width="7.21875" style="42" customWidth="1"/>
    <col min="17" max="17" width="8.21875" style="42" customWidth="1"/>
    <col min="18" max="18" width="10.109375" style="42" customWidth="1"/>
    <col min="19" max="19" width="9.109375" style="42" customWidth="1"/>
    <col min="20" max="20" width="9.77734375" style="42" customWidth="1"/>
    <col min="21" max="21" width="10.33203125" style="42" customWidth="1"/>
    <col min="22" max="22" width="10.44140625" style="42" customWidth="1"/>
    <col min="23" max="23" width="11" style="42" customWidth="1"/>
    <col min="24" max="26" width="8.21875" style="42" customWidth="1"/>
    <col min="27" max="27" width="7" style="42" customWidth="1"/>
    <col min="28" max="32" width="8.21875" style="42" customWidth="1"/>
    <col min="33" max="33" width="10.6640625" style="42" customWidth="1"/>
    <col min="34" max="34" width="10" style="42" customWidth="1"/>
    <col min="35" max="37" width="8.21875" style="42" customWidth="1"/>
    <col min="38" max="38" width="7" style="42" customWidth="1"/>
    <col min="39" max="48" width="8.21875" style="42" customWidth="1"/>
    <col min="49" max="49" width="7.21875" style="42" customWidth="1"/>
    <col min="50" max="54" width="8.21875" style="42" customWidth="1"/>
    <col min="55" max="56" width="9.33203125" style="42" customWidth="1"/>
    <col min="57" max="59" width="8.21875" style="42" customWidth="1"/>
    <col min="60" max="60" width="6.88671875" style="42" customWidth="1"/>
    <col min="61" max="70" width="8.21875" style="42" customWidth="1"/>
    <col min="71" max="71" width="7.21875" style="42" customWidth="1"/>
    <col min="72" max="78" width="8.21875" style="42" customWidth="1"/>
    <col min="79" max="81" width="8.21875" style="220" customWidth="1"/>
    <col min="82" max="82" width="7.6640625" style="220" customWidth="1"/>
    <col min="83" max="83" width="9.88671875" style="220" customWidth="1"/>
    <col min="84" max="84" width="10" style="220" customWidth="1"/>
    <col min="85" max="85" width="9.77734375" style="220" customWidth="1"/>
    <col min="86" max="86" width="9.21875" style="220" customWidth="1"/>
    <col min="87" max="87" width="8.77734375" style="220" customWidth="1"/>
    <col min="88" max="88" width="9.88671875" style="220" customWidth="1"/>
    <col min="89" max="89" width="9.77734375" style="220" customWidth="1"/>
    <col min="90" max="92" width="8.21875" style="42" customWidth="1"/>
    <col min="93" max="93" width="7.33203125" style="42" customWidth="1"/>
    <col min="94" max="94" width="9.88671875" style="42" bestFit="1" customWidth="1"/>
    <col min="95" max="95" width="10" style="42" customWidth="1"/>
    <col min="96" max="96" width="9.6640625" style="42" customWidth="1"/>
    <col min="97" max="98" width="8.21875" style="42" customWidth="1"/>
    <col min="99" max="100" width="9.88671875" style="42" customWidth="1"/>
    <col min="101" max="103" width="8.21875" style="42" customWidth="1"/>
    <col min="104" max="104" width="7.44140625" style="42" customWidth="1"/>
    <col min="105" max="109" width="8.21875" style="42" customWidth="1"/>
    <col min="110" max="110" width="10" style="42" customWidth="1"/>
    <col min="111" max="111" width="9.88671875" style="42" customWidth="1"/>
    <col min="112" max="114" width="8.21875" style="220" customWidth="1"/>
    <col min="115" max="115" width="7.21875" style="220" customWidth="1"/>
    <col min="116" max="120" width="8.21875" style="220" customWidth="1"/>
    <col min="121" max="121" width="10.109375" style="220" customWidth="1"/>
    <col min="122" max="122" width="9.77734375" style="220" customWidth="1"/>
    <col min="123" max="125" width="8.21875" style="42" customWidth="1"/>
    <col min="126" max="126" width="7.33203125" style="42" customWidth="1"/>
    <col min="127" max="131" width="8.21875" style="42" customWidth="1"/>
    <col min="132" max="132" width="10.33203125" style="42" customWidth="1"/>
    <col min="133" max="133" width="10.109375" style="42" customWidth="1"/>
    <col min="134" max="136" width="8.21875" style="42" customWidth="1"/>
    <col min="137" max="137" width="7.109375" style="42" customWidth="1"/>
    <col min="138" max="147" width="8.21875" style="42" customWidth="1"/>
    <col min="148" max="148" width="7.21875" style="42" customWidth="1"/>
    <col min="149" max="158" width="8.21875" style="42" customWidth="1"/>
    <col min="159" max="159" width="7.21875" style="42" customWidth="1"/>
    <col min="160" max="166" width="8.21875" style="42" customWidth="1"/>
    <col min="167" max="169" width="8.21875" style="220" customWidth="1"/>
    <col min="170" max="170" width="6.6640625" style="220" customWidth="1"/>
    <col min="171" max="175" width="8.21875" style="220" customWidth="1"/>
    <col min="176" max="176" width="10.109375" style="220" customWidth="1"/>
    <col min="177" max="177" width="9.88671875" style="220" customWidth="1"/>
    <col min="178" max="180" width="8.21875" style="42" customWidth="1"/>
    <col min="181" max="181" width="7.33203125" style="42" customWidth="1"/>
    <col min="182" max="186" width="8.21875" style="42" customWidth="1"/>
    <col min="187" max="187" width="10" style="42" customWidth="1"/>
    <col min="188" max="188" width="10.6640625" style="42" customWidth="1"/>
    <col min="189" max="191" width="8.21875" style="42" customWidth="1"/>
    <col min="192" max="192" width="7.21875" style="42" customWidth="1"/>
    <col min="193" max="202" width="8.21875" style="42" customWidth="1"/>
    <col min="203" max="203" width="7.109375" style="42" customWidth="1"/>
    <col min="204" max="213" width="8.21875" style="42" customWidth="1"/>
    <col min="214" max="214" width="7.109375" style="42" customWidth="1"/>
    <col min="215" max="219" width="8.21875" style="42" customWidth="1"/>
    <col min="220" max="221" width="9.77734375" style="42" customWidth="1"/>
    <col min="222" max="224" width="8.21875" style="42" customWidth="1"/>
    <col min="225" max="225" width="7.21875" style="42" customWidth="1"/>
    <col min="226" max="230" width="8.21875" style="42" customWidth="1"/>
    <col min="231" max="232" width="10" style="42" customWidth="1"/>
    <col min="233" max="234" width="7.44140625" style="38" customWidth="1"/>
    <col min="235" max="235" width="9.33203125" style="38" customWidth="1"/>
    <col min="236" max="236" width="7.44140625" style="38" customWidth="1"/>
    <col min="237" max="243" width="10.109375" style="38"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8" customWidth="1"/>
    <col min="313" max="313" width="7.109375" style="38" customWidth="1"/>
    <col min="314" max="323" width="10.109375" style="38" customWidth="1"/>
    <col min="324" max="324" width="7.44140625" style="38" customWidth="1"/>
    <col min="325" max="334" width="10.109375" style="38" customWidth="1"/>
    <col min="335" max="335" width="6.88671875" style="38" customWidth="1"/>
    <col min="336" max="342" width="10.109375" style="38"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2"/>
  </cols>
  <sheetData>
    <row r="1" spans="1:408" ht="21.75" customHeight="1" x14ac:dyDescent="0.2">
      <c r="A1" s="19" t="s">
        <v>136</v>
      </c>
      <c r="D1" s="251">
        <f>第１表!F2</f>
        <v>4</v>
      </c>
      <c r="E1" s="166">
        <f>第１表!G2</f>
        <v>1</v>
      </c>
      <c r="F1" s="788">
        <f>IF(E1&lt;3,E1-2+12,E1-2)</f>
        <v>11</v>
      </c>
      <c r="G1" s="788"/>
      <c r="IA1" s="251"/>
      <c r="IB1" s="168"/>
      <c r="IC1" s="729"/>
      <c r="ID1" s="729"/>
    </row>
    <row r="2" spans="1:408" ht="21.75" customHeight="1" x14ac:dyDescent="0.2">
      <c r="A2" s="19" t="s">
        <v>147</v>
      </c>
      <c r="D2" s="165"/>
      <c r="E2" s="166"/>
      <c r="F2" s="237"/>
      <c r="G2" s="237"/>
      <c r="IA2" s="167"/>
      <c r="IB2" s="168"/>
      <c r="IC2" s="254"/>
      <c r="ID2" s="254"/>
    </row>
    <row r="3" spans="1:408" ht="24" customHeight="1" thickBot="1" x14ac:dyDescent="0.25">
      <c r="A3" s="19" t="s">
        <v>156</v>
      </c>
    </row>
    <row r="4" spans="1:408" ht="18" customHeight="1" thickBot="1" x14ac:dyDescent="0.25">
      <c r="A4" s="661" t="s">
        <v>42</v>
      </c>
      <c r="B4" s="789" t="s">
        <v>63</v>
      </c>
      <c r="C4" s="789"/>
      <c r="D4" s="789"/>
      <c r="E4" s="789"/>
      <c r="F4" s="789"/>
      <c r="G4" s="789"/>
      <c r="H4" s="789"/>
      <c r="I4" s="789"/>
      <c r="J4" s="789"/>
      <c r="K4" s="789"/>
      <c r="L4" s="789"/>
      <c r="M4" s="792"/>
      <c r="N4" s="792"/>
      <c r="O4" s="792"/>
      <c r="P4" s="792"/>
      <c r="Q4" s="792"/>
      <c r="R4" s="792"/>
      <c r="S4" s="792"/>
      <c r="T4" s="792"/>
      <c r="U4" s="792"/>
      <c r="V4" s="792"/>
      <c r="W4" s="792"/>
      <c r="X4" s="792"/>
      <c r="Y4" s="792"/>
      <c r="Z4" s="792"/>
      <c r="AA4" s="792"/>
      <c r="AB4" s="792"/>
      <c r="AC4" s="792"/>
      <c r="AD4" s="792"/>
      <c r="AE4" s="792"/>
      <c r="AF4" s="792"/>
      <c r="AG4" s="792"/>
      <c r="AH4" s="792"/>
      <c r="AI4" s="792"/>
      <c r="AJ4" s="792"/>
      <c r="AK4" s="792"/>
      <c r="AL4" s="792"/>
      <c r="AM4" s="792"/>
      <c r="AN4" s="792"/>
      <c r="AO4" s="792"/>
      <c r="AP4" s="792"/>
      <c r="AQ4" s="792"/>
      <c r="AR4" s="792"/>
      <c r="AS4" s="792"/>
      <c r="AT4" s="792"/>
      <c r="AU4" s="792"/>
      <c r="AV4" s="792"/>
      <c r="AW4" s="792"/>
      <c r="AX4" s="792"/>
      <c r="AY4" s="792"/>
      <c r="AZ4" s="792"/>
      <c r="BA4" s="792"/>
      <c r="BB4" s="792"/>
      <c r="BC4" s="792"/>
      <c r="BD4" s="792"/>
      <c r="BE4" s="792"/>
      <c r="BF4" s="792"/>
      <c r="BG4" s="792"/>
      <c r="BH4" s="792"/>
      <c r="BI4" s="792"/>
      <c r="BJ4" s="792"/>
      <c r="BK4" s="792"/>
      <c r="BL4" s="792"/>
      <c r="BM4" s="792"/>
      <c r="BN4" s="792"/>
      <c r="BO4" s="792"/>
      <c r="BP4" s="792"/>
      <c r="BQ4" s="792"/>
      <c r="BR4" s="792"/>
      <c r="BS4" s="792"/>
      <c r="BT4" s="792"/>
      <c r="BU4" s="792"/>
      <c r="BV4" s="792"/>
      <c r="BW4" s="792"/>
      <c r="BX4" s="792"/>
      <c r="BY4" s="792"/>
      <c r="BZ4" s="792"/>
      <c r="CA4" s="792"/>
      <c r="CB4" s="792"/>
      <c r="CC4" s="792"/>
      <c r="CD4" s="792"/>
      <c r="CE4" s="792"/>
      <c r="CF4" s="792"/>
      <c r="CG4" s="792"/>
      <c r="CH4" s="792"/>
      <c r="CI4" s="792"/>
      <c r="CJ4" s="792"/>
      <c r="CK4" s="792"/>
      <c r="CL4" s="792"/>
      <c r="CM4" s="792"/>
      <c r="CN4" s="792"/>
      <c r="CO4" s="792"/>
      <c r="CP4" s="792"/>
      <c r="CQ4" s="792"/>
      <c r="CR4" s="792"/>
      <c r="CS4" s="792"/>
      <c r="CT4" s="792"/>
      <c r="CU4" s="792"/>
      <c r="CV4" s="792"/>
      <c r="CW4" s="792"/>
      <c r="CX4" s="792"/>
      <c r="CY4" s="792"/>
      <c r="CZ4" s="792"/>
      <c r="DA4" s="792"/>
      <c r="DB4" s="792"/>
      <c r="DC4" s="792"/>
      <c r="DD4" s="792"/>
      <c r="DE4" s="792"/>
      <c r="DF4" s="792"/>
      <c r="DG4" s="792"/>
      <c r="DH4" s="792"/>
      <c r="DI4" s="792"/>
      <c r="DJ4" s="792"/>
      <c r="DK4" s="792"/>
      <c r="DL4" s="792"/>
      <c r="DM4" s="792"/>
      <c r="DN4" s="792"/>
      <c r="DO4" s="792"/>
      <c r="DP4" s="792"/>
      <c r="DQ4" s="792"/>
      <c r="DR4" s="792"/>
      <c r="DS4" s="792"/>
      <c r="DT4" s="792"/>
      <c r="DU4" s="792"/>
      <c r="DV4" s="792"/>
      <c r="DW4" s="792"/>
      <c r="DX4" s="792"/>
      <c r="DY4" s="792"/>
      <c r="DZ4" s="792"/>
      <c r="EA4" s="792"/>
      <c r="EB4" s="792"/>
      <c r="EC4" s="792"/>
      <c r="ED4" s="792"/>
      <c r="EE4" s="792"/>
      <c r="EF4" s="792"/>
      <c r="EG4" s="792"/>
      <c r="EH4" s="792"/>
      <c r="EI4" s="792"/>
      <c r="EJ4" s="792"/>
      <c r="EK4" s="792"/>
      <c r="EL4" s="792"/>
      <c r="EM4" s="792"/>
      <c r="EN4" s="792"/>
      <c r="EO4" s="792"/>
      <c r="EP4" s="792"/>
      <c r="EQ4" s="792"/>
      <c r="ER4" s="792"/>
      <c r="ES4" s="792"/>
      <c r="ET4" s="792"/>
      <c r="EU4" s="792"/>
      <c r="EV4" s="792"/>
      <c r="EW4" s="792"/>
      <c r="EX4" s="792"/>
      <c r="EY4" s="792"/>
      <c r="EZ4" s="792"/>
      <c r="FA4" s="792"/>
      <c r="FB4" s="792"/>
      <c r="FC4" s="792"/>
      <c r="FD4" s="792"/>
      <c r="FE4" s="792"/>
      <c r="FF4" s="792"/>
      <c r="FG4" s="792"/>
      <c r="FH4" s="792"/>
      <c r="FI4" s="792"/>
      <c r="FJ4" s="792"/>
      <c r="FK4" s="792"/>
      <c r="FL4" s="792"/>
      <c r="FM4" s="792"/>
      <c r="FN4" s="792"/>
      <c r="FO4" s="792"/>
      <c r="FP4" s="792"/>
      <c r="FQ4" s="792"/>
      <c r="FR4" s="792"/>
      <c r="FS4" s="792"/>
      <c r="FT4" s="792"/>
      <c r="FU4" s="792"/>
      <c r="FV4" s="792"/>
      <c r="FW4" s="792"/>
      <c r="FX4" s="792"/>
      <c r="FY4" s="792"/>
      <c r="FZ4" s="792"/>
      <c r="GA4" s="792"/>
      <c r="GB4" s="792"/>
      <c r="GC4" s="792"/>
      <c r="GD4" s="792"/>
      <c r="GE4" s="792"/>
      <c r="GF4" s="792"/>
      <c r="GG4" s="792"/>
      <c r="GH4" s="792"/>
      <c r="GI4" s="792"/>
      <c r="GJ4" s="792"/>
      <c r="GK4" s="792"/>
      <c r="GL4" s="792"/>
      <c r="GM4" s="792"/>
      <c r="GN4" s="792"/>
      <c r="GO4" s="792"/>
      <c r="GP4" s="792"/>
      <c r="GQ4" s="792"/>
      <c r="GR4" s="792"/>
      <c r="GS4" s="792"/>
      <c r="GT4" s="792"/>
      <c r="GU4" s="792"/>
      <c r="GV4" s="792"/>
      <c r="GW4" s="792"/>
      <c r="GX4" s="792"/>
      <c r="GY4" s="792"/>
      <c r="GZ4" s="792"/>
      <c r="HA4" s="792"/>
      <c r="HB4" s="792"/>
      <c r="HC4" s="792"/>
      <c r="HD4" s="792"/>
      <c r="HE4" s="792"/>
      <c r="HF4" s="792"/>
      <c r="HG4" s="792"/>
      <c r="HH4" s="792"/>
      <c r="HI4" s="792"/>
      <c r="HJ4" s="792"/>
      <c r="HK4" s="792"/>
      <c r="HL4" s="792"/>
      <c r="HM4" s="792"/>
      <c r="HN4" s="792"/>
      <c r="HO4" s="792"/>
      <c r="HP4" s="792"/>
      <c r="HQ4" s="792"/>
      <c r="HR4" s="792"/>
      <c r="HS4" s="792"/>
      <c r="HT4" s="792"/>
      <c r="HU4" s="792"/>
      <c r="HV4" s="792"/>
      <c r="HW4" s="792"/>
      <c r="HX4" s="793"/>
      <c r="HY4" s="730" t="s">
        <v>85</v>
      </c>
      <c r="HZ4" s="731"/>
      <c r="IA4" s="731"/>
      <c r="IB4" s="731"/>
      <c r="IC4" s="731"/>
      <c r="ID4" s="731"/>
      <c r="IE4" s="731"/>
      <c r="IF4" s="731"/>
      <c r="IG4" s="731"/>
      <c r="IH4" s="731"/>
      <c r="II4" s="731"/>
      <c r="IJ4" s="731"/>
      <c r="IK4" s="731"/>
      <c r="IL4" s="731"/>
      <c r="IM4" s="731"/>
      <c r="IN4" s="731"/>
      <c r="IO4" s="731"/>
      <c r="IP4" s="731"/>
      <c r="IQ4" s="731"/>
      <c r="IR4" s="731"/>
      <c r="IS4" s="731"/>
      <c r="IT4" s="731"/>
      <c r="IU4" s="731"/>
      <c r="IV4" s="731"/>
      <c r="IW4" s="731"/>
      <c r="IX4" s="731"/>
      <c r="IY4" s="731"/>
      <c r="IZ4" s="731"/>
      <c r="JA4" s="731"/>
      <c r="JB4" s="731"/>
      <c r="JC4" s="731"/>
      <c r="JD4" s="731"/>
      <c r="JE4" s="731"/>
      <c r="JF4" s="731"/>
      <c r="JG4" s="731"/>
      <c r="JH4" s="731"/>
      <c r="JI4" s="731"/>
      <c r="JJ4" s="731"/>
      <c r="JK4" s="731"/>
      <c r="JL4" s="731"/>
      <c r="JM4" s="731"/>
      <c r="JN4" s="731"/>
      <c r="JO4" s="731"/>
      <c r="JP4" s="731"/>
      <c r="JQ4" s="731"/>
      <c r="JR4" s="731"/>
      <c r="JS4" s="731"/>
      <c r="JT4" s="731"/>
      <c r="JU4" s="731"/>
      <c r="JV4" s="731"/>
      <c r="JW4" s="731"/>
      <c r="JX4" s="731"/>
      <c r="JY4" s="731"/>
      <c r="JZ4" s="731"/>
      <c r="KA4" s="731"/>
      <c r="KB4" s="731"/>
      <c r="KC4" s="731"/>
      <c r="KD4" s="731"/>
      <c r="KE4" s="731"/>
      <c r="KF4" s="731"/>
      <c r="KG4" s="731"/>
      <c r="KH4" s="731"/>
      <c r="KI4" s="731"/>
      <c r="KJ4" s="731"/>
      <c r="KK4" s="731"/>
      <c r="KL4" s="731"/>
      <c r="KM4" s="731"/>
      <c r="KN4" s="731"/>
      <c r="KO4" s="731"/>
      <c r="KP4" s="731"/>
      <c r="KQ4" s="731"/>
      <c r="KR4" s="731"/>
      <c r="KS4" s="731"/>
      <c r="KT4" s="731"/>
      <c r="KU4" s="731"/>
      <c r="KV4" s="731"/>
      <c r="KW4" s="731"/>
      <c r="KX4" s="731"/>
      <c r="KY4" s="731"/>
      <c r="KZ4" s="731"/>
      <c r="LA4" s="731"/>
      <c r="LB4" s="731"/>
      <c r="LC4" s="731"/>
      <c r="LD4" s="731"/>
      <c r="LE4" s="731"/>
      <c r="LF4" s="731"/>
      <c r="LG4" s="731"/>
      <c r="LH4" s="731"/>
      <c r="LI4" s="731"/>
      <c r="LJ4" s="731"/>
      <c r="LK4" s="731"/>
      <c r="LL4" s="731"/>
      <c r="LM4" s="731"/>
      <c r="LN4" s="731"/>
      <c r="LO4" s="731"/>
      <c r="LP4" s="731"/>
      <c r="LQ4" s="731"/>
      <c r="LR4" s="731"/>
      <c r="LS4" s="731"/>
      <c r="LT4" s="731"/>
      <c r="LU4" s="731"/>
      <c r="LV4" s="731"/>
      <c r="LW4" s="731"/>
      <c r="LX4" s="731"/>
      <c r="LY4" s="731"/>
      <c r="LZ4" s="731"/>
      <c r="MA4" s="731"/>
      <c r="MB4" s="731"/>
      <c r="MC4" s="731"/>
      <c r="MD4" s="732"/>
      <c r="ME4" s="730" t="s">
        <v>86</v>
      </c>
      <c r="MF4" s="731"/>
      <c r="MG4" s="731"/>
      <c r="MH4" s="731"/>
      <c r="MI4" s="731"/>
      <c r="MJ4" s="731"/>
      <c r="MK4" s="731"/>
      <c r="ML4" s="731"/>
      <c r="MM4" s="731"/>
      <c r="MN4" s="731"/>
      <c r="MO4" s="731"/>
      <c r="MP4" s="731"/>
      <c r="MQ4" s="731"/>
      <c r="MR4" s="731"/>
      <c r="MS4" s="731"/>
      <c r="MT4" s="731"/>
      <c r="MU4" s="731"/>
      <c r="MV4" s="731"/>
      <c r="MW4" s="731"/>
      <c r="MX4" s="731"/>
      <c r="MY4" s="731"/>
      <c r="MZ4" s="731"/>
      <c r="NA4" s="731"/>
      <c r="NB4" s="731"/>
      <c r="NC4" s="731"/>
      <c r="ND4" s="731"/>
      <c r="NE4" s="731"/>
      <c r="NF4" s="731"/>
      <c r="NG4" s="731"/>
      <c r="NH4" s="731"/>
      <c r="NI4" s="731"/>
      <c r="NJ4" s="731"/>
      <c r="NK4" s="731"/>
      <c r="NL4" s="731"/>
      <c r="NM4" s="731"/>
      <c r="NN4" s="731"/>
      <c r="NO4" s="731"/>
      <c r="NP4" s="731"/>
      <c r="NQ4" s="731"/>
      <c r="NR4" s="731"/>
      <c r="NS4" s="731"/>
      <c r="NT4" s="731"/>
      <c r="NU4" s="731"/>
      <c r="NV4" s="731"/>
      <c r="NW4" s="731"/>
      <c r="NX4" s="731"/>
      <c r="NY4" s="731"/>
      <c r="NZ4" s="731"/>
      <c r="OA4" s="731"/>
      <c r="OB4" s="731"/>
      <c r="OC4" s="731"/>
      <c r="OD4" s="731"/>
      <c r="OE4" s="731"/>
      <c r="OF4" s="731"/>
      <c r="OG4" s="732"/>
      <c r="OH4" s="553" t="s">
        <v>60</v>
      </c>
      <c r="OI4" s="462"/>
      <c r="OJ4" s="462"/>
      <c r="OK4" s="462"/>
      <c r="OL4" s="462"/>
      <c r="OM4" s="462"/>
      <c r="ON4" s="462"/>
      <c r="OO4" s="462"/>
      <c r="OP4" s="462"/>
      <c r="OQ4" s="462"/>
      <c r="OR4" s="463"/>
    </row>
    <row r="5" spans="1:408" ht="18" customHeight="1" thickBot="1" x14ac:dyDescent="0.25">
      <c r="A5" s="662"/>
      <c r="B5" s="790"/>
      <c r="C5" s="790"/>
      <c r="D5" s="790"/>
      <c r="E5" s="790"/>
      <c r="F5" s="790"/>
      <c r="G5" s="790"/>
      <c r="H5" s="790"/>
      <c r="I5" s="790"/>
      <c r="J5" s="790"/>
      <c r="K5" s="790"/>
      <c r="L5" s="790"/>
      <c r="M5" s="794" t="s">
        <v>64</v>
      </c>
      <c r="N5" s="795"/>
      <c r="O5" s="795"/>
      <c r="P5" s="795"/>
      <c r="Q5" s="795"/>
      <c r="R5" s="795"/>
      <c r="S5" s="795"/>
      <c r="T5" s="795"/>
      <c r="U5" s="795"/>
      <c r="V5" s="795"/>
      <c r="W5" s="795"/>
      <c r="X5" s="795"/>
      <c r="Y5" s="795"/>
      <c r="Z5" s="795"/>
      <c r="AA5" s="795"/>
      <c r="AB5" s="795"/>
      <c r="AC5" s="795"/>
      <c r="AD5" s="795"/>
      <c r="AE5" s="795"/>
      <c r="AF5" s="795"/>
      <c r="AG5" s="795"/>
      <c r="AH5" s="795"/>
      <c r="AI5" s="795"/>
      <c r="AJ5" s="795"/>
      <c r="AK5" s="795"/>
      <c r="AL5" s="795"/>
      <c r="AM5" s="795"/>
      <c r="AN5" s="795"/>
      <c r="AO5" s="795"/>
      <c r="AP5" s="795"/>
      <c r="AQ5" s="795"/>
      <c r="AR5" s="795"/>
      <c r="AS5" s="795"/>
      <c r="AT5" s="795"/>
      <c r="AU5" s="795"/>
      <c r="AV5" s="795"/>
      <c r="AW5" s="795"/>
      <c r="AX5" s="795"/>
      <c r="AY5" s="795"/>
      <c r="AZ5" s="795"/>
      <c r="BA5" s="795"/>
      <c r="BB5" s="795"/>
      <c r="BC5" s="795"/>
      <c r="BD5" s="795"/>
      <c r="BE5" s="795"/>
      <c r="BF5" s="795"/>
      <c r="BG5" s="795"/>
      <c r="BH5" s="795"/>
      <c r="BI5" s="795"/>
      <c r="BJ5" s="795"/>
      <c r="BK5" s="795"/>
      <c r="BL5" s="795"/>
      <c r="BM5" s="795"/>
      <c r="BN5" s="795"/>
      <c r="BO5" s="795"/>
      <c r="BP5" s="795"/>
      <c r="BQ5" s="795"/>
      <c r="BR5" s="795"/>
      <c r="BS5" s="795"/>
      <c r="BT5" s="795"/>
      <c r="BU5" s="795"/>
      <c r="BV5" s="795"/>
      <c r="BW5" s="795"/>
      <c r="BX5" s="795"/>
      <c r="BY5" s="795"/>
      <c r="BZ5" s="796"/>
      <c r="CA5" s="794" t="s">
        <v>65</v>
      </c>
      <c r="CB5" s="795"/>
      <c r="CC5" s="795"/>
      <c r="CD5" s="795"/>
      <c r="CE5" s="795"/>
      <c r="CF5" s="795"/>
      <c r="CG5" s="795"/>
      <c r="CH5" s="795"/>
      <c r="CI5" s="795"/>
      <c r="CJ5" s="795"/>
      <c r="CK5" s="795"/>
      <c r="CL5" s="795"/>
      <c r="CM5" s="795"/>
      <c r="CN5" s="795"/>
      <c r="CO5" s="795"/>
      <c r="CP5" s="795"/>
      <c r="CQ5" s="795"/>
      <c r="CR5" s="795"/>
      <c r="CS5" s="795"/>
      <c r="CT5" s="795"/>
      <c r="CU5" s="795"/>
      <c r="CV5" s="795"/>
      <c r="CW5" s="795"/>
      <c r="CX5" s="795"/>
      <c r="CY5" s="795"/>
      <c r="CZ5" s="795"/>
      <c r="DA5" s="795"/>
      <c r="DB5" s="795"/>
      <c r="DC5" s="795"/>
      <c r="DD5" s="795"/>
      <c r="DE5" s="795"/>
      <c r="DF5" s="795"/>
      <c r="DG5" s="796"/>
      <c r="DH5" s="466" t="s">
        <v>66</v>
      </c>
      <c r="DI5" s="467"/>
      <c r="DJ5" s="467"/>
      <c r="DK5" s="467"/>
      <c r="DL5" s="467"/>
      <c r="DM5" s="467"/>
      <c r="DN5" s="467"/>
      <c r="DO5" s="467"/>
      <c r="DP5" s="467"/>
      <c r="DQ5" s="467"/>
      <c r="DR5" s="467"/>
      <c r="DS5" s="467"/>
      <c r="DT5" s="467"/>
      <c r="DU5" s="467"/>
      <c r="DV5" s="467"/>
      <c r="DW5" s="467"/>
      <c r="DX5" s="467"/>
      <c r="DY5" s="467"/>
      <c r="DZ5" s="467"/>
      <c r="EA5" s="467"/>
      <c r="EB5" s="467"/>
      <c r="EC5" s="467"/>
      <c r="ED5" s="467"/>
      <c r="EE5" s="467"/>
      <c r="EF5" s="467"/>
      <c r="EG5" s="467"/>
      <c r="EH5" s="467"/>
      <c r="EI5" s="467"/>
      <c r="EJ5" s="467"/>
      <c r="EK5" s="467"/>
      <c r="EL5" s="467"/>
      <c r="EM5" s="467"/>
      <c r="EN5" s="467"/>
      <c r="EO5" s="467"/>
      <c r="EP5" s="467"/>
      <c r="EQ5" s="467"/>
      <c r="ER5" s="467"/>
      <c r="ES5" s="467"/>
      <c r="ET5" s="467"/>
      <c r="EU5" s="467"/>
      <c r="EV5" s="467"/>
      <c r="EW5" s="467"/>
      <c r="EX5" s="467"/>
      <c r="EY5" s="467"/>
      <c r="EZ5" s="467"/>
      <c r="FA5" s="467"/>
      <c r="FB5" s="467"/>
      <c r="FC5" s="467"/>
      <c r="FD5" s="467"/>
      <c r="FE5" s="467"/>
      <c r="FF5" s="467"/>
      <c r="FG5" s="467"/>
      <c r="FH5" s="467"/>
      <c r="FI5" s="467"/>
      <c r="FJ5" s="468"/>
      <c r="FK5" s="794" t="s">
        <v>67</v>
      </c>
      <c r="FL5" s="795"/>
      <c r="FM5" s="795"/>
      <c r="FN5" s="795"/>
      <c r="FO5" s="795"/>
      <c r="FP5" s="795"/>
      <c r="FQ5" s="795"/>
      <c r="FR5" s="795"/>
      <c r="FS5" s="795"/>
      <c r="FT5" s="795"/>
      <c r="FU5" s="795"/>
      <c r="FV5" s="795"/>
      <c r="FW5" s="795"/>
      <c r="FX5" s="795"/>
      <c r="FY5" s="795"/>
      <c r="FZ5" s="795"/>
      <c r="GA5" s="795"/>
      <c r="GB5" s="795"/>
      <c r="GC5" s="795"/>
      <c r="GD5" s="795"/>
      <c r="GE5" s="795"/>
      <c r="GF5" s="795"/>
      <c r="GG5" s="795"/>
      <c r="GH5" s="795"/>
      <c r="GI5" s="795"/>
      <c r="GJ5" s="795"/>
      <c r="GK5" s="795"/>
      <c r="GL5" s="795"/>
      <c r="GM5" s="795"/>
      <c r="GN5" s="795"/>
      <c r="GO5" s="795"/>
      <c r="GP5" s="795"/>
      <c r="GQ5" s="795"/>
      <c r="GR5" s="795"/>
      <c r="GS5" s="795"/>
      <c r="GT5" s="795"/>
      <c r="GU5" s="795"/>
      <c r="GV5" s="795"/>
      <c r="GW5" s="795"/>
      <c r="GX5" s="795"/>
      <c r="GY5" s="795"/>
      <c r="GZ5" s="795"/>
      <c r="HA5" s="795"/>
      <c r="HB5" s="796"/>
      <c r="HC5" s="797" t="s">
        <v>68</v>
      </c>
      <c r="HD5" s="798"/>
      <c r="HE5" s="798"/>
      <c r="HF5" s="798"/>
      <c r="HG5" s="798"/>
      <c r="HH5" s="798"/>
      <c r="HI5" s="798"/>
      <c r="HJ5" s="798"/>
      <c r="HK5" s="798"/>
      <c r="HL5" s="798"/>
      <c r="HM5" s="799"/>
      <c r="HN5" s="797" t="s">
        <v>69</v>
      </c>
      <c r="HO5" s="798"/>
      <c r="HP5" s="798"/>
      <c r="HQ5" s="798"/>
      <c r="HR5" s="798"/>
      <c r="HS5" s="798"/>
      <c r="HT5" s="798"/>
      <c r="HU5" s="798"/>
      <c r="HV5" s="798"/>
      <c r="HW5" s="798"/>
      <c r="HX5" s="799"/>
      <c r="HY5" s="736"/>
      <c r="HZ5" s="737"/>
      <c r="IA5" s="737"/>
      <c r="IB5" s="737"/>
      <c r="IC5" s="737"/>
      <c r="ID5" s="737"/>
      <c r="IE5" s="737"/>
      <c r="IF5" s="737"/>
      <c r="IG5" s="737"/>
      <c r="IH5" s="737"/>
      <c r="II5" s="738"/>
      <c r="IJ5" s="553" t="s">
        <v>94</v>
      </c>
      <c r="IK5" s="462"/>
      <c r="IL5" s="462"/>
      <c r="IM5" s="462"/>
      <c r="IN5" s="462"/>
      <c r="IO5" s="462"/>
      <c r="IP5" s="462"/>
      <c r="IQ5" s="462"/>
      <c r="IR5" s="462"/>
      <c r="IS5" s="462"/>
      <c r="IT5" s="463"/>
      <c r="IU5" s="553" t="s">
        <v>88</v>
      </c>
      <c r="IV5" s="462"/>
      <c r="IW5" s="462"/>
      <c r="IX5" s="462"/>
      <c r="IY5" s="462"/>
      <c r="IZ5" s="462"/>
      <c r="JA5" s="462"/>
      <c r="JB5" s="462"/>
      <c r="JC5" s="462"/>
      <c r="JD5" s="462"/>
      <c r="JE5" s="463"/>
      <c r="JF5" s="742" t="s">
        <v>144</v>
      </c>
      <c r="JG5" s="743"/>
      <c r="JH5" s="743"/>
      <c r="JI5" s="743"/>
      <c r="JJ5" s="743"/>
      <c r="JK5" s="743"/>
      <c r="JL5" s="743"/>
      <c r="JM5" s="743"/>
      <c r="JN5" s="743"/>
      <c r="JO5" s="743"/>
      <c r="JP5" s="744"/>
      <c r="JQ5" s="553" t="s">
        <v>90</v>
      </c>
      <c r="JR5" s="462"/>
      <c r="JS5" s="462"/>
      <c r="JT5" s="462"/>
      <c r="JU5" s="462"/>
      <c r="JV5" s="462"/>
      <c r="JW5" s="462"/>
      <c r="JX5" s="462"/>
      <c r="JY5" s="462"/>
      <c r="JZ5" s="462"/>
      <c r="KA5" s="463"/>
      <c r="KB5" s="553" t="s">
        <v>89</v>
      </c>
      <c r="KC5" s="462"/>
      <c r="KD5" s="462"/>
      <c r="KE5" s="462"/>
      <c r="KF5" s="462"/>
      <c r="KG5" s="462"/>
      <c r="KH5" s="462"/>
      <c r="KI5" s="462"/>
      <c r="KJ5" s="462"/>
      <c r="KK5" s="462"/>
      <c r="KL5" s="463"/>
      <c r="KM5" s="553" t="s">
        <v>91</v>
      </c>
      <c r="KN5" s="462"/>
      <c r="KO5" s="462"/>
      <c r="KP5" s="462"/>
      <c r="KQ5" s="462"/>
      <c r="KR5" s="462"/>
      <c r="KS5" s="462"/>
      <c r="KT5" s="462"/>
      <c r="KU5" s="462"/>
      <c r="KV5" s="462"/>
      <c r="KW5" s="463"/>
      <c r="KX5" s="553" t="s">
        <v>92</v>
      </c>
      <c r="KY5" s="462"/>
      <c r="KZ5" s="462"/>
      <c r="LA5" s="462"/>
      <c r="LB5" s="462"/>
      <c r="LC5" s="462"/>
      <c r="LD5" s="462"/>
      <c r="LE5" s="462"/>
      <c r="LF5" s="462"/>
      <c r="LG5" s="462"/>
      <c r="LH5" s="463"/>
      <c r="LI5" s="748" t="s">
        <v>93</v>
      </c>
      <c r="LJ5" s="749"/>
      <c r="LK5" s="749"/>
      <c r="LL5" s="749"/>
      <c r="LM5" s="749"/>
      <c r="LN5" s="749"/>
      <c r="LO5" s="749"/>
      <c r="LP5" s="749"/>
      <c r="LQ5" s="749"/>
      <c r="LR5" s="749"/>
      <c r="LS5" s="750"/>
      <c r="LT5" s="751" t="s">
        <v>145</v>
      </c>
      <c r="LU5" s="752"/>
      <c r="LV5" s="752"/>
      <c r="LW5" s="752"/>
      <c r="LX5" s="752"/>
      <c r="LY5" s="752"/>
      <c r="LZ5" s="752"/>
      <c r="MA5" s="752"/>
      <c r="MB5" s="752"/>
      <c r="MC5" s="752"/>
      <c r="MD5" s="753"/>
      <c r="ME5" s="736"/>
      <c r="MF5" s="737"/>
      <c r="MG5" s="737"/>
      <c r="MH5" s="737"/>
      <c r="MI5" s="737"/>
      <c r="MJ5" s="737"/>
      <c r="MK5" s="737"/>
      <c r="ML5" s="737"/>
      <c r="MM5" s="737"/>
      <c r="MN5" s="737"/>
      <c r="MO5" s="738"/>
      <c r="MP5" s="553" t="s">
        <v>57</v>
      </c>
      <c r="MQ5" s="462"/>
      <c r="MR5" s="462"/>
      <c r="MS5" s="462"/>
      <c r="MT5" s="462"/>
      <c r="MU5" s="462"/>
      <c r="MV5" s="462"/>
      <c r="MW5" s="462"/>
      <c r="MX5" s="462"/>
      <c r="MY5" s="462"/>
      <c r="MZ5" s="463"/>
      <c r="NA5" s="553" t="s">
        <v>58</v>
      </c>
      <c r="NB5" s="462"/>
      <c r="NC5" s="462"/>
      <c r="ND5" s="462"/>
      <c r="NE5" s="462"/>
      <c r="NF5" s="462"/>
      <c r="NG5" s="462"/>
      <c r="NH5" s="462"/>
      <c r="NI5" s="462"/>
      <c r="NJ5" s="462"/>
      <c r="NK5" s="463"/>
      <c r="NL5" s="553" t="s">
        <v>59</v>
      </c>
      <c r="NM5" s="462"/>
      <c r="NN5" s="462"/>
      <c r="NO5" s="462"/>
      <c r="NP5" s="462"/>
      <c r="NQ5" s="462"/>
      <c r="NR5" s="462"/>
      <c r="NS5" s="462"/>
      <c r="NT5" s="462"/>
      <c r="NU5" s="462"/>
      <c r="NV5" s="463"/>
      <c r="NW5" s="721" t="s">
        <v>151</v>
      </c>
      <c r="NX5" s="722"/>
      <c r="NY5" s="722"/>
      <c r="NZ5" s="722"/>
      <c r="OA5" s="722"/>
      <c r="OB5" s="722"/>
      <c r="OC5" s="722"/>
      <c r="OD5" s="722"/>
      <c r="OE5" s="722"/>
      <c r="OF5" s="722"/>
      <c r="OG5" s="723"/>
      <c r="OH5" s="733"/>
      <c r="OI5" s="734"/>
      <c r="OJ5" s="734"/>
      <c r="OK5" s="734"/>
      <c r="OL5" s="734"/>
      <c r="OM5" s="734"/>
      <c r="ON5" s="734"/>
      <c r="OO5" s="734"/>
      <c r="OP5" s="734"/>
      <c r="OQ5" s="734"/>
      <c r="OR5" s="735"/>
    </row>
    <row r="6" spans="1:408" ht="18" customHeight="1" thickBot="1" x14ac:dyDescent="0.25">
      <c r="A6" s="662"/>
      <c r="B6" s="791"/>
      <c r="C6" s="791"/>
      <c r="D6" s="791"/>
      <c r="E6" s="791"/>
      <c r="F6" s="791"/>
      <c r="G6" s="791"/>
      <c r="H6" s="791"/>
      <c r="I6" s="791"/>
      <c r="J6" s="791"/>
      <c r="K6" s="791"/>
      <c r="L6" s="791"/>
      <c r="M6" s="475"/>
      <c r="N6" s="476"/>
      <c r="O6" s="476"/>
      <c r="P6" s="476"/>
      <c r="Q6" s="476"/>
      <c r="R6" s="476"/>
      <c r="S6" s="476"/>
      <c r="T6" s="476"/>
      <c r="U6" s="476"/>
      <c r="V6" s="476"/>
      <c r="W6" s="477"/>
      <c r="X6" s="786" t="s">
        <v>70</v>
      </c>
      <c r="Y6" s="479"/>
      <c r="Z6" s="479"/>
      <c r="AA6" s="479"/>
      <c r="AB6" s="479"/>
      <c r="AC6" s="479"/>
      <c r="AD6" s="479"/>
      <c r="AE6" s="479"/>
      <c r="AF6" s="479"/>
      <c r="AG6" s="479"/>
      <c r="AH6" s="480"/>
      <c r="AI6" s="783" t="s">
        <v>71</v>
      </c>
      <c r="AJ6" s="784"/>
      <c r="AK6" s="784"/>
      <c r="AL6" s="784"/>
      <c r="AM6" s="784"/>
      <c r="AN6" s="784"/>
      <c r="AO6" s="784"/>
      <c r="AP6" s="784"/>
      <c r="AQ6" s="784"/>
      <c r="AR6" s="784"/>
      <c r="AS6" s="785"/>
      <c r="AT6" s="783" t="s">
        <v>72</v>
      </c>
      <c r="AU6" s="784"/>
      <c r="AV6" s="784"/>
      <c r="AW6" s="784"/>
      <c r="AX6" s="784"/>
      <c r="AY6" s="784"/>
      <c r="AZ6" s="784"/>
      <c r="BA6" s="784"/>
      <c r="BB6" s="784"/>
      <c r="BC6" s="784"/>
      <c r="BD6" s="785"/>
      <c r="BE6" s="783" t="s">
        <v>73</v>
      </c>
      <c r="BF6" s="784"/>
      <c r="BG6" s="784"/>
      <c r="BH6" s="784"/>
      <c r="BI6" s="784"/>
      <c r="BJ6" s="784"/>
      <c r="BK6" s="784"/>
      <c r="BL6" s="784"/>
      <c r="BM6" s="784"/>
      <c r="BN6" s="784"/>
      <c r="BO6" s="785"/>
      <c r="BP6" s="783" t="s">
        <v>74</v>
      </c>
      <c r="BQ6" s="784"/>
      <c r="BR6" s="784"/>
      <c r="BS6" s="784"/>
      <c r="BT6" s="784"/>
      <c r="BU6" s="784"/>
      <c r="BV6" s="784"/>
      <c r="BW6" s="784"/>
      <c r="BX6" s="784"/>
      <c r="BY6" s="784"/>
      <c r="BZ6" s="785"/>
      <c r="CA6" s="781"/>
      <c r="CB6" s="782"/>
      <c r="CC6" s="782"/>
      <c r="CD6" s="782"/>
      <c r="CE6" s="782"/>
      <c r="CF6" s="782"/>
      <c r="CG6" s="782"/>
      <c r="CH6" s="782"/>
      <c r="CI6" s="782"/>
      <c r="CJ6" s="782"/>
      <c r="CK6" s="803"/>
      <c r="CL6" s="783" t="s">
        <v>75</v>
      </c>
      <c r="CM6" s="784"/>
      <c r="CN6" s="784"/>
      <c r="CO6" s="784"/>
      <c r="CP6" s="784"/>
      <c r="CQ6" s="784"/>
      <c r="CR6" s="784"/>
      <c r="CS6" s="784"/>
      <c r="CT6" s="784"/>
      <c r="CU6" s="784"/>
      <c r="CV6" s="785"/>
      <c r="CW6" s="783" t="s">
        <v>76</v>
      </c>
      <c r="CX6" s="784"/>
      <c r="CY6" s="784"/>
      <c r="CZ6" s="784"/>
      <c r="DA6" s="784"/>
      <c r="DB6" s="784"/>
      <c r="DC6" s="784"/>
      <c r="DD6" s="784"/>
      <c r="DE6" s="784"/>
      <c r="DF6" s="784"/>
      <c r="DG6" s="785"/>
      <c r="DH6" s="781"/>
      <c r="DI6" s="782"/>
      <c r="DJ6" s="782"/>
      <c r="DK6" s="782"/>
      <c r="DL6" s="782"/>
      <c r="DM6" s="782"/>
      <c r="DN6" s="782"/>
      <c r="DO6" s="782"/>
      <c r="DP6" s="782"/>
      <c r="DQ6" s="782"/>
      <c r="DR6" s="782"/>
      <c r="DS6" s="783" t="s">
        <v>77</v>
      </c>
      <c r="DT6" s="784"/>
      <c r="DU6" s="784"/>
      <c r="DV6" s="784"/>
      <c r="DW6" s="784"/>
      <c r="DX6" s="784"/>
      <c r="DY6" s="784"/>
      <c r="DZ6" s="784"/>
      <c r="EA6" s="784"/>
      <c r="EB6" s="784"/>
      <c r="EC6" s="785"/>
      <c r="ED6" s="783" t="s">
        <v>78</v>
      </c>
      <c r="EE6" s="784"/>
      <c r="EF6" s="784"/>
      <c r="EG6" s="784"/>
      <c r="EH6" s="784"/>
      <c r="EI6" s="784"/>
      <c r="EJ6" s="784"/>
      <c r="EK6" s="784"/>
      <c r="EL6" s="784"/>
      <c r="EM6" s="784"/>
      <c r="EN6" s="785"/>
      <c r="EO6" s="783" t="s">
        <v>79</v>
      </c>
      <c r="EP6" s="784"/>
      <c r="EQ6" s="784"/>
      <c r="ER6" s="784"/>
      <c r="ES6" s="784"/>
      <c r="ET6" s="784"/>
      <c r="EU6" s="784"/>
      <c r="EV6" s="784"/>
      <c r="EW6" s="784"/>
      <c r="EX6" s="784"/>
      <c r="EY6" s="785"/>
      <c r="EZ6" s="787" t="s">
        <v>152</v>
      </c>
      <c r="FA6" s="784"/>
      <c r="FB6" s="784"/>
      <c r="FC6" s="784"/>
      <c r="FD6" s="784"/>
      <c r="FE6" s="784"/>
      <c r="FF6" s="784"/>
      <c r="FG6" s="784"/>
      <c r="FH6" s="784"/>
      <c r="FI6" s="784"/>
      <c r="FJ6" s="785"/>
      <c r="FK6" s="781"/>
      <c r="FL6" s="782"/>
      <c r="FM6" s="782"/>
      <c r="FN6" s="782"/>
      <c r="FO6" s="782"/>
      <c r="FP6" s="782"/>
      <c r="FQ6" s="782"/>
      <c r="FR6" s="782"/>
      <c r="FS6" s="782"/>
      <c r="FT6" s="782"/>
      <c r="FU6" s="782"/>
      <c r="FV6" s="783" t="s">
        <v>80</v>
      </c>
      <c r="FW6" s="784"/>
      <c r="FX6" s="784"/>
      <c r="FY6" s="784"/>
      <c r="FZ6" s="784"/>
      <c r="GA6" s="784"/>
      <c r="GB6" s="784"/>
      <c r="GC6" s="784"/>
      <c r="GD6" s="784"/>
      <c r="GE6" s="784"/>
      <c r="GF6" s="785"/>
      <c r="GG6" s="786" t="s">
        <v>81</v>
      </c>
      <c r="GH6" s="479"/>
      <c r="GI6" s="479"/>
      <c r="GJ6" s="479"/>
      <c r="GK6" s="479"/>
      <c r="GL6" s="479"/>
      <c r="GM6" s="479"/>
      <c r="GN6" s="479"/>
      <c r="GO6" s="479"/>
      <c r="GP6" s="479"/>
      <c r="GQ6" s="480"/>
      <c r="GR6" s="786" t="s">
        <v>82</v>
      </c>
      <c r="GS6" s="479"/>
      <c r="GT6" s="479"/>
      <c r="GU6" s="479"/>
      <c r="GV6" s="479"/>
      <c r="GW6" s="479"/>
      <c r="GX6" s="479"/>
      <c r="GY6" s="479"/>
      <c r="GZ6" s="479"/>
      <c r="HA6" s="479"/>
      <c r="HB6" s="480"/>
      <c r="HC6" s="800"/>
      <c r="HD6" s="801"/>
      <c r="HE6" s="801"/>
      <c r="HF6" s="801"/>
      <c r="HG6" s="801"/>
      <c r="HH6" s="801"/>
      <c r="HI6" s="801"/>
      <c r="HJ6" s="801"/>
      <c r="HK6" s="801"/>
      <c r="HL6" s="801"/>
      <c r="HM6" s="802"/>
      <c r="HN6" s="800"/>
      <c r="HO6" s="801"/>
      <c r="HP6" s="801"/>
      <c r="HQ6" s="801"/>
      <c r="HR6" s="801"/>
      <c r="HS6" s="801"/>
      <c r="HT6" s="801"/>
      <c r="HU6" s="801"/>
      <c r="HV6" s="801"/>
      <c r="HW6" s="801"/>
      <c r="HX6" s="802"/>
      <c r="HY6" s="739"/>
      <c r="HZ6" s="740"/>
      <c r="IA6" s="740"/>
      <c r="IB6" s="740"/>
      <c r="IC6" s="740"/>
      <c r="ID6" s="740"/>
      <c r="IE6" s="740"/>
      <c r="IF6" s="740"/>
      <c r="IG6" s="740"/>
      <c r="IH6" s="740"/>
      <c r="II6" s="741"/>
      <c r="IJ6" s="554"/>
      <c r="IK6" s="545"/>
      <c r="IL6" s="545"/>
      <c r="IM6" s="545"/>
      <c r="IN6" s="545"/>
      <c r="IO6" s="545"/>
      <c r="IP6" s="545"/>
      <c r="IQ6" s="545"/>
      <c r="IR6" s="545"/>
      <c r="IS6" s="545"/>
      <c r="IT6" s="555"/>
      <c r="IU6" s="554"/>
      <c r="IV6" s="545"/>
      <c r="IW6" s="545"/>
      <c r="IX6" s="545"/>
      <c r="IY6" s="545"/>
      <c r="IZ6" s="545"/>
      <c r="JA6" s="545"/>
      <c r="JB6" s="545"/>
      <c r="JC6" s="545"/>
      <c r="JD6" s="545"/>
      <c r="JE6" s="555"/>
      <c r="JF6" s="745"/>
      <c r="JG6" s="746"/>
      <c r="JH6" s="746"/>
      <c r="JI6" s="746"/>
      <c r="JJ6" s="746"/>
      <c r="JK6" s="746"/>
      <c r="JL6" s="746"/>
      <c r="JM6" s="746"/>
      <c r="JN6" s="746"/>
      <c r="JO6" s="746"/>
      <c r="JP6" s="747"/>
      <c r="JQ6" s="554"/>
      <c r="JR6" s="545"/>
      <c r="JS6" s="545"/>
      <c r="JT6" s="545"/>
      <c r="JU6" s="545"/>
      <c r="JV6" s="545"/>
      <c r="JW6" s="545"/>
      <c r="JX6" s="545"/>
      <c r="JY6" s="545"/>
      <c r="JZ6" s="545"/>
      <c r="KA6" s="555"/>
      <c r="KB6" s="554"/>
      <c r="KC6" s="545"/>
      <c r="KD6" s="545"/>
      <c r="KE6" s="545"/>
      <c r="KF6" s="545"/>
      <c r="KG6" s="545"/>
      <c r="KH6" s="545"/>
      <c r="KI6" s="545"/>
      <c r="KJ6" s="545"/>
      <c r="KK6" s="545"/>
      <c r="KL6" s="555"/>
      <c r="KM6" s="554"/>
      <c r="KN6" s="545"/>
      <c r="KO6" s="545"/>
      <c r="KP6" s="545"/>
      <c r="KQ6" s="545"/>
      <c r="KR6" s="545"/>
      <c r="KS6" s="545"/>
      <c r="KT6" s="545"/>
      <c r="KU6" s="545"/>
      <c r="KV6" s="545"/>
      <c r="KW6" s="555"/>
      <c r="KX6" s="554"/>
      <c r="KY6" s="545"/>
      <c r="KZ6" s="545"/>
      <c r="LA6" s="545"/>
      <c r="LB6" s="545"/>
      <c r="LC6" s="545"/>
      <c r="LD6" s="545"/>
      <c r="LE6" s="545"/>
      <c r="LF6" s="545"/>
      <c r="LG6" s="545"/>
      <c r="LH6" s="555"/>
      <c r="LI6" s="739"/>
      <c r="LJ6" s="740"/>
      <c r="LK6" s="740"/>
      <c r="LL6" s="740"/>
      <c r="LM6" s="740"/>
      <c r="LN6" s="740"/>
      <c r="LO6" s="740"/>
      <c r="LP6" s="740"/>
      <c r="LQ6" s="740"/>
      <c r="LR6" s="740"/>
      <c r="LS6" s="741"/>
      <c r="LT6" s="754"/>
      <c r="LU6" s="755"/>
      <c r="LV6" s="755"/>
      <c r="LW6" s="755"/>
      <c r="LX6" s="755"/>
      <c r="LY6" s="755"/>
      <c r="LZ6" s="755"/>
      <c r="MA6" s="755"/>
      <c r="MB6" s="755"/>
      <c r="MC6" s="755"/>
      <c r="MD6" s="756"/>
      <c r="ME6" s="739"/>
      <c r="MF6" s="740"/>
      <c r="MG6" s="740"/>
      <c r="MH6" s="740"/>
      <c r="MI6" s="740"/>
      <c r="MJ6" s="740"/>
      <c r="MK6" s="740"/>
      <c r="ML6" s="740"/>
      <c r="MM6" s="740"/>
      <c r="MN6" s="740"/>
      <c r="MO6" s="741"/>
      <c r="MP6" s="554"/>
      <c r="MQ6" s="545"/>
      <c r="MR6" s="545"/>
      <c r="MS6" s="545"/>
      <c r="MT6" s="545"/>
      <c r="MU6" s="545"/>
      <c r="MV6" s="545"/>
      <c r="MW6" s="545"/>
      <c r="MX6" s="545"/>
      <c r="MY6" s="545"/>
      <c r="MZ6" s="555"/>
      <c r="NA6" s="554"/>
      <c r="NB6" s="545"/>
      <c r="NC6" s="545"/>
      <c r="ND6" s="545"/>
      <c r="NE6" s="545"/>
      <c r="NF6" s="545"/>
      <c r="NG6" s="545"/>
      <c r="NH6" s="545"/>
      <c r="NI6" s="545"/>
      <c r="NJ6" s="545"/>
      <c r="NK6" s="555"/>
      <c r="NL6" s="554"/>
      <c r="NM6" s="545"/>
      <c r="NN6" s="545"/>
      <c r="NO6" s="545"/>
      <c r="NP6" s="545"/>
      <c r="NQ6" s="545"/>
      <c r="NR6" s="545"/>
      <c r="NS6" s="545"/>
      <c r="NT6" s="545"/>
      <c r="NU6" s="545"/>
      <c r="NV6" s="555"/>
      <c r="NW6" s="724"/>
      <c r="NX6" s="725"/>
      <c r="NY6" s="725"/>
      <c r="NZ6" s="725"/>
      <c r="OA6" s="725"/>
      <c r="OB6" s="725"/>
      <c r="OC6" s="725"/>
      <c r="OD6" s="725"/>
      <c r="OE6" s="725"/>
      <c r="OF6" s="725"/>
      <c r="OG6" s="726"/>
      <c r="OH6" s="554"/>
      <c r="OI6" s="545"/>
      <c r="OJ6" s="545"/>
      <c r="OK6" s="545"/>
      <c r="OL6" s="545"/>
      <c r="OM6" s="545"/>
      <c r="ON6" s="545"/>
      <c r="OO6" s="545"/>
      <c r="OP6" s="545"/>
      <c r="OQ6" s="545"/>
      <c r="OR6" s="555"/>
    </row>
    <row r="7" spans="1:408" ht="23.25" customHeight="1" x14ac:dyDescent="0.2">
      <c r="A7" s="662"/>
      <c r="B7" s="772" t="s">
        <v>61</v>
      </c>
      <c r="C7" s="772"/>
      <c r="D7" s="772"/>
      <c r="E7" s="777" t="s">
        <v>62</v>
      </c>
      <c r="F7" s="772"/>
      <c r="G7" s="772"/>
      <c r="H7" s="772"/>
      <c r="I7" s="772"/>
      <c r="J7" s="772"/>
      <c r="K7" s="772"/>
      <c r="L7" s="777" t="s">
        <v>52</v>
      </c>
      <c r="M7" s="779" t="s">
        <v>61</v>
      </c>
      <c r="N7" s="772"/>
      <c r="O7" s="772"/>
      <c r="P7" s="777" t="s">
        <v>62</v>
      </c>
      <c r="Q7" s="772"/>
      <c r="R7" s="772"/>
      <c r="S7" s="772"/>
      <c r="T7" s="772"/>
      <c r="U7" s="772"/>
      <c r="V7" s="780"/>
      <c r="W7" s="774" t="s">
        <v>52</v>
      </c>
      <c r="X7" s="475" t="s">
        <v>61</v>
      </c>
      <c r="Y7" s="476"/>
      <c r="Z7" s="763"/>
      <c r="AA7" s="764" t="s">
        <v>62</v>
      </c>
      <c r="AB7" s="476"/>
      <c r="AC7" s="476"/>
      <c r="AD7" s="476"/>
      <c r="AE7" s="476"/>
      <c r="AF7" s="476"/>
      <c r="AG7" s="763"/>
      <c r="AH7" s="477" t="s">
        <v>52</v>
      </c>
      <c r="AI7" s="757" t="s">
        <v>61</v>
      </c>
      <c r="AJ7" s="758"/>
      <c r="AK7" s="759"/>
      <c r="AL7" s="760" t="s">
        <v>62</v>
      </c>
      <c r="AM7" s="758"/>
      <c r="AN7" s="758"/>
      <c r="AO7" s="758"/>
      <c r="AP7" s="758"/>
      <c r="AQ7" s="758"/>
      <c r="AR7" s="761"/>
      <c r="AS7" s="477" t="s">
        <v>52</v>
      </c>
      <c r="AT7" s="757" t="s">
        <v>61</v>
      </c>
      <c r="AU7" s="758"/>
      <c r="AV7" s="759"/>
      <c r="AW7" s="760" t="s">
        <v>62</v>
      </c>
      <c r="AX7" s="758"/>
      <c r="AY7" s="758"/>
      <c r="AZ7" s="758"/>
      <c r="BA7" s="758"/>
      <c r="BB7" s="758"/>
      <c r="BC7" s="761"/>
      <c r="BD7" s="477" t="s">
        <v>52</v>
      </c>
      <c r="BE7" s="757" t="s">
        <v>61</v>
      </c>
      <c r="BF7" s="758"/>
      <c r="BG7" s="759"/>
      <c r="BH7" s="760" t="s">
        <v>62</v>
      </c>
      <c r="BI7" s="758"/>
      <c r="BJ7" s="758"/>
      <c r="BK7" s="758"/>
      <c r="BL7" s="758"/>
      <c r="BM7" s="758"/>
      <c r="BN7" s="761"/>
      <c r="BO7" s="477" t="s">
        <v>52</v>
      </c>
      <c r="BP7" s="757" t="s">
        <v>61</v>
      </c>
      <c r="BQ7" s="758"/>
      <c r="BR7" s="759"/>
      <c r="BS7" s="760" t="s">
        <v>62</v>
      </c>
      <c r="BT7" s="758"/>
      <c r="BU7" s="758"/>
      <c r="BV7" s="758"/>
      <c r="BW7" s="758"/>
      <c r="BX7" s="758"/>
      <c r="BY7" s="761"/>
      <c r="BZ7" s="477" t="s">
        <v>52</v>
      </c>
      <c r="CA7" s="767" t="s">
        <v>61</v>
      </c>
      <c r="CB7" s="768"/>
      <c r="CC7" s="769"/>
      <c r="CD7" s="770" t="s">
        <v>62</v>
      </c>
      <c r="CE7" s="768"/>
      <c r="CF7" s="768"/>
      <c r="CG7" s="768"/>
      <c r="CH7" s="768"/>
      <c r="CI7" s="768"/>
      <c r="CJ7" s="771"/>
      <c r="CK7" s="774" t="s">
        <v>52</v>
      </c>
      <c r="CL7" s="757" t="s">
        <v>61</v>
      </c>
      <c r="CM7" s="758"/>
      <c r="CN7" s="761"/>
      <c r="CO7" s="760" t="s">
        <v>62</v>
      </c>
      <c r="CP7" s="758"/>
      <c r="CQ7" s="758"/>
      <c r="CR7" s="758"/>
      <c r="CS7" s="758"/>
      <c r="CT7" s="758"/>
      <c r="CU7" s="761"/>
      <c r="CV7" s="776" t="s">
        <v>52</v>
      </c>
      <c r="CW7" s="757" t="s">
        <v>61</v>
      </c>
      <c r="CX7" s="758"/>
      <c r="CY7" s="761"/>
      <c r="CZ7" s="760" t="s">
        <v>62</v>
      </c>
      <c r="DA7" s="758"/>
      <c r="DB7" s="758"/>
      <c r="DC7" s="758"/>
      <c r="DD7" s="758"/>
      <c r="DE7" s="758"/>
      <c r="DF7" s="761"/>
      <c r="DG7" s="776" t="s">
        <v>52</v>
      </c>
      <c r="DH7" s="767" t="s">
        <v>61</v>
      </c>
      <c r="DI7" s="768"/>
      <c r="DJ7" s="771"/>
      <c r="DK7" s="770" t="s">
        <v>62</v>
      </c>
      <c r="DL7" s="768"/>
      <c r="DM7" s="768"/>
      <c r="DN7" s="768"/>
      <c r="DO7" s="768"/>
      <c r="DP7" s="768"/>
      <c r="DQ7" s="771"/>
      <c r="DR7" s="774" t="s">
        <v>52</v>
      </c>
      <c r="DS7" s="757" t="s">
        <v>61</v>
      </c>
      <c r="DT7" s="758"/>
      <c r="DU7" s="759"/>
      <c r="DV7" s="760" t="s">
        <v>62</v>
      </c>
      <c r="DW7" s="758"/>
      <c r="DX7" s="758"/>
      <c r="DY7" s="758"/>
      <c r="DZ7" s="758"/>
      <c r="EA7" s="758"/>
      <c r="EB7" s="761"/>
      <c r="EC7" s="477" t="s">
        <v>52</v>
      </c>
      <c r="ED7" s="757" t="s">
        <v>61</v>
      </c>
      <c r="EE7" s="758"/>
      <c r="EF7" s="759"/>
      <c r="EG7" s="760" t="s">
        <v>62</v>
      </c>
      <c r="EH7" s="758"/>
      <c r="EI7" s="758"/>
      <c r="EJ7" s="758"/>
      <c r="EK7" s="758"/>
      <c r="EL7" s="758"/>
      <c r="EM7" s="761"/>
      <c r="EN7" s="477" t="s">
        <v>52</v>
      </c>
      <c r="EO7" s="757" t="s">
        <v>61</v>
      </c>
      <c r="EP7" s="758"/>
      <c r="EQ7" s="759"/>
      <c r="ER7" s="760" t="s">
        <v>62</v>
      </c>
      <c r="ES7" s="758"/>
      <c r="ET7" s="758"/>
      <c r="EU7" s="758"/>
      <c r="EV7" s="758"/>
      <c r="EW7" s="758"/>
      <c r="EX7" s="761"/>
      <c r="EY7" s="477" t="s">
        <v>52</v>
      </c>
      <c r="EZ7" s="757" t="s">
        <v>61</v>
      </c>
      <c r="FA7" s="758"/>
      <c r="FB7" s="759"/>
      <c r="FC7" s="760" t="s">
        <v>62</v>
      </c>
      <c r="FD7" s="758"/>
      <c r="FE7" s="758"/>
      <c r="FF7" s="758"/>
      <c r="FG7" s="758"/>
      <c r="FH7" s="758"/>
      <c r="FI7" s="761"/>
      <c r="FJ7" s="477" t="s">
        <v>52</v>
      </c>
      <c r="FK7" s="767" t="s">
        <v>61</v>
      </c>
      <c r="FL7" s="768"/>
      <c r="FM7" s="769"/>
      <c r="FN7" s="770" t="s">
        <v>62</v>
      </c>
      <c r="FO7" s="768"/>
      <c r="FP7" s="768"/>
      <c r="FQ7" s="768"/>
      <c r="FR7" s="768"/>
      <c r="FS7" s="768"/>
      <c r="FT7" s="771"/>
      <c r="FU7" s="772" t="s">
        <v>52</v>
      </c>
      <c r="FV7" s="757" t="s">
        <v>61</v>
      </c>
      <c r="FW7" s="758"/>
      <c r="FX7" s="759"/>
      <c r="FY7" s="760" t="s">
        <v>62</v>
      </c>
      <c r="FZ7" s="758"/>
      <c r="GA7" s="758"/>
      <c r="GB7" s="758"/>
      <c r="GC7" s="758"/>
      <c r="GD7" s="758"/>
      <c r="GE7" s="761"/>
      <c r="GF7" s="477" t="s">
        <v>52</v>
      </c>
      <c r="GG7" s="475" t="s">
        <v>61</v>
      </c>
      <c r="GH7" s="476"/>
      <c r="GI7" s="476"/>
      <c r="GJ7" s="764" t="s">
        <v>62</v>
      </c>
      <c r="GK7" s="476"/>
      <c r="GL7" s="476"/>
      <c r="GM7" s="476"/>
      <c r="GN7" s="476"/>
      <c r="GO7" s="476"/>
      <c r="GP7" s="763"/>
      <c r="GQ7" s="765" t="s">
        <v>52</v>
      </c>
      <c r="GR7" s="475" t="s">
        <v>61</v>
      </c>
      <c r="GS7" s="476"/>
      <c r="GT7" s="763"/>
      <c r="GU7" s="764" t="s">
        <v>62</v>
      </c>
      <c r="GV7" s="476"/>
      <c r="GW7" s="476"/>
      <c r="GX7" s="476"/>
      <c r="GY7" s="476"/>
      <c r="GZ7" s="476"/>
      <c r="HA7" s="763"/>
      <c r="HB7" s="765" t="s">
        <v>52</v>
      </c>
      <c r="HC7" s="757" t="s">
        <v>61</v>
      </c>
      <c r="HD7" s="758"/>
      <c r="HE7" s="759"/>
      <c r="HF7" s="760" t="s">
        <v>62</v>
      </c>
      <c r="HG7" s="758"/>
      <c r="HH7" s="758"/>
      <c r="HI7" s="758"/>
      <c r="HJ7" s="758"/>
      <c r="HK7" s="758"/>
      <c r="HL7" s="761"/>
      <c r="HM7" s="477" t="s">
        <v>52</v>
      </c>
      <c r="HN7" s="757" t="s">
        <v>61</v>
      </c>
      <c r="HO7" s="758"/>
      <c r="HP7" s="759"/>
      <c r="HQ7" s="760" t="s">
        <v>62</v>
      </c>
      <c r="HR7" s="758"/>
      <c r="HS7" s="758"/>
      <c r="HT7" s="758"/>
      <c r="HU7" s="758"/>
      <c r="HV7" s="758"/>
      <c r="HW7" s="761"/>
      <c r="HX7" s="477" t="s">
        <v>52</v>
      </c>
      <c r="HY7" s="532" t="s">
        <v>61</v>
      </c>
      <c r="HZ7" s="533"/>
      <c r="IA7" s="534"/>
      <c r="IB7" s="716" t="s">
        <v>62</v>
      </c>
      <c r="IC7" s="533"/>
      <c r="ID7" s="533"/>
      <c r="IE7" s="533"/>
      <c r="IF7" s="533"/>
      <c r="IG7" s="533"/>
      <c r="IH7" s="717"/>
      <c r="II7" s="536" t="s">
        <v>52</v>
      </c>
      <c r="IJ7" s="549" t="s">
        <v>61</v>
      </c>
      <c r="IK7" s="542"/>
      <c r="IL7" s="543"/>
      <c r="IM7" s="719" t="s">
        <v>62</v>
      </c>
      <c r="IN7" s="542"/>
      <c r="IO7" s="542"/>
      <c r="IP7" s="542"/>
      <c r="IQ7" s="542"/>
      <c r="IR7" s="542"/>
      <c r="IS7" s="720"/>
      <c r="IT7" s="555" t="s">
        <v>52</v>
      </c>
      <c r="IU7" s="549" t="s">
        <v>61</v>
      </c>
      <c r="IV7" s="542"/>
      <c r="IW7" s="720"/>
      <c r="IX7" s="719" t="s">
        <v>62</v>
      </c>
      <c r="IY7" s="542"/>
      <c r="IZ7" s="542"/>
      <c r="JA7" s="542"/>
      <c r="JB7" s="542"/>
      <c r="JC7" s="542"/>
      <c r="JD7" s="720"/>
      <c r="JE7" s="555" t="s">
        <v>52</v>
      </c>
      <c r="JF7" s="549" t="s">
        <v>61</v>
      </c>
      <c r="JG7" s="542"/>
      <c r="JH7" s="543"/>
      <c r="JI7" s="719" t="s">
        <v>62</v>
      </c>
      <c r="JJ7" s="542"/>
      <c r="JK7" s="542"/>
      <c r="JL7" s="542"/>
      <c r="JM7" s="542"/>
      <c r="JN7" s="542"/>
      <c r="JO7" s="720"/>
      <c r="JP7" s="714" t="s">
        <v>52</v>
      </c>
      <c r="JQ7" s="549" t="s">
        <v>61</v>
      </c>
      <c r="JR7" s="542"/>
      <c r="JS7" s="543"/>
      <c r="JT7" s="719" t="s">
        <v>62</v>
      </c>
      <c r="JU7" s="542"/>
      <c r="JV7" s="542"/>
      <c r="JW7" s="542"/>
      <c r="JX7" s="542"/>
      <c r="JY7" s="542"/>
      <c r="JZ7" s="720"/>
      <c r="KA7" s="714" t="s">
        <v>52</v>
      </c>
      <c r="KB7" s="549" t="s">
        <v>61</v>
      </c>
      <c r="KC7" s="542"/>
      <c r="KD7" s="543"/>
      <c r="KE7" s="719" t="s">
        <v>62</v>
      </c>
      <c r="KF7" s="542"/>
      <c r="KG7" s="542"/>
      <c r="KH7" s="542"/>
      <c r="KI7" s="542"/>
      <c r="KJ7" s="542"/>
      <c r="KK7" s="720"/>
      <c r="KL7" s="714" t="s">
        <v>52</v>
      </c>
      <c r="KM7" s="549" t="s">
        <v>61</v>
      </c>
      <c r="KN7" s="542"/>
      <c r="KO7" s="543"/>
      <c r="KP7" s="719" t="s">
        <v>62</v>
      </c>
      <c r="KQ7" s="542"/>
      <c r="KR7" s="542"/>
      <c r="KS7" s="542"/>
      <c r="KT7" s="542"/>
      <c r="KU7" s="542"/>
      <c r="KV7" s="720"/>
      <c r="KW7" s="714" t="s">
        <v>52</v>
      </c>
      <c r="KX7" s="549" t="s">
        <v>61</v>
      </c>
      <c r="KY7" s="542"/>
      <c r="KZ7" s="543"/>
      <c r="LA7" s="719" t="s">
        <v>62</v>
      </c>
      <c r="LB7" s="542"/>
      <c r="LC7" s="542"/>
      <c r="LD7" s="542"/>
      <c r="LE7" s="542"/>
      <c r="LF7" s="542"/>
      <c r="LG7" s="720"/>
      <c r="LH7" s="714" t="s">
        <v>52</v>
      </c>
      <c r="LI7" s="549" t="s">
        <v>61</v>
      </c>
      <c r="LJ7" s="542"/>
      <c r="LK7" s="543"/>
      <c r="LL7" s="719" t="s">
        <v>62</v>
      </c>
      <c r="LM7" s="542"/>
      <c r="LN7" s="542"/>
      <c r="LO7" s="542"/>
      <c r="LP7" s="542"/>
      <c r="LQ7" s="542"/>
      <c r="LR7" s="720"/>
      <c r="LS7" s="714" t="s">
        <v>52</v>
      </c>
      <c r="LT7" s="549" t="s">
        <v>61</v>
      </c>
      <c r="LU7" s="542"/>
      <c r="LV7" s="543"/>
      <c r="LW7" s="719" t="s">
        <v>62</v>
      </c>
      <c r="LX7" s="542"/>
      <c r="LY7" s="542"/>
      <c r="LZ7" s="542"/>
      <c r="MA7" s="542"/>
      <c r="MB7" s="542"/>
      <c r="MC7" s="720"/>
      <c r="MD7" s="714" t="s">
        <v>52</v>
      </c>
      <c r="ME7" s="532" t="s">
        <v>61</v>
      </c>
      <c r="MF7" s="533"/>
      <c r="MG7" s="534"/>
      <c r="MH7" s="716" t="s">
        <v>62</v>
      </c>
      <c r="MI7" s="533"/>
      <c r="MJ7" s="533"/>
      <c r="MK7" s="533"/>
      <c r="ML7" s="533"/>
      <c r="MM7" s="533"/>
      <c r="MN7" s="717"/>
      <c r="MO7" s="718" t="s">
        <v>52</v>
      </c>
      <c r="MP7" s="549" t="s">
        <v>61</v>
      </c>
      <c r="MQ7" s="542"/>
      <c r="MR7" s="543"/>
      <c r="MS7" s="719" t="s">
        <v>62</v>
      </c>
      <c r="MT7" s="542"/>
      <c r="MU7" s="542"/>
      <c r="MV7" s="542"/>
      <c r="MW7" s="542"/>
      <c r="MX7" s="542"/>
      <c r="MY7" s="720"/>
      <c r="MZ7" s="714" t="s">
        <v>52</v>
      </c>
      <c r="NA7" s="549" t="s">
        <v>61</v>
      </c>
      <c r="NB7" s="542"/>
      <c r="NC7" s="543"/>
      <c r="ND7" s="719" t="s">
        <v>62</v>
      </c>
      <c r="NE7" s="542"/>
      <c r="NF7" s="542"/>
      <c r="NG7" s="542"/>
      <c r="NH7" s="542"/>
      <c r="NI7" s="542"/>
      <c r="NJ7" s="720"/>
      <c r="NK7" s="714" t="s">
        <v>52</v>
      </c>
      <c r="NL7" s="549" t="s">
        <v>61</v>
      </c>
      <c r="NM7" s="542"/>
      <c r="NN7" s="543"/>
      <c r="NO7" s="719" t="s">
        <v>62</v>
      </c>
      <c r="NP7" s="542"/>
      <c r="NQ7" s="542"/>
      <c r="NR7" s="542"/>
      <c r="NS7" s="542"/>
      <c r="NT7" s="542"/>
      <c r="NU7" s="720"/>
      <c r="NV7" s="714" t="s">
        <v>52</v>
      </c>
      <c r="NW7" s="549" t="s">
        <v>61</v>
      </c>
      <c r="NX7" s="542"/>
      <c r="NY7" s="543"/>
      <c r="NZ7" s="719" t="s">
        <v>62</v>
      </c>
      <c r="OA7" s="542"/>
      <c r="OB7" s="542"/>
      <c r="OC7" s="542"/>
      <c r="OD7" s="542"/>
      <c r="OE7" s="542"/>
      <c r="OF7" s="720"/>
      <c r="OG7" s="714" t="s">
        <v>52</v>
      </c>
      <c r="OH7" s="532" t="s">
        <v>61</v>
      </c>
      <c r="OI7" s="533"/>
      <c r="OJ7" s="534"/>
      <c r="OK7" s="716" t="s">
        <v>62</v>
      </c>
      <c r="OL7" s="533"/>
      <c r="OM7" s="533"/>
      <c r="ON7" s="533"/>
      <c r="OO7" s="533"/>
      <c r="OP7" s="533"/>
      <c r="OQ7" s="717"/>
      <c r="OR7" s="718" t="s">
        <v>52</v>
      </c>
    </row>
    <row r="8" spans="1:408" ht="28.5" customHeight="1" thickBot="1" x14ac:dyDescent="0.25">
      <c r="A8" s="663"/>
      <c r="B8" s="221" t="s">
        <v>43</v>
      </c>
      <c r="C8" s="45" t="s">
        <v>44</v>
      </c>
      <c r="D8" s="222" t="s">
        <v>45</v>
      </c>
      <c r="E8" s="50" t="s">
        <v>83</v>
      </c>
      <c r="F8" s="45" t="s">
        <v>47</v>
      </c>
      <c r="G8" s="45" t="s">
        <v>48</v>
      </c>
      <c r="H8" s="45" t="s">
        <v>49</v>
      </c>
      <c r="I8" s="45" t="s">
        <v>50</v>
      </c>
      <c r="J8" s="45" t="s">
        <v>51</v>
      </c>
      <c r="K8" s="46" t="s">
        <v>45</v>
      </c>
      <c r="L8" s="778"/>
      <c r="M8" s="49" t="s">
        <v>43</v>
      </c>
      <c r="N8" s="45" t="s">
        <v>44</v>
      </c>
      <c r="O8" s="46" t="s">
        <v>45</v>
      </c>
      <c r="P8" s="50" t="s">
        <v>83</v>
      </c>
      <c r="Q8" s="45" t="s">
        <v>47</v>
      </c>
      <c r="R8" s="45" t="s">
        <v>48</v>
      </c>
      <c r="S8" s="45" t="s">
        <v>49</v>
      </c>
      <c r="T8" s="45" t="s">
        <v>50</v>
      </c>
      <c r="U8" s="45" t="s">
        <v>51</v>
      </c>
      <c r="V8" s="46" t="s">
        <v>45</v>
      </c>
      <c r="W8" s="775"/>
      <c r="X8" s="49" t="s">
        <v>43</v>
      </c>
      <c r="Y8" s="45" t="s">
        <v>44</v>
      </c>
      <c r="Z8" s="46" t="s">
        <v>45</v>
      </c>
      <c r="AA8" s="50" t="s">
        <v>83</v>
      </c>
      <c r="AB8" s="45" t="s">
        <v>47</v>
      </c>
      <c r="AC8" s="45" t="s">
        <v>48</v>
      </c>
      <c r="AD8" s="45" t="s">
        <v>49</v>
      </c>
      <c r="AE8" s="45" t="s">
        <v>50</v>
      </c>
      <c r="AF8" s="45" t="s">
        <v>51</v>
      </c>
      <c r="AG8" s="46" t="s">
        <v>45</v>
      </c>
      <c r="AH8" s="762"/>
      <c r="AI8" s="49" t="s">
        <v>43</v>
      </c>
      <c r="AJ8" s="45" t="s">
        <v>44</v>
      </c>
      <c r="AK8" s="222" t="s">
        <v>45</v>
      </c>
      <c r="AL8" s="50" t="s">
        <v>83</v>
      </c>
      <c r="AM8" s="45" t="s">
        <v>47</v>
      </c>
      <c r="AN8" s="45" t="s">
        <v>48</v>
      </c>
      <c r="AO8" s="45" t="s">
        <v>49</v>
      </c>
      <c r="AP8" s="45" t="s">
        <v>50</v>
      </c>
      <c r="AQ8" s="45" t="s">
        <v>51</v>
      </c>
      <c r="AR8" s="46" t="s">
        <v>45</v>
      </c>
      <c r="AS8" s="762"/>
      <c r="AT8" s="49" t="s">
        <v>43</v>
      </c>
      <c r="AU8" s="45" t="s">
        <v>44</v>
      </c>
      <c r="AV8" s="222" t="s">
        <v>45</v>
      </c>
      <c r="AW8" s="50" t="s">
        <v>83</v>
      </c>
      <c r="AX8" s="45" t="s">
        <v>47</v>
      </c>
      <c r="AY8" s="45" t="s">
        <v>48</v>
      </c>
      <c r="AZ8" s="45" t="s">
        <v>49</v>
      </c>
      <c r="BA8" s="45" t="s">
        <v>50</v>
      </c>
      <c r="BB8" s="45" t="s">
        <v>51</v>
      </c>
      <c r="BC8" s="46" t="s">
        <v>45</v>
      </c>
      <c r="BD8" s="762"/>
      <c r="BE8" s="223" t="s">
        <v>43</v>
      </c>
      <c r="BF8" s="45" t="s">
        <v>44</v>
      </c>
      <c r="BG8" s="222" t="s">
        <v>45</v>
      </c>
      <c r="BH8" s="50" t="s">
        <v>83</v>
      </c>
      <c r="BI8" s="45" t="s">
        <v>47</v>
      </c>
      <c r="BJ8" s="45" t="s">
        <v>48</v>
      </c>
      <c r="BK8" s="45" t="s">
        <v>49</v>
      </c>
      <c r="BL8" s="45" t="s">
        <v>50</v>
      </c>
      <c r="BM8" s="45" t="s">
        <v>51</v>
      </c>
      <c r="BN8" s="46" t="s">
        <v>45</v>
      </c>
      <c r="BO8" s="762"/>
      <c r="BP8" s="49" t="s">
        <v>43</v>
      </c>
      <c r="BQ8" s="45" t="s">
        <v>44</v>
      </c>
      <c r="BR8" s="222" t="s">
        <v>45</v>
      </c>
      <c r="BS8" s="50" t="s">
        <v>83</v>
      </c>
      <c r="BT8" s="45" t="s">
        <v>47</v>
      </c>
      <c r="BU8" s="45" t="s">
        <v>48</v>
      </c>
      <c r="BV8" s="45" t="s">
        <v>49</v>
      </c>
      <c r="BW8" s="45" t="s">
        <v>50</v>
      </c>
      <c r="BX8" s="45" t="s">
        <v>51</v>
      </c>
      <c r="BY8" s="46" t="s">
        <v>45</v>
      </c>
      <c r="BZ8" s="762"/>
      <c r="CA8" s="49" t="s">
        <v>43</v>
      </c>
      <c r="CB8" s="45" t="s">
        <v>44</v>
      </c>
      <c r="CC8" s="222" t="s">
        <v>45</v>
      </c>
      <c r="CD8" s="50" t="s">
        <v>83</v>
      </c>
      <c r="CE8" s="45" t="s">
        <v>47</v>
      </c>
      <c r="CF8" s="45" t="s">
        <v>48</v>
      </c>
      <c r="CG8" s="45" t="s">
        <v>49</v>
      </c>
      <c r="CH8" s="45" t="s">
        <v>50</v>
      </c>
      <c r="CI8" s="45" t="s">
        <v>51</v>
      </c>
      <c r="CJ8" s="46" t="s">
        <v>45</v>
      </c>
      <c r="CK8" s="775"/>
      <c r="CL8" s="49" t="s">
        <v>43</v>
      </c>
      <c r="CM8" s="45" t="s">
        <v>44</v>
      </c>
      <c r="CN8" s="46" t="s">
        <v>45</v>
      </c>
      <c r="CO8" s="50" t="s">
        <v>83</v>
      </c>
      <c r="CP8" s="45" t="s">
        <v>47</v>
      </c>
      <c r="CQ8" s="45" t="s">
        <v>48</v>
      </c>
      <c r="CR8" s="45" t="s">
        <v>49</v>
      </c>
      <c r="CS8" s="45" t="s">
        <v>50</v>
      </c>
      <c r="CT8" s="45" t="s">
        <v>51</v>
      </c>
      <c r="CU8" s="46" t="s">
        <v>45</v>
      </c>
      <c r="CV8" s="775"/>
      <c r="CW8" s="49" t="s">
        <v>43</v>
      </c>
      <c r="CX8" s="45" t="s">
        <v>44</v>
      </c>
      <c r="CY8" s="46" t="s">
        <v>45</v>
      </c>
      <c r="CZ8" s="50" t="s">
        <v>83</v>
      </c>
      <c r="DA8" s="45" t="s">
        <v>47</v>
      </c>
      <c r="DB8" s="45" t="s">
        <v>48</v>
      </c>
      <c r="DC8" s="45" t="s">
        <v>49</v>
      </c>
      <c r="DD8" s="45" t="s">
        <v>50</v>
      </c>
      <c r="DE8" s="45" t="s">
        <v>51</v>
      </c>
      <c r="DF8" s="46" t="s">
        <v>45</v>
      </c>
      <c r="DG8" s="775"/>
      <c r="DH8" s="49" t="s">
        <v>43</v>
      </c>
      <c r="DI8" s="45" t="s">
        <v>44</v>
      </c>
      <c r="DJ8" s="46" t="s">
        <v>45</v>
      </c>
      <c r="DK8" s="50" t="s">
        <v>83</v>
      </c>
      <c r="DL8" s="45" t="s">
        <v>47</v>
      </c>
      <c r="DM8" s="45" t="s">
        <v>48</v>
      </c>
      <c r="DN8" s="45" t="s">
        <v>49</v>
      </c>
      <c r="DO8" s="45" t="s">
        <v>50</v>
      </c>
      <c r="DP8" s="45" t="s">
        <v>51</v>
      </c>
      <c r="DQ8" s="46" t="s">
        <v>45</v>
      </c>
      <c r="DR8" s="775"/>
      <c r="DS8" s="49" t="s">
        <v>43</v>
      </c>
      <c r="DT8" s="45" t="s">
        <v>44</v>
      </c>
      <c r="DU8" s="222" t="s">
        <v>45</v>
      </c>
      <c r="DV8" s="50" t="s">
        <v>83</v>
      </c>
      <c r="DW8" s="45" t="s">
        <v>47</v>
      </c>
      <c r="DX8" s="45" t="s">
        <v>48</v>
      </c>
      <c r="DY8" s="45" t="s">
        <v>49</v>
      </c>
      <c r="DZ8" s="45" t="s">
        <v>50</v>
      </c>
      <c r="EA8" s="45" t="s">
        <v>51</v>
      </c>
      <c r="EB8" s="46" t="s">
        <v>45</v>
      </c>
      <c r="EC8" s="762"/>
      <c r="ED8" s="49" t="s">
        <v>43</v>
      </c>
      <c r="EE8" s="45" t="s">
        <v>44</v>
      </c>
      <c r="EF8" s="222" t="s">
        <v>45</v>
      </c>
      <c r="EG8" s="50" t="s">
        <v>83</v>
      </c>
      <c r="EH8" s="45" t="s">
        <v>47</v>
      </c>
      <c r="EI8" s="45" t="s">
        <v>48</v>
      </c>
      <c r="EJ8" s="45" t="s">
        <v>49</v>
      </c>
      <c r="EK8" s="45" t="s">
        <v>50</v>
      </c>
      <c r="EL8" s="45" t="s">
        <v>51</v>
      </c>
      <c r="EM8" s="46" t="s">
        <v>45</v>
      </c>
      <c r="EN8" s="762"/>
      <c r="EO8" s="49" t="s">
        <v>43</v>
      </c>
      <c r="EP8" s="45" t="s">
        <v>44</v>
      </c>
      <c r="EQ8" s="222" t="s">
        <v>45</v>
      </c>
      <c r="ER8" s="50" t="s">
        <v>83</v>
      </c>
      <c r="ES8" s="45" t="s">
        <v>47</v>
      </c>
      <c r="ET8" s="45" t="s">
        <v>48</v>
      </c>
      <c r="EU8" s="45" t="s">
        <v>49</v>
      </c>
      <c r="EV8" s="45" t="s">
        <v>50</v>
      </c>
      <c r="EW8" s="45" t="s">
        <v>51</v>
      </c>
      <c r="EX8" s="46" t="s">
        <v>45</v>
      </c>
      <c r="EY8" s="762"/>
      <c r="EZ8" s="49" t="s">
        <v>43</v>
      </c>
      <c r="FA8" s="45" t="s">
        <v>44</v>
      </c>
      <c r="FB8" s="222" t="s">
        <v>45</v>
      </c>
      <c r="FC8" s="50" t="s">
        <v>83</v>
      </c>
      <c r="FD8" s="45" t="s">
        <v>47</v>
      </c>
      <c r="FE8" s="45" t="s">
        <v>48</v>
      </c>
      <c r="FF8" s="45" t="s">
        <v>49</v>
      </c>
      <c r="FG8" s="45" t="s">
        <v>50</v>
      </c>
      <c r="FH8" s="45" t="s">
        <v>51</v>
      </c>
      <c r="FI8" s="46" t="s">
        <v>45</v>
      </c>
      <c r="FJ8" s="762"/>
      <c r="FK8" s="49" t="s">
        <v>43</v>
      </c>
      <c r="FL8" s="45" t="s">
        <v>44</v>
      </c>
      <c r="FM8" s="222" t="s">
        <v>45</v>
      </c>
      <c r="FN8" s="50" t="s">
        <v>83</v>
      </c>
      <c r="FO8" s="45" t="s">
        <v>47</v>
      </c>
      <c r="FP8" s="45" t="s">
        <v>48</v>
      </c>
      <c r="FQ8" s="45" t="s">
        <v>49</v>
      </c>
      <c r="FR8" s="45" t="s">
        <v>50</v>
      </c>
      <c r="FS8" s="45" t="s">
        <v>51</v>
      </c>
      <c r="FT8" s="46" t="s">
        <v>45</v>
      </c>
      <c r="FU8" s="773"/>
      <c r="FV8" s="49" t="s">
        <v>43</v>
      </c>
      <c r="FW8" s="45" t="s">
        <v>44</v>
      </c>
      <c r="FX8" s="222" t="s">
        <v>45</v>
      </c>
      <c r="FY8" s="50" t="s">
        <v>83</v>
      </c>
      <c r="FZ8" s="45" t="s">
        <v>47</v>
      </c>
      <c r="GA8" s="45" t="s">
        <v>48</v>
      </c>
      <c r="GB8" s="45" t="s">
        <v>49</v>
      </c>
      <c r="GC8" s="45" t="s">
        <v>50</v>
      </c>
      <c r="GD8" s="45" t="s">
        <v>51</v>
      </c>
      <c r="GE8" s="46" t="s">
        <v>45</v>
      </c>
      <c r="GF8" s="762"/>
      <c r="GG8" s="49" t="s">
        <v>43</v>
      </c>
      <c r="GH8" s="45" t="s">
        <v>44</v>
      </c>
      <c r="GI8" s="222" t="s">
        <v>45</v>
      </c>
      <c r="GJ8" s="50" t="s">
        <v>83</v>
      </c>
      <c r="GK8" s="45" t="s">
        <v>47</v>
      </c>
      <c r="GL8" s="45" t="s">
        <v>48</v>
      </c>
      <c r="GM8" s="45" t="s">
        <v>49</v>
      </c>
      <c r="GN8" s="45" t="s">
        <v>50</v>
      </c>
      <c r="GO8" s="45" t="s">
        <v>51</v>
      </c>
      <c r="GP8" s="46" t="s">
        <v>45</v>
      </c>
      <c r="GQ8" s="766"/>
      <c r="GR8" s="49" t="s">
        <v>43</v>
      </c>
      <c r="GS8" s="45" t="s">
        <v>44</v>
      </c>
      <c r="GT8" s="222" t="s">
        <v>45</v>
      </c>
      <c r="GU8" s="50" t="s">
        <v>83</v>
      </c>
      <c r="GV8" s="45" t="s">
        <v>47</v>
      </c>
      <c r="GW8" s="45" t="s">
        <v>48</v>
      </c>
      <c r="GX8" s="45" t="s">
        <v>49</v>
      </c>
      <c r="GY8" s="45" t="s">
        <v>50</v>
      </c>
      <c r="GZ8" s="45" t="s">
        <v>51</v>
      </c>
      <c r="HA8" s="46" t="s">
        <v>45</v>
      </c>
      <c r="HB8" s="766"/>
      <c r="HC8" s="49" t="s">
        <v>43</v>
      </c>
      <c r="HD8" s="45" t="s">
        <v>44</v>
      </c>
      <c r="HE8" s="222" t="s">
        <v>45</v>
      </c>
      <c r="HF8" s="50" t="s">
        <v>83</v>
      </c>
      <c r="HG8" s="45" t="s">
        <v>47</v>
      </c>
      <c r="HH8" s="45" t="s">
        <v>48</v>
      </c>
      <c r="HI8" s="45" t="s">
        <v>49</v>
      </c>
      <c r="HJ8" s="45" t="s">
        <v>50</v>
      </c>
      <c r="HK8" s="45" t="s">
        <v>51</v>
      </c>
      <c r="HL8" s="46" t="s">
        <v>45</v>
      </c>
      <c r="HM8" s="762"/>
      <c r="HN8" s="49" t="s">
        <v>43</v>
      </c>
      <c r="HO8" s="45" t="s">
        <v>44</v>
      </c>
      <c r="HP8" s="222" t="s">
        <v>45</v>
      </c>
      <c r="HQ8" s="50" t="s">
        <v>83</v>
      </c>
      <c r="HR8" s="45" t="s">
        <v>47</v>
      </c>
      <c r="HS8" s="45" t="s">
        <v>48</v>
      </c>
      <c r="HT8" s="45" t="s">
        <v>49</v>
      </c>
      <c r="HU8" s="45" t="s">
        <v>50</v>
      </c>
      <c r="HV8" s="45" t="s">
        <v>51</v>
      </c>
      <c r="HW8" s="46" t="s">
        <v>45</v>
      </c>
      <c r="HX8" s="762"/>
      <c r="HY8" s="252" t="s">
        <v>43</v>
      </c>
      <c r="HZ8" s="253" t="s">
        <v>44</v>
      </c>
      <c r="IA8" s="39" t="s">
        <v>45</v>
      </c>
      <c r="IB8" s="40" t="s">
        <v>83</v>
      </c>
      <c r="IC8" s="253" t="s">
        <v>47</v>
      </c>
      <c r="ID8" s="253" t="s">
        <v>48</v>
      </c>
      <c r="IE8" s="253" t="s">
        <v>49</v>
      </c>
      <c r="IF8" s="253" t="s">
        <v>50</v>
      </c>
      <c r="IG8" s="253" t="s">
        <v>51</v>
      </c>
      <c r="IH8" s="16" t="s">
        <v>45</v>
      </c>
      <c r="II8" s="727"/>
      <c r="IJ8" s="252" t="s">
        <v>43</v>
      </c>
      <c r="IK8" s="253" t="s">
        <v>44</v>
      </c>
      <c r="IL8" s="39" t="s">
        <v>45</v>
      </c>
      <c r="IM8" s="40" t="s">
        <v>83</v>
      </c>
      <c r="IN8" s="57" t="s">
        <v>47</v>
      </c>
      <c r="IO8" s="57" t="s">
        <v>48</v>
      </c>
      <c r="IP8" s="57" t="s">
        <v>49</v>
      </c>
      <c r="IQ8" s="57" t="s">
        <v>50</v>
      </c>
      <c r="IR8" s="57" t="s">
        <v>51</v>
      </c>
      <c r="IS8" s="63" t="s">
        <v>45</v>
      </c>
      <c r="IT8" s="728"/>
      <c r="IU8" s="59" t="s">
        <v>43</v>
      </c>
      <c r="IV8" s="57" t="s">
        <v>44</v>
      </c>
      <c r="IW8" s="63" t="s">
        <v>45</v>
      </c>
      <c r="IX8" s="32" t="s">
        <v>83</v>
      </c>
      <c r="IY8" s="57" t="s">
        <v>47</v>
      </c>
      <c r="IZ8" s="57" t="s">
        <v>48</v>
      </c>
      <c r="JA8" s="57" t="s">
        <v>49</v>
      </c>
      <c r="JB8" s="57" t="s">
        <v>50</v>
      </c>
      <c r="JC8" s="57" t="s">
        <v>51</v>
      </c>
      <c r="JD8" s="63" t="s">
        <v>45</v>
      </c>
      <c r="JE8" s="728"/>
      <c r="JF8" s="59" t="s">
        <v>43</v>
      </c>
      <c r="JG8" s="57" t="s">
        <v>44</v>
      </c>
      <c r="JH8" s="58" t="s">
        <v>45</v>
      </c>
      <c r="JI8" s="32" t="s">
        <v>83</v>
      </c>
      <c r="JJ8" s="57" t="s">
        <v>47</v>
      </c>
      <c r="JK8" s="57" t="s">
        <v>48</v>
      </c>
      <c r="JL8" s="57" t="s">
        <v>49</v>
      </c>
      <c r="JM8" s="57" t="s">
        <v>50</v>
      </c>
      <c r="JN8" s="57" t="s">
        <v>51</v>
      </c>
      <c r="JO8" s="63" t="s">
        <v>45</v>
      </c>
      <c r="JP8" s="715"/>
      <c r="JQ8" s="59" t="s">
        <v>43</v>
      </c>
      <c r="JR8" s="57" t="s">
        <v>44</v>
      </c>
      <c r="JS8" s="58" t="s">
        <v>45</v>
      </c>
      <c r="JT8" s="32" t="s">
        <v>83</v>
      </c>
      <c r="JU8" s="57" t="s">
        <v>47</v>
      </c>
      <c r="JV8" s="57" t="s">
        <v>48</v>
      </c>
      <c r="JW8" s="57" t="s">
        <v>49</v>
      </c>
      <c r="JX8" s="57" t="s">
        <v>50</v>
      </c>
      <c r="JY8" s="57" t="s">
        <v>51</v>
      </c>
      <c r="JZ8" s="63" t="s">
        <v>45</v>
      </c>
      <c r="KA8" s="715"/>
      <c r="KB8" s="59" t="s">
        <v>43</v>
      </c>
      <c r="KC8" s="57" t="s">
        <v>44</v>
      </c>
      <c r="KD8" s="58" t="s">
        <v>45</v>
      </c>
      <c r="KE8" s="32" t="s">
        <v>83</v>
      </c>
      <c r="KF8" s="57" t="s">
        <v>47</v>
      </c>
      <c r="KG8" s="57" t="s">
        <v>48</v>
      </c>
      <c r="KH8" s="57" t="s">
        <v>49</v>
      </c>
      <c r="KI8" s="57" t="s">
        <v>50</v>
      </c>
      <c r="KJ8" s="57" t="s">
        <v>51</v>
      </c>
      <c r="KK8" s="63" t="s">
        <v>45</v>
      </c>
      <c r="KL8" s="715"/>
      <c r="KM8" s="59" t="s">
        <v>43</v>
      </c>
      <c r="KN8" s="57" t="s">
        <v>44</v>
      </c>
      <c r="KO8" s="58" t="s">
        <v>45</v>
      </c>
      <c r="KP8" s="40" t="s">
        <v>83</v>
      </c>
      <c r="KQ8" s="57" t="s">
        <v>47</v>
      </c>
      <c r="KR8" s="57" t="s">
        <v>48</v>
      </c>
      <c r="KS8" s="57" t="s">
        <v>49</v>
      </c>
      <c r="KT8" s="57" t="s">
        <v>50</v>
      </c>
      <c r="KU8" s="57" t="s">
        <v>51</v>
      </c>
      <c r="KV8" s="63" t="s">
        <v>45</v>
      </c>
      <c r="KW8" s="715"/>
      <c r="KX8" s="59" t="s">
        <v>43</v>
      </c>
      <c r="KY8" s="57" t="s">
        <v>44</v>
      </c>
      <c r="KZ8" s="58" t="s">
        <v>45</v>
      </c>
      <c r="LA8" s="40" t="s">
        <v>83</v>
      </c>
      <c r="LB8" s="57" t="s">
        <v>47</v>
      </c>
      <c r="LC8" s="57" t="s">
        <v>48</v>
      </c>
      <c r="LD8" s="57" t="s">
        <v>49</v>
      </c>
      <c r="LE8" s="57" t="s">
        <v>50</v>
      </c>
      <c r="LF8" s="57" t="s">
        <v>51</v>
      </c>
      <c r="LG8" s="63" t="s">
        <v>45</v>
      </c>
      <c r="LH8" s="715"/>
      <c r="LI8" s="59" t="s">
        <v>43</v>
      </c>
      <c r="LJ8" s="57" t="s">
        <v>44</v>
      </c>
      <c r="LK8" s="58" t="s">
        <v>45</v>
      </c>
      <c r="LL8" s="40" t="s">
        <v>83</v>
      </c>
      <c r="LM8" s="57" t="s">
        <v>47</v>
      </c>
      <c r="LN8" s="57" t="s">
        <v>48</v>
      </c>
      <c r="LO8" s="57" t="s">
        <v>49</v>
      </c>
      <c r="LP8" s="57" t="s">
        <v>50</v>
      </c>
      <c r="LQ8" s="57" t="s">
        <v>51</v>
      </c>
      <c r="LR8" s="63" t="s">
        <v>45</v>
      </c>
      <c r="LS8" s="715"/>
      <c r="LT8" s="59" t="s">
        <v>43</v>
      </c>
      <c r="LU8" s="57" t="s">
        <v>44</v>
      </c>
      <c r="LV8" s="58" t="s">
        <v>45</v>
      </c>
      <c r="LW8" s="40" t="s">
        <v>83</v>
      </c>
      <c r="LX8" s="57" t="s">
        <v>47</v>
      </c>
      <c r="LY8" s="57" t="s">
        <v>48</v>
      </c>
      <c r="LZ8" s="57" t="s">
        <v>49</v>
      </c>
      <c r="MA8" s="57" t="s">
        <v>50</v>
      </c>
      <c r="MB8" s="57" t="s">
        <v>51</v>
      </c>
      <c r="MC8" s="63" t="s">
        <v>45</v>
      </c>
      <c r="MD8" s="715"/>
      <c r="ME8" s="59" t="s">
        <v>43</v>
      </c>
      <c r="MF8" s="57" t="s">
        <v>44</v>
      </c>
      <c r="MG8" s="58" t="s">
        <v>45</v>
      </c>
      <c r="MH8" s="40" t="s">
        <v>83</v>
      </c>
      <c r="MI8" s="57" t="s">
        <v>47</v>
      </c>
      <c r="MJ8" s="57" t="s">
        <v>48</v>
      </c>
      <c r="MK8" s="57" t="s">
        <v>49</v>
      </c>
      <c r="ML8" s="57" t="s">
        <v>50</v>
      </c>
      <c r="MM8" s="57" t="s">
        <v>51</v>
      </c>
      <c r="MN8" s="63" t="s">
        <v>45</v>
      </c>
      <c r="MO8" s="715"/>
      <c r="MP8" s="59" t="s">
        <v>43</v>
      </c>
      <c r="MQ8" s="57" t="s">
        <v>44</v>
      </c>
      <c r="MR8" s="58" t="s">
        <v>45</v>
      </c>
      <c r="MS8" s="40" t="s">
        <v>83</v>
      </c>
      <c r="MT8" s="57" t="s">
        <v>47</v>
      </c>
      <c r="MU8" s="57" t="s">
        <v>48</v>
      </c>
      <c r="MV8" s="57" t="s">
        <v>49</v>
      </c>
      <c r="MW8" s="57" t="s">
        <v>50</v>
      </c>
      <c r="MX8" s="57" t="s">
        <v>51</v>
      </c>
      <c r="MY8" s="63" t="s">
        <v>45</v>
      </c>
      <c r="MZ8" s="715"/>
      <c r="NA8" s="59" t="s">
        <v>43</v>
      </c>
      <c r="NB8" s="57" t="s">
        <v>44</v>
      </c>
      <c r="NC8" s="58" t="s">
        <v>45</v>
      </c>
      <c r="ND8" s="40" t="s">
        <v>83</v>
      </c>
      <c r="NE8" s="57" t="s">
        <v>47</v>
      </c>
      <c r="NF8" s="57" t="s">
        <v>48</v>
      </c>
      <c r="NG8" s="57" t="s">
        <v>49</v>
      </c>
      <c r="NH8" s="57" t="s">
        <v>50</v>
      </c>
      <c r="NI8" s="57" t="s">
        <v>51</v>
      </c>
      <c r="NJ8" s="63" t="s">
        <v>45</v>
      </c>
      <c r="NK8" s="715"/>
      <c r="NL8" s="59" t="s">
        <v>43</v>
      </c>
      <c r="NM8" s="57" t="s">
        <v>44</v>
      </c>
      <c r="NN8" s="58" t="s">
        <v>45</v>
      </c>
      <c r="NO8" s="40" t="s">
        <v>83</v>
      </c>
      <c r="NP8" s="57" t="s">
        <v>47</v>
      </c>
      <c r="NQ8" s="57" t="s">
        <v>48</v>
      </c>
      <c r="NR8" s="57" t="s">
        <v>49</v>
      </c>
      <c r="NS8" s="57" t="s">
        <v>50</v>
      </c>
      <c r="NT8" s="57" t="s">
        <v>51</v>
      </c>
      <c r="NU8" s="63" t="s">
        <v>45</v>
      </c>
      <c r="NV8" s="715"/>
      <c r="NW8" s="59" t="s">
        <v>43</v>
      </c>
      <c r="NX8" s="57" t="s">
        <v>44</v>
      </c>
      <c r="NY8" s="58" t="s">
        <v>45</v>
      </c>
      <c r="NZ8" s="40" t="s">
        <v>83</v>
      </c>
      <c r="OA8" s="57" t="s">
        <v>47</v>
      </c>
      <c r="OB8" s="57" t="s">
        <v>48</v>
      </c>
      <c r="OC8" s="57" t="s">
        <v>49</v>
      </c>
      <c r="OD8" s="57" t="s">
        <v>50</v>
      </c>
      <c r="OE8" s="57" t="s">
        <v>51</v>
      </c>
      <c r="OF8" s="63" t="s">
        <v>45</v>
      </c>
      <c r="OG8" s="715"/>
      <c r="OH8" s="59" t="s">
        <v>43</v>
      </c>
      <c r="OI8" s="57" t="s">
        <v>44</v>
      </c>
      <c r="OJ8" s="58" t="s">
        <v>45</v>
      </c>
      <c r="OK8" s="32" t="s">
        <v>83</v>
      </c>
      <c r="OL8" s="57" t="s">
        <v>47</v>
      </c>
      <c r="OM8" s="57" t="s">
        <v>48</v>
      </c>
      <c r="ON8" s="57" t="s">
        <v>49</v>
      </c>
      <c r="OO8" s="57" t="s">
        <v>50</v>
      </c>
      <c r="OP8" s="57" t="s">
        <v>51</v>
      </c>
      <c r="OQ8" s="63" t="s">
        <v>45</v>
      </c>
      <c r="OR8" s="715"/>
    </row>
    <row r="9" spans="1:408" ht="20.25" customHeight="1" x14ac:dyDescent="0.2">
      <c r="A9" s="238" t="s">
        <v>4</v>
      </c>
      <c r="B9" s="275">
        <v>23939066</v>
      </c>
      <c r="C9" s="276">
        <v>43795316</v>
      </c>
      <c r="D9" s="277">
        <v>67734382</v>
      </c>
      <c r="E9" s="278">
        <v>0</v>
      </c>
      <c r="F9" s="276">
        <v>241040882</v>
      </c>
      <c r="G9" s="276">
        <v>329056798</v>
      </c>
      <c r="H9" s="276">
        <v>274563698</v>
      </c>
      <c r="I9" s="276">
        <v>290862205</v>
      </c>
      <c r="J9" s="276">
        <v>229658539</v>
      </c>
      <c r="K9" s="279">
        <v>1365182122</v>
      </c>
      <c r="L9" s="280">
        <v>1432916504</v>
      </c>
      <c r="M9" s="275">
        <v>6872885</v>
      </c>
      <c r="N9" s="276">
        <v>15143314</v>
      </c>
      <c r="O9" s="281">
        <v>22016199</v>
      </c>
      <c r="P9" s="275">
        <v>0</v>
      </c>
      <c r="Q9" s="276">
        <v>76481404</v>
      </c>
      <c r="R9" s="276">
        <v>110930149</v>
      </c>
      <c r="S9" s="276">
        <v>89114667</v>
      </c>
      <c r="T9" s="276">
        <v>104595210</v>
      </c>
      <c r="U9" s="276">
        <v>103348520</v>
      </c>
      <c r="V9" s="281">
        <v>484469950</v>
      </c>
      <c r="W9" s="280">
        <v>506486149</v>
      </c>
      <c r="X9" s="275">
        <v>0</v>
      </c>
      <c r="Y9" s="276">
        <v>0</v>
      </c>
      <c r="Z9" s="281">
        <v>0</v>
      </c>
      <c r="AA9" s="282">
        <v>0</v>
      </c>
      <c r="AB9" s="283">
        <v>33220992</v>
      </c>
      <c r="AC9" s="283">
        <v>47697104</v>
      </c>
      <c r="AD9" s="283">
        <v>43029422</v>
      </c>
      <c r="AE9" s="283">
        <v>53843874</v>
      </c>
      <c r="AF9" s="283">
        <v>54475491</v>
      </c>
      <c r="AG9" s="281">
        <v>232266883</v>
      </c>
      <c r="AH9" s="280">
        <v>232266883</v>
      </c>
      <c r="AI9" s="284">
        <v>0</v>
      </c>
      <c r="AJ9" s="283">
        <v>99626</v>
      </c>
      <c r="AK9" s="281">
        <v>99626</v>
      </c>
      <c r="AL9" s="282">
        <v>0</v>
      </c>
      <c r="AM9" s="283">
        <v>549519</v>
      </c>
      <c r="AN9" s="279">
        <v>1151420</v>
      </c>
      <c r="AO9" s="283">
        <v>2746088</v>
      </c>
      <c r="AP9" s="283">
        <v>6907436</v>
      </c>
      <c r="AQ9" s="283">
        <v>12286314</v>
      </c>
      <c r="AR9" s="281">
        <v>23640777</v>
      </c>
      <c r="AS9" s="280">
        <v>23740403</v>
      </c>
      <c r="AT9" s="284">
        <v>3481426</v>
      </c>
      <c r="AU9" s="283">
        <v>10444643</v>
      </c>
      <c r="AV9" s="281">
        <v>13926069</v>
      </c>
      <c r="AW9" s="282">
        <v>0</v>
      </c>
      <c r="AX9" s="283">
        <v>27403109</v>
      </c>
      <c r="AY9" s="283">
        <v>40962961</v>
      </c>
      <c r="AZ9" s="283">
        <v>25625771</v>
      </c>
      <c r="BA9" s="283">
        <v>25047300</v>
      </c>
      <c r="BB9" s="283">
        <v>22113265</v>
      </c>
      <c r="BC9" s="281">
        <v>141152406</v>
      </c>
      <c r="BD9" s="285">
        <v>155078475</v>
      </c>
      <c r="BE9" s="284">
        <v>396236</v>
      </c>
      <c r="BF9" s="279">
        <v>1498773</v>
      </c>
      <c r="BG9" s="286">
        <v>1895009</v>
      </c>
      <c r="BH9" s="282">
        <v>0</v>
      </c>
      <c r="BI9" s="283">
        <v>2342153</v>
      </c>
      <c r="BJ9" s="283">
        <v>5052385</v>
      </c>
      <c r="BK9" s="283">
        <v>2839132</v>
      </c>
      <c r="BL9" s="283">
        <v>2581559</v>
      </c>
      <c r="BM9" s="283">
        <v>1552593</v>
      </c>
      <c r="BN9" s="281">
        <v>14367822</v>
      </c>
      <c r="BO9" s="280">
        <v>16262831</v>
      </c>
      <c r="BP9" s="284">
        <v>2995223</v>
      </c>
      <c r="BQ9" s="283">
        <v>3100272</v>
      </c>
      <c r="BR9" s="281">
        <v>6095495</v>
      </c>
      <c r="BS9" s="282">
        <v>0</v>
      </c>
      <c r="BT9" s="283">
        <v>12965631</v>
      </c>
      <c r="BU9" s="283">
        <v>16066279</v>
      </c>
      <c r="BV9" s="283">
        <v>14874254</v>
      </c>
      <c r="BW9" s="283">
        <v>16215041</v>
      </c>
      <c r="BX9" s="283">
        <v>12920857</v>
      </c>
      <c r="BY9" s="281">
        <v>73042062</v>
      </c>
      <c r="BZ9" s="280">
        <v>79137557</v>
      </c>
      <c r="CA9" s="284">
        <v>2233517</v>
      </c>
      <c r="CB9" s="283">
        <v>5397964</v>
      </c>
      <c r="CC9" s="281">
        <v>7631481</v>
      </c>
      <c r="CD9" s="282">
        <v>0</v>
      </c>
      <c r="CE9" s="283">
        <v>69606336</v>
      </c>
      <c r="CF9" s="283">
        <v>84171862</v>
      </c>
      <c r="CG9" s="287">
        <v>54348441</v>
      </c>
      <c r="CH9" s="283">
        <v>39262111</v>
      </c>
      <c r="CI9" s="283">
        <v>17845694</v>
      </c>
      <c r="CJ9" s="281">
        <v>265234444</v>
      </c>
      <c r="CK9" s="280">
        <v>272865925</v>
      </c>
      <c r="CL9" s="275">
        <v>0</v>
      </c>
      <c r="CM9" s="276">
        <v>0</v>
      </c>
      <c r="CN9" s="281">
        <v>0</v>
      </c>
      <c r="CO9" s="282">
        <v>0</v>
      </c>
      <c r="CP9" s="283">
        <v>56481668</v>
      </c>
      <c r="CQ9" s="283">
        <v>61336631</v>
      </c>
      <c r="CR9" s="283">
        <v>38370589</v>
      </c>
      <c r="CS9" s="283">
        <v>25356580</v>
      </c>
      <c r="CT9" s="283">
        <v>12157627</v>
      </c>
      <c r="CU9" s="288">
        <v>193703095</v>
      </c>
      <c r="CV9" s="280">
        <v>193703095</v>
      </c>
      <c r="CW9" s="284">
        <v>2233517</v>
      </c>
      <c r="CX9" s="283">
        <v>5397964</v>
      </c>
      <c r="CY9" s="281">
        <v>7631481</v>
      </c>
      <c r="CZ9" s="282">
        <v>0</v>
      </c>
      <c r="DA9" s="283">
        <v>13124668</v>
      </c>
      <c r="DB9" s="283">
        <v>22835231</v>
      </c>
      <c r="DC9" s="283">
        <v>15977852</v>
      </c>
      <c r="DD9" s="283">
        <v>13905531</v>
      </c>
      <c r="DE9" s="283">
        <v>5688067</v>
      </c>
      <c r="DF9" s="281">
        <v>71531349</v>
      </c>
      <c r="DG9" s="280">
        <v>79162830</v>
      </c>
      <c r="DH9" s="284">
        <v>226790</v>
      </c>
      <c r="DI9" s="283">
        <v>517738</v>
      </c>
      <c r="DJ9" s="286">
        <v>744528</v>
      </c>
      <c r="DK9" s="282">
        <v>0</v>
      </c>
      <c r="DL9" s="283">
        <v>6124099</v>
      </c>
      <c r="DM9" s="283">
        <v>14884728</v>
      </c>
      <c r="DN9" s="283">
        <v>21215408</v>
      </c>
      <c r="DO9" s="283">
        <v>19664508</v>
      </c>
      <c r="DP9" s="283">
        <v>12230370</v>
      </c>
      <c r="DQ9" s="289">
        <v>74119113</v>
      </c>
      <c r="DR9" s="280">
        <v>74863641</v>
      </c>
      <c r="DS9" s="284">
        <v>190825</v>
      </c>
      <c r="DT9" s="283">
        <v>393121</v>
      </c>
      <c r="DU9" s="281">
        <v>583946</v>
      </c>
      <c r="DV9" s="282">
        <v>0</v>
      </c>
      <c r="DW9" s="283">
        <v>5589922</v>
      </c>
      <c r="DX9" s="283">
        <v>11986877</v>
      </c>
      <c r="DY9" s="283">
        <v>17633115</v>
      </c>
      <c r="DZ9" s="283">
        <v>15362794</v>
      </c>
      <c r="EA9" s="283">
        <v>9008754</v>
      </c>
      <c r="EB9" s="281">
        <v>59581462</v>
      </c>
      <c r="EC9" s="280">
        <v>60165408</v>
      </c>
      <c r="ED9" s="284">
        <v>35965</v>
      </c>
      <c r="EE9" s="279">
        <v>124617</v>
      </c>
      <c r="EF9" s="281">
        <v>160582</v>
      </c>
      <c r="EG9" s="285">
        <v>0</v>
      </c>
      <c r="EH9" s="283">
        <v>534177</v>
      </c>
      <c r="EI9" s="283">
        <v>2897851</v>
      </c>
      <c r="EJ9" s="283">
        <v>3582293</v>
      </c>
      <c r="EK9" s="283">
        <v>4301714</v>
      </c>
      <c r="EL9" s="287">
        <v>3221616</v>
      </c>
      <c r="EM9" s="279">
        <v>14537651</v>
      </c>
      <c r="EN9" s="280">
        <v>14698233</v>
      </c>
      <c r="EO9" s="284">
        <v>0</v>
      </c>
      <c r="EP9" s="283">
        <v>0</v>
      </c>
      <c r="EQ9" s="279">
        <v>0</v>
      </c>
      <c r="ER9" s="282">
        <v>0</v>
      </c>
      <c r="ES9" s="283">
        <v>0</v>
      </c>
      <c r="ET9" s="283">
        <v>0</v>
      </c>
      <c r="EU9" s="283">
        <v>0</v>
      </c>
      <c r="EV9" s="283">
        <v>0</v>
      </c>
      <c r="EW9" s="283">
        <v>0</v>
      </c>
      <c r="EX9" s="288">
        <v>0</v>
      </c>
      <c r="EY9" s="280">
        <v>0</v>
      </c>
      <c r="EZ9" s="284">
        <v>0</v>
      </c>
      <c r="FA9" s="283">
        <v>0</v>
      </c>
      <c r="FB9" s="279">
        <v>0</v>
      </c>
      <c r="FC9" s="290"/>
      <c r="FD9" s="283">
        <v>0</v>
      </c>
      <c r="FE9" s="283">
        <v>0</v>
      </c>
      <c r="FF9" s="283">
        <v>0</v>
      </c>
      <c r="FG9" s="283">
        <v>0</v>
      </c>
      <c r="FH9" s="283">
        <v>0</v>
      </c>
      <c r="FI9" s="288">
        <v>0</v>
      </c>
      <c r="FJ9" s="280">
        <v>0</v>
      </c>
      <c r="FK9" s="284">
        <v>4780468</v>
      </c>
      <c r="FL9" s="283">
        <v>8132657</v>
      </c>
      <c r="FM9" s="281">
        <v>12913125</v>
      </c>
      <c r="FN9" s="282">
        <v>0</v>
      </c>
      <c r="FO9" s="283">
        <v>12277316</v>
      </c>
      <c r="FP9" s="283">
        <v>29269263</v>
      </c>
      <c r="FQ9" s="283">
        <v>20765345</v>
      </c>
      <c r="FR9" s="283">
        <v>20957876</v>
      </c>
      <c r="FS9" s="283">
        <v>15384807</v>
      </c>
      <c r="FT9" s="281">
        <v>98654607</v>
      </c>
      <c r="FU9" s="280">
        <v>111567732</v>
      </c>
      <c r="FV9" s="284">
        <v>2080460</v>
      </c>
      <c r="FW9" s="283">
        <v>5198312</v>
      </c>
      <c r="FX9" s="279">
        <v>7278772</v>
      </c>
      <c r="FY9" s="285">
        <v>0</v>
      </c>
      <c r="FZ9" s="283">
        <v>8700639</v>
      </c>
      <c r="GA9" s="291">
        <v>25757374</v>
      </c>
      <c r="GB9" s="283">
        <v>18309227</v>
      </c>
      <c r="GC9" s="291">
        <v>19286129</v>
      </c>
      <c r="GD9" s="283">
        <v>14266528</v>
      </c>
      <c r="GE9" s="288">
        <v>86319897</v>
      </c>
      <c r="GF9" s="292">
        <v>93598669</v>
      </c>
      <c r="GG9" s="293">
        <v>193760</v>
      </c>
      <c r="GH9" s="283">
        <v>554866</v>
      </c>
      <c r="GI9" s="291">
        <v>748626</v>
      </c>
      <c r="GJ9" s="278">
        <v>0</v>
      </c>
      <c r="GK9" s="283">
        <v>686727</v>
      </c>
      <c r="GL9" s="279">
        <v>758940</v>
      </c>
      <c r="GM9" s="283">
        <v>785480</v>
      </c>
      <c r="GN9" s="279">
        <v>427497</v>
      </c>
      <c r="GO9" s="283">
        <v>388074</v>
      </c>
      <c r="GP9" s="289">
        <v>3046718</v>
      </c>
      <c r="GQ9" s="280">
        <v>3795344</v>
      </c>
      <c r="GR9" s="279">
        <v>2506248</v>
      </c>
      <c r="GS9" s="283">
        <v>2379479</v>
      </c>
      <c r="GT9" s="281">
        <v>4885727</v>
      </c>
      <c r="GU9" s="279">
        <v>0</v>
      </c>
      <c r="GV9" s="283">
        <v>2889950</v>
      </c>
      <c r="GW9" s="279">
        <v>2752949</v>
      </c>
      <c r="GX9" s="283">
        <v>1670638</v>
      </c>
      <c r="GY9" s="279">
        <v>1244250</v>
      </c>
      <c r="GZ9" s="283">
        <v>730205</v>
      </c>
      <c r="HA9" s="279">
        <v>9287992</v>
      </c>
      <c r="HB9" s="280">
        <v>14173719</v>
      </c>
      <c r="HC9" s="279">
        <v>9825406</v>
      </c>
      <c r="HD9" s="283">
        <v>14603643</v>
      </c>
      <c r="HE9" s="279">
        <v>24429049</v>
      </c>
      <c r="HF9" s="285">
        <v>0</v>
      </c>
      <c r="HG9" s="283">
        <v>76551727</v>
      </c>
      <c r="HH9" s="291">
        <v>89800796</v>
      </c>
      <c r="HI9" s="283">
        <v>89119837</v>
      </c>
      <c r="HJ9" s="291">
        <v>106382500</v>
      </c>
      <c r="HK9" s="283">
        <v>80849148</v>
      </c>
      <c r="HL9" s="288">
        <v>442704008</v>
      </c>
      <c r="HM9" s="279">
        <v>467133057</v>
      </c>
      <c r="HN9" s="406"/>
      <c r="HO9" s="406"/>
      <c r="HP9" s="406"/>
      <c r="HQ9" s="406"/>
      <c r="HR9" s="406"/>
      <c r="HS9" s="406"/>
      <c r="HT9" s="406"/>
      <c r="HU9" s="406"/>
      <c r="HV9" s="406"/>
      <c r="HW9" s="406"/>
      <c r="HX9" s="423"/>
      <c r="HY9" s="296">
        <v>674992</v>
      </c>
      <c r="HZ9" s="295">
        <v>858504</v>
      </c>
      <c r="IA9" s="296">
        <v>1533496</v>
      </c>
      <c r="IB9" s="297">
        <v>0</v>
      </c>
      <c r="IC9" s="295">
        <v>53310627</v>
      </c>
      <c r="ID9" s="298">
        <v>71564674</v>
      </c>
      <c r="IE9" s="299">
        <v>73835191</v>
      </c>
      <c r="IF9" s="295">
        <v>58061170</v>
      </c>
      <c r="IG9" s="299">
        <v>40927052</v>
      </c>
      <c r="IH9" s="300">
        <v>297698714</v>
      </c>
      <c r="II9" s="301">
        <v>299232210</v>
      </c>
      <c r="IJ9" s="302">
        <v>0</v>
      </c>
      <c r="IK9" s="303">
        <v>0</v>
      </c>
      <c r="IL9" s="304">
        <v>0</v>
      </c>
      <c r="IM9" s="406"/>
      <c r="IN9" s="306">
        <v>1405800</v>
      </c>
      <c r="IO9" s="306">
        <v>3959246</v>
      </c>
      <c r="IP9" s="306">
        <v>2231499</v>
      </c>
      <c r="IQ9" s="306">
        <v>5306560</v>
      </c>
      <c r="IR9" s="306">
        <v>3626162</v>
      </c>
      <c r="IS9" s="307">
        <v>16529267</v>
      </c>
      <c r="IT9" s="308">
        <v>16529267</v>
      </c>
      <c r="IU9" s="309">
        <v>0</v>
      </c>
      <c r="IV9" s="306">
        <v>0</v>
      </c>
      <c r="IW9" s="310">
        <v>0</v>
      </c>
      <c r="IX9" s="406"/>
      <c r="IY9" s="306">
        <v>143874</v>
      </c>
      <c r="IZ9" s="306">
        <v>502847</v>
      </c>
      <c r="JA9" s="306">
        <v>872047</v>
      </c>
      <c r="JB9" s="306">
        <v>597301</v>
      </c>
      <c r="JC9" s="306">
        <v>1457910</v>
      </c>
      <c r="JD9" s="310">
        <v>3573979</v>
      </c>
      <c r="JE9" s="312">
        <v>3573979</v>
      </c>
      <c r="JF9" s="309">
        <v>0</v>
      </c>
      <c r="JG9" s="306">
        <v>0</v>
      </c>
      <c r="JH9" s="307">
        <v>0</v>
      </c>
      <c r="JI9" s="313">
        <v>0</v>
      </c>
      <c r="JJ9" s="306">
        <v>25342939</v>
      </c>
      <c r="JK9" s="306">
        <v>24788200</v>
      </c>
      <c r="JL9" s="306">
        <v>16954498</v>
      </c>
      <c r="JM9" s="306">
        <v>10666760</v>
      </c>
      <c r="JN9" s="306">
        <v>4256290</v>
      </c>
      <c r="JO9" s="310">
        <v>82008687</v>
      </c>
      <c r="JP9" s="308">
        <v>82008687</v>
      </c>
      <c r="JQ9" s="309">
        <v>0</v>
      </c>
      <c r="JR9" s="306">
        <v>0</v>
      </c>
      <c r="JS9" s="307">
        <v>0</v>
      </c>
      <c r="JT9" s="313">
        <v>0</v>
      </c>
      <c r="JU9" s="306">
        <v>3001591</v>
      </c>
      <c r="JV9" s="306">
        <v>7037478</v>
      </c>
      <c r="JW9" s="306">
        <v>5968495</v>
      </c>
      <c r="JX9" s="306">
        <v>2534754</v>
      </c>
      <c r="JY9" s="306">
        <v>4716298</v>
      </c>
      <c r="JZ9" s="310">
        <v>23258616</v>
      </c>
      <c r="KA9" s="308">
        <v>23258616</v>
      </c>
      <c r="KB9" s="314">
        <v>674992</v>
      </c>
      <c r="KC9" s="315">
        <v>858504</v>
      </c>
      <c r="KD9" s="310">
        <v>1533496</v>
      </c>
      <c r="KE9" s="313">
        <v>0</v>
      </c>
      <c r="KF9" s="306">
        <v>7369362</v>
      </c>
      <c r="KG9" s="306">
        <v>7850121</v>
      </c>
      <c r="KH9" s="306">
        <v>12703633</v>
      </c>
      <c r="KI9" s="306">
        <v>8639184</v>
      </c>
      <c r="KJ9" s="306">
        <v>4023441</v>
      </c>
      <c r="KK9" s="310">
        <v>40585741</v>
      </c>
      <c r="KL9" s="316">
        <v>42119237</v>
      </c>
      <c r="KM9" s="302">
        <v>0</v>
      </c>
      <c r="KN9" s="303">
        <v>0</v>
      </c>
      <c r="KO9" s="304">
        <v>0</v>
      </c>
      <c r="KP9" s="305"/>
      <c r="KQ9" s="306">
        <v>15017993</v>
      </c>
      <c r="KR9" s="306">
        <v>22680334</v>
      </c>
      <c r="KS9" s="306">
        <v>28849554</v>
      </c>
      <c r="KT9" s="306">
        <v>18795455</v>
      </c>
      <c r="KU9" s="306">
        <v>12574674</v>
      </c>
      <c r="KV9" s="310">
        <v>97918010</v>
      </c>
      <c r="KW9" s="308">
        <v>97918010</v>
      </c>
      <c r="KX9" s="309">
        <v>0</v>
      </c>
      <c r="KY9" s="306">
        <v>0</v>
      </c>
      <c r="KZ9" s="310">
        <v>0</v>
      </c>
      <c r="LA9" s="317"/>
      <c r="LB9" s="306">
        <v>268169</v>
      </c>
      <c r="LC9" s="306">
        <v>1139017</v>
      </c>
      <c r="LD9" s="306">
        <v>1438022</v>
      </c>
      <c r="LE9" s="306">
        <v>1250937</v>
      </c>
      <c r="LF9" s="306">
        <v>1584859</v>
      </c>
      <c r="LG9" s="310">
        <v>5681004</v>
      </c>
      <c r="LH9" s="312">
        <v>5681004</v>
      </c>
      <c r="LI9" s="309">
        <v>0</v>
      </c>
      <c r="LJ9" s="306">
        <v>0</v>
      </c>
      <c r="LK9" s="310">
        <v>0</v>
      </c>
      <c r="LL9" s="317"/>
      <c r="LM9" s="306">
        <v>181761</v>
      </c>
      <c r="LN9" s="306">
        <v>328779</v>
      </c>
      <c r="LO9" s="306">
        <v>1765659</v>
      </c>
      <c r="LP9" s="306">
        <v>3767356</v>
      </c>
      <c r="LQ9" s="306">
        <v>1515124</v>
      </c>
      <c r="LR9" s="310">
        <v>7558679</v>
      </c>
      <c r="LS9" s="308">
        <v>7558679</v>
      </c>
      <c r="LT9" s="309">
        <v>0</v>
      </c>
      <c r="LU9" s="306">
        <v>0</v>
      </c>
      <c r="LV9" s="310">
        <v>0</v>
      </c>
      <c r="LW9" s="317"/>
      <c r="LX9" s="306">
        <v>579138</v>
      </c>
      <c r="LY9" s="306">
        <v>3278652</v>
      </c>
      <c r="LZ9" s="306">
        <v>3051784</v>
      </c>
      <c r="MA9" s="306">
        <v>6502863</v>
      </c>
      <c r="MB9" s="306">
        <v>7172294</v>
      </c>
      <c r="MC9" s="310">
        <v>20584731</v>
      </c>
      <c r="MD9" s="312">
        <v>20584731</v>
      </c>
      <c r="ME9" s="309">
        <v>0</v>
      </c>
      <c r="MF9" s="306">
        <v>0</v>
      </c>
      <c r="MG9" s="310">
        <v>0</v>
      </c>
      <c r="MH9" s="317"/>
      <c r="MI9" s="306">
        <v>12149925</v>
      </c>
      <c r="MJ9" s="306">
        <v>37008661</v>
      </c>
      <c r="MK9" s="306">
        <v>97151717</v>
      </c>
      <c r="ML9" s="306">
        <v>151567614</v>
      </c>
      <c r="MM9" s="306">
        <v>105054684</v>
      </c>
      <c r="MN9" s="310">
        <v>402932601</v>
      </c>
      <c r="MO9" s="316">
        <v>402932601</v>
      </c>
      <c r="MP9" s="309">
        <v>0</v>
      </c>
      <c r="MQ9" s="306">
        <v>0</v>
      </c>
      <c r="MR9" s="310">
        <v>0</v>
      </c>
      <c r="MS9" s="317"/>
      <c r="MT9" s="306">
        <v>892390</v>
      </c>
      <c r="MU9" s="306">
        <v>7203203</v>
      </c>
      <c r="MV9" s="306">
        <v>47825365</v>
      </c>
      <c r="MW9" s="306">
        <v>89379779</v>
      </c>
      <c r="MX9" s="306">
        <v>64570262</v>
      </c>
      <c r="MY9" s="310">
        <v>209870999</v>
      </c>
      <c r="MZ9" s="316">
        <v>209870999</v>
      </c>
      <c r="NA9" s="309">
        <v>0</v>
      </c>
      <c r="NB9" s="306">
        <v>0</v>
      </c>
      <c r="NC9" s="310">
        <v>0</v>
      </c>
      <c r="ND9" s="317"/>
      <c r="NE9" s="306">
        <v>11257535</v>
      </c>
      <c r="NF9" s="306">
        <v>29383549</v>
      </c>
      <c r="NG9" s="306">
        <v>48070766</v>
      </c>
      <c r="NH9" s="306">
        <v>56428050</v>
      </c>
      <c r="NI9" s="306">
        <v>32674202</v>
      </c>
      <c r="NJ9" s="310">
        <v>177814102</v>
      </c>
      <c r="NK9" s="308">
        <v>177814102</v>
      </c>
      <c r="NL9" s="309">
        <v>0</v>
      </c>
      <c r="NM9" s="306">
        <v>0</v>
      </c>
      <c r="NN9" s="310">
        <v>0</v>
      </c>
      <c r="NO9" s="317"/>
      <c r="NP9" s="306">
        <v>0</v>
      </c>
      <c r="NQ9" s="306">
        <v>0</v>
      </c>
      <c r="NR9" s="306">
        <v>689800</v>
      </c>
      <c r="NS9" s="306">
        <v>3219004</v>
      </c>
      <c r="NT9" s="306">
        <v>4676389</v>
      </c>
      <c r="NU9" s="310">
        <v>8585193</v>
      </c>
      <c r="NV9" s="312">
        <v>8585193</v>
      </c>
      <c r="NW9" s="309">
        <v>0</v>
      </c>
      <c r="NX9" s="306">
        <v>0</v>
      </c>
      <c r="NY9" s="310">
        <v>0</v>
      </c>
      <c r="NZ9" s="317"/>
      <c r="OA9" s="306">
        <v>0</v>
      </c>
      <c r="OB9" s="306">
        <v>421909</v>
      </c>
      <c r="OC9" s="306">
        <v>565786</v>
      </c>
      <c r="OD9" s="306">
        <v>2540781</v>
      </c>
      <c r="OE9" s="306">
        <v>3133831</v>
      </c>
      <c r="OF9" s="310">
        <v>6662307</v>
      </c>
      <c r="OG9" s="312">
        <v>6662307</v>
      </c>
      <c r="OH9" s="309">
        <v>24614058</v>
      </c>
      <c r="OI9" s="306">
        <v>44653820</v>
      </c>
      <c r="OJ9" s="307">
        <v>69267878</v>
      </c>
      <c r="OK9" s="313">
        <v>0</v>
      </c>
      <c r="OL9" s="306">
        <v>306501434</v>
      </c>
      <c r="OM9" s="306">
        <v>437630133</v>
      </c>
      <c r="ON9" s="306">
        <v>445550606</v>
      </c>
      <c r="OO9" s="306">
        <v>500490989</v>
      </c>
      <c r="OP9" s="306">
        <v>375640275</v>
      </c>
      <c r="OQ9" s="310">
        <v>2065813437</v>
      </c>
      <c r="OR9" s="316">
        <v>2135081315</v>
      </c>
    </row>
    <row r="10" spans="1:408" ht="20.25" customHeight="1" x14ac:dyDescent="0.2">
      <c r="A10" s="111" t="s">
        <v>5</v>
      </c>
      <c r="B10" s="318">
        <v>10416821</v>
      </c>
      <c r="C10" s="319">
        <v>22387557</v>
      </c>
      <c r="D10" s="320">
        <v>32804378</v>
      </c>
      <c r="E10" s="321">
        <v>0</v>
      </c>
      <c r="F10" s="319">
        <v>93110394</v>
      </c>
      <c r="G10" s="319">
        <v>164259517</v>
      </c>
      <c r="H10" s="319">
        <v>124912897</v>
      </c>
      <c r="I10" s="319">
        <v>122363281</v>
      </c>
      <c r="J10" s="319">
        <v>103448699</v>
      </c>
      <c r="K10" s="321">
        <v>608094788</v>
      </c>
      <c r="L10" s="322">
        <v>640899166</v>
      </c>
      <c r="M10" s="318">
        <v>3159098</v>
      </c>
      <c r="N10" s="319">
        <v>8327554</v>
      </c>
      <c r="O10" s="320">
        <v>11486652</v>
      </c>
      <c r="P10" s="318">
        <v>0</v>
      </c>
      <c r="Q10" s="319">
        <v>29353765</v>
      </c>
      <c r="R10" s="319">
        <v>57650111</v>
      </c>
      <c r="S10" s="319">
        <v>39579497</v>
      </c>
      <c r="T10" s="319">
        <v>45665233</v>
      </c>
      <c r="U10" s="319">
        <v>46932725</v>
      </c>
      <c r="V10" s="320">
        <v>219181331</v>
      </c>
      <c r="W10" s="322">
        <v>230667983</v>
      </c>
      <c r="X10" s="318">
        <v>0</v>
      </c>
      <c r="Y10" s="319">
        <v>0</v>
      </c>
      <c r="Z10" s="320">
        <v>0</v>
      </c>
      <c r="AA10" s="318">
        <v>0</v>
      </c>
      <c r="AB10" s="319">
        <v>12425172</v>
      </c>
      <c r="AC10" s="319">
        <v>22784181</v>
      </c>
      <c r="AD10" s="319">
        <v>18077623</v>
      </c>
      <c r="AE10" s="319">
        <v>21444572</v>
      </c>
      <c r="AF10" s="319">
        <v>24891088</v>
      </c>
      <c r="AG10" s="320">
        <v>99622636</v>
      </c>
      <c r="AH10" s="322">
        <v>99622636</v>
      </c>
      <c r="AI10" s="318">
        <v>0</v>
      </c>
      <c r="AJ10" s="319">
        <v>35580</v>
      </c>
      <c r="AK10" s="320">
        <v>35580</v>
      </c>
      <c r="AL10" s="318">
        <v>0</v>
      </c>
      <c r="AM10" s="319">
        <v>9473</v>
      </c>
      <c r="AN10" s="319">
        <v>429128</v>
      </c>
      <c r="AO10" s="319">
        <v>1091460</v>
      </c>
      <c r="AP10" s="319">
        <v>3334446</v>
      </c>
      <c r="AQ10" s="319">
        <v>5111437</v>
      </c>
      <c r="AR10" s="320">
        <v>9975944</v>
      </c>
      <c r="AS10" s="322">
        <v>10011524</v>
      </c>
      <c r="AT10" s="318">
        <v>1739121</v>
      </c>
      <c r="AU10" s="319">
        <v>5979041</v>
      </c>
      <c r="AV10" s="320">
        <v>7718162</v>
      </c>
      <c r="AW10" s="318">
        <v>0</v>
      </c>
      <c r="AX10" s="319">
        <v>10754175</v>
      </c>
      <c r="AY10" s="319">
        <v>23649852</v>
      </c>
      <c r="AZ10" s="319">
        <v>12599222</v>
      </c>
      <c r="BA10" s="319">
        <v>12336249</v>
      </c>
      <c r="BB10" s="319">
        <v>10817496</v>
      </c>
      <c r="BC10" s="320">
        <v>70156994</v>
      </c>
      <c r="BD10" s="322">
        <v>77875156</v>
      </c>
      <c r="BE10" s="318">
        <v>144360</v>
      </c>
      <c r="BF10" s="319">
        <v>769132</v>
      </c>
      <c r="BG10" s="323">
        <v>913492</v>
      </c>
      <c r="BH10" s="324">
        <v>0</v>
      </c>
      <c r="BI10" s="319">
        <v>734569</v>
      </c>
      <c r="BJ10" s="319">
        <v>2733438</v>
      </c>
      <c r="BK10" s="319">
        <v>1041720</v>
      </c>
      <c r="BL10" s="319">
        <v>1492727</v>
      </c>
      <c r="BM10" s="319">
        <v>624687</v>
      </c>
      <c r="BN10" s="320">
        <v>6627141</v>
      </c>
      <c r="BO10" s="322">
        <v>7540633</v>
      </c>
      <c r="BP10" s="318">
        <v>1275617</v>
      </c>
      <c r="BQ10" s="319">
        <v>1543801</v>
      </c>
      <c r="BR10" s="320">
        <v>2819418</v>
      </c>
      <c r="BS10" s="318">
        <v>0</v>
      </c>
      <c r="BT10" s="319">
        <v>5430376</v>
      </c>
      <c r="BU10" s="319">
        <v>8053512</v>
      </c>
      <c r="BV10" s="319">
        <v>6769472</v>
      </c>
      <c r="BW10" s="319">
        <v>7057239</v>
      </c>
      <c r="BX10" s="319">
        <v>5488017</v>
      </c>
      <c r="BY10" s="320">
        <v>32798616</v>
      </c>
      <c r="BZ10" s="322">
        <v>35618034</v>
      </c>
      <c r="CA10" s="318">
        <v>1266745</v>
      </c>
      <c r="CB10" s="319">
        <v>2976679</v>
      </c>
      <c r="CC10" s="320">
        <v>4243424</v>
      </c>
      <c r="CD10" s="318">
        <v>0</v>
      </c>
      <c r="CE10" s="319">
        <v>23878649</v>
      </c>
      <c r="CF10" s="319">
        <v>38592584</v>
      </c>
      <c r="CG10" s="319">
        <v>25126758</v>
      </c>
      <c r="CH10" s="319">
        <v>15322198</v>
      </c>
      <c r="CI10" s="319">
        <v>8642706</v>
      </c>
      <c r="CJ10" s="320">
        <v>111562895</v>
      </c>
      <c r="CK10" s="322">
        <v>115806319</v>
      </c>
      <c r="CL10" s="318">
        <v>0</v>
      </c>
      <c r="CM10" s="319">
        <v>0</v>
      </c>
      <c r="CN10" s="320">
        <v>0</v>
      </c>
      <c r="CO10" s="324">
        <v>0</v>
      </c>
      <c r="CP10" s="319">
        <v>19094964</v>
      </c>
      <c r="CQ10" s="319">
        <v>26430580</v>
      </c>
      <c r="CR10" s="319">
        <v>17362142</v>
      </c>
      <c r="CS10" s="319">
        <v>9100779</v>
      </c>
      <c r="CT10" s="319">
        <v>5493778</v>
      </c>
      <c r="CU10" s="320">
        <v>77482243</v>
      </c>
      <c r="CV10" s="322">
        <v>77482243</v>
      </c>
      <c r="CW10" s="318">
        <v>1266745</v>
      </c>
      <c r="CX10" s="319">
        <v>2976679</v>
      </c>
      <c r="CY10" s="320">
        <v>4243424</v>
      </c>
      <c r="CZ10" s="318">
        <v>0</v>
      </c>
      <c r="DA10" s="319">
        <v>4783685</v>
      </c>
      <c r="DB10" s="319">
        <v>12162004</v>
      </c>
      <c r="DC10" s="319">
        <v>7764616</v>
      </c>
      <c r="DD10" s="319">
        <v>6221419</v>
      </c>
      <c r="DE10" s="319">
        <v>3148928</v>
      </c>
      <c r="DF10" s="320">
        <v>34080652</v>
      </c>
      <c r="DG10" s="322">
        <v>38324076</v>
      </c>
      <c r="DH10" s="318">
        <v>58523</v>
      </c>
      <c r="DI10" s="319">
        <v>301272</v>
      </c>
      <c r="DJ10" s="323">
        <v>359795</v>
      </c>
      <c r="DK10" s="324">
        <v>0</v>
      </c>
      <c r="DL10" s="319">
        <v>2410224</v>
      </c>
      <c r="DM10" s="319">
        <v>7472778</v>
      </c>
      <c r="DN10" s="319">
        <v>9248140</v>
      </c>
      <c r="DO10" s="319">
        <v>7768621</v>
      </c>
      <c r="DP10" s="319">
        <v>6202844</v>
      </c>
      <c r="DQ10" s="320">
        <v>33102607</v>
      </c>
      <c r="DR10" s="322">
        <v>33462402</v>
      </c>
      <c r="DS10" s="318">
        <v>46060</v>
      </c>
      <c r="DT10" s="319">
        <v>176655</v>
      </c>
      <c r="DU10" s="320">
        <v>222715</v>
      </c>
      <c r="DV10" s="318">
        <v>0</v>
      </c>
      <c r="DW10" s="319">
        <v>2018117</v>
      </c>
      <c r="DX10" s="319">
        <v>6090808</v>
      </c>
      <c r="DY10" s="319">
        <v>7490480</v>
      </c>
      <c r="DZ10" s="319">
        <v>5355434</v>
      </c>
      <c r="EA10" s="319">
        <v>3886862</v>
      </c>
      <c r="EB10" s="320">
        <v>24841701</v>
      </c>
      <c r="EC10" s="322">
        <v>25064416</v>
      </c>
      <c r="ED10" s="318">
        <v>12463</v>
      </c>
      <c r="EE10" s="323">
        <v>124617</v>
      </c>
      <c r="EF10" s="320">
        <v>137080</v>
      </c>
      <c r="EG10" s="318">
        <v>0</v>
      </c>
      <c r="EH10" s="319">
        <v>392107</v>
      </c>
      <c r="EI10" s="319">
        <v>1381970</v>
      </c>
      <c r="EJ10" s="319">
        <v>1757660</v>
      </c>
      <c r="EK10" s="319">
        <v>2413187</v>
      </c>
      <c r="EL10" s="319">
        <v>2315982</v>
      </c>
      <c r="EM10" s="323">
        <v>8260906</v>
      </c>
      <c r="EN10" s="322">
        <v>8397986</v>
      </c>
      <c r="EO10" s="318">
        <v>0</v>
      </c>
      <c r="EP10" s="319">
        <v>0</v>
      </c>
      <c r="EQ10" s="323">
        <v>0</v>
      </c>
      <c r="ER10" s="324">
        <v>0</v>
      </c>
      <c r="ES10" s="319">
        <v>0</v>
      </c>
      <c r="ET10" s="319">
        <v>0</v>
      </c>
      <c r="EU10" s="319">
        <v>0</v>
      </c>
      <c r="EV10" s="319">
        <v>0</v>
      </c>
      <c r="EW10" s="319">
        <v>0</v>
      </c>
      <c r="EX10" s="320">
        <v>0</v>
      </c>
      <c r="EY10" s="322">
        <v>0</v>
      </c>
      <c r="EZ10" s="318">
        <v>0</v>
      </c>
      <c r="FA10" s="319">
        <v>0</v>
      </c>
      <c r="FB10" s="323">
        <v>0</v>
      </c>
      <c r="FC10" s="325"/>
      <c r="FD10" s="319">
        <v>0</v>
      </c>
      <c r="FE10" s="319">
        <v>0</v>
      </c>
      <c r="FF10" s="319">
        <v>0</v>
      </c>
      <c r="FG10" s="319">
        <v>0</v>
      </c>
      <c r="FH10" s="319">
        <v>0</v>
      </c>
      <c r="FI10" s="320">
        <v>0</v>
      </c>
      <c r="FJ10" s="322">
        <v>0</v>
      </c>
      <c r="FK10" s="318">
        <v>1807608</v>
      </c>
      <c r="FL10" s="319">
        <v>3911226</v>
      </c>
      <c r="FM10" s="320">
        <v>5718834</v>
      </c>
      <c r="FN10" s="318">
        <v>0</v>
      </c>
      <c r="FO10" s="319">
        <v>3992775</v>
      </c>
      <c r="FP10" s="319">
        <v>13463259</v>
      </c>
      <c r="FQ10" s="319">
        <v>8588538</v>
      </c>
      <c r="FR10" s="319">
        <v>8981761</v>
      </c>
      <c r="FS10" s="319">
        <v>6763437</v>
      </c>
      <c r="FT10" s="320">
        <v>41789770</v>
      </c>
      <c r="FU10" s="322">
        <v>47508604</v>
      </c>
      <c r="FV10" s="326">
        <v>725447</v>
      </c>
      <c r="FW10" s="319">
        <v>2260111</v>
      </c>
      <c r="FX10" s="323">
        <v>2985558</v>
      </c>
      <c r="FY10" s="324">
        <v>0</v>
      </c>
      <c r="FZ10" s="319">
        <v>2569273</v>
      </c>
      <c r="GA10" s="319">
        <v>11546172</v>
      </c>
      <c r="GB10" s="319">
        <v>7642159</v>
      </c>
      <c r="GC10" s="319">
        <v>8022047</v>
      </c>
      <c r="GD10" s="319">
        <v>6110014</v>
      </c>
      <c r="GE10" s="320">
        <v>35889665</v>
      </c>
      <c r="GF10" s="327">
        <v>38875223</v>
      </c>
      <c r="GG10" s="326">
        <v>78099</v>
      </c>
      <c r="GH10" s="319">
        <v>309285</v>
      </c>
      <c r="GI10" s="323">
        <v>387384</v>
      </c>
      <c r="GJ10" s="324">
        <v>0</v>
      </c>
      <c r="GK10" s="319">
        <v>187862</v>
      </c>
      <c r="GL10" s="319">
        <v>347784</v>
      </c>
      <c r="GM10" s="319">
        <v>306376</v>
      </c>
      <c r="GN10" s="319">
        <v>200564</v>
      </c>
      <c r="GO10" s="319">
        <v>221320</v>
      </c>
      <c r="GP10" s="320">
        <v>1263906</v>
      </c>
      <c r="GQ10" s="322">
        <v>1651290</v>
      </c>
      <c r="GR10" s="318">
        <v>1004062</v>
      </c>
      <c r="GS10" s="319">
        <v>1341830</v>
      </c>
      <c r="GT10" s="320">
        <v>2345892</v>
      </c>
      <c r="GU10" s="318">
        <v>0</v>
      </c>
      <c r="GV10" s="319">
        <v>1235640</v>
      </c>
      <c r="GW10" s="319">
        <v>1569303</v>
      </c>
      <c r="GX10" s="319">
        <v>640003</v>
      </c>
      <c r="GY10" s="319">
        <v>759150</v>
      </c>
      <c r="GZ10" s="319">
        <v>432103</v>
      </c>
      <c r="HA10" s="323">
        <v>4636199</v>
      </c>
      <c r="HB10" s="322">
        <v>6982091</v>
      </c>
      <c r="HC10" s="318">
        <v>4124847</v>
      </c>
      <c r="HD10" s="319">
        <v>6870826</v>
      </c>
      <c r="HE10" s="323">
        <v>10995673</v>
      </c>
      <c r="HF10" s="324">
        <v>0</v>
      </c>
      <c r="HG10" s="319">
        <v>33474981</v>
      </c>
      <c r="HH10" s="319">
        <v>47080785</v>
      </c>
      <c r="HI10" s="319">
        <v>42369964</v>
      </c>
      <c r="HJ10" s="319">
        <v>44625468</v>
      </c>
      <c r="HK10" s="319">
        <v>34906987</v>
      </c>
      <c r="HL10" s="320">
        <v>202458185</v>
      </c>
      <c r="HM10" s="321">
        <v>213453858</v>
      </c>
      <c r="HN10" s="411"/>
      <c r="HO10" s="411"/>
      <c r="HP10" s="411"/>
      <c r="HQ10" s="411"/>
      <c r="HR10" s="411"/>
      <c r="HS10" s="411"/>
      <c r="HT10" s="411"/>
      <c r="HU10" s="411"/>
      <c r="HV10" s="411"/>
      <c r="HW10" s="411"/>
      <c r="HX10" s="424"/>
      <c r="HY10" s="330">
        <v>335290</v>
      </c>
      <c r="HZ10" s="329">
        <v>327156</v>
      </c>
      <c r="IA10" s="330">
        <v>662446</v>
      </c>
      <c r="IB10" s="331">
        <v>0</v>
      </c>
      <c r="IC10" s="332">
        <v>20014098</v>
      </c>
      <c r="ID10" s="333">
        <v>32178953</v>
      </c>
      <c r="IE10" s="334">
        <v>33625516</v>
      </c>
      <c r="IF10" s="332">
        <v>22159917</v>
      </c>
      <c r="IG10" s="334">
        <v>16662326</v>
      </c>
      <c r="IH10" s="335">
        <v>124640810</v>
      </c>
      <c r="II10" s="336">
        <v>125303256</v>
      </c>
      <c r="IJ10" s="337">
        <v>0</v>
      </c>
      <c r="IK10" s="338">
        <v>0</v>
      </c>
      <c r="IL10" s="339">
        <v>0</v>
      </c>
      <c r="IM10" s="411"/>
      <c r="IN10" s="341">
        <v>570541</v>
      </c>
      <c r="IO10" s="341">
        <v>2292284</v>
      </c>
      <c r="IP10" s="341">
        <v>1394081</v>
      </c>
      <c r="IQ10" s="341">
        <v>1927324</v>
      </c>
      <c r="IR10" s="341">
        <v>694206</v>
      </c>
      <c r="IS10" s="342">
        <v>6878436</v>
      </c>
      <c r="IT10" s="343">
        <v>6878436</v>
      </c>
      <c r="IU10" s="344">
        <v>0</v>
      </c>
      <c r="IV10" s="341">
        <v>0</v>
      </c>
      <c r="IW10" s="345">
        <v>0</v>
      </c>
      <c r="IX10" s="411"/>
      <c r="IY10" s="341">
        <v>90570</v>
      </c>
      <c r="IZ10" s="341">
        <v>442555</v>
      </c>
      <c r="JA10" s="341">
        <v>742979</v>
      </c>
      <c r="JB10" s="341">
        <v>424369</v>
      </c>
      <c r="JC10" s="341">
        <v>1026222</v>
      </c>
      <c r="JD10" s="345">
        <v>2726695</v>
      </c>
      <c r="JE10" s="347">
        <v>2726695</v>
      </c>
      <c r="JF10" s="344">
        <v>0</v>
      </c>
      <c r="JG10" s="341">
        <v>0</v>
      </c>
      <c r="JH10" s="342">
        <v>0</v>
      </c>
      <c r="JI10" s="348">
        <v>0</v>
      </c>
      <c r="JJ10" s="341">
        <v>9341967</v>
      </c>
      <c r="JK10" s="341">
        <v>12296926</v>
      </c>
      <c r="JL10" s="341">
        <v>7638909</v>
      </c>
      <c r="JM10" s="341">
        <v>5173836</v>
      </c>
      <c r="JN10" s="341">
        <v>2047980</v>
      </c>
      <c r="JO10" s="345">
        <v>36499618</v>
      </c>
      <c r="JP10" s="343">
        <v>36499618</v>
      </c>
      <c r="JQ10" s="344">
        <v>0</v>
      </c>
      <c r="JR10" s="341">
        <v>0</v>
      </c>
      <c r="JS10" s="342">
        <v>0</v>
      </c>
      <c r="JT10" s="348">
        <v>0</v>
      </c>
      <c r="JU10" s="341">
        <v>1492876</v>
      </c>
      <c r="JV10" s="341">
        <v>4501106</v>
      </c>
      <c r="JW10" s="341">
        <v>3102288</v>
      </c>
      <c r="JX10" s="341">
        <v>1552959</v>
      </c>
      <c r="JY10" s="341">
        <v>3664243</v>
      </c>
      <c r="JZ10" s="345">
        <v>14313472</v>
      </c>
      <c r="KA10" s="343">
        <v>14313472</v>
      </c>
      <c r="KB10" s="349">
        <v>335290</v>
      </c>
      <c r="KC10" s="350">
        <v>327156</v>
      </c>
      <c r="KD10" s="345">
        <v>662446</v>
      </c>
      <c r="KE10" s="348">
        <v>0</v>
      </c>
      <c r="KF10" s="341">
        <v>3100499</v>
      </c>
      <c r="KG10" s="341">
        <v>2790154</v>
      </c>
      <c r="KH10" s="341">
        <v>5966470</v>
      </c>
      <c r="KI10" s="341">
        <v>4225429</v>
      </c>
      <c r="KJ10" s="341">
        <v>2013099</v>
      </c>
      <c r="KK10" s="345">
        <v>18095651</v>
      </c>
      <c r="KL10" s="351">
        <v>18758097</v>
      </c>
      <c r="KM10" s="337">
        <v>0</v>
      </c>
      <c r="KN10" s="338">
        <v>0</v>
      </c>
      <c r="KO10" s="339">
        <v>0</v>
      </c>
      <c r="KP10" s="340"/>
      <c r="KQ10" s="341">
        <v>5271380</v>
      </c>
      <c r="KR10" s="341">
        <v>8671043</v>
      </c>
      <c r="KS10" s="341">
        <v>13491427</v>
      </c>
      <c r="KT10" s="341">
        <v>6387870</v>
      </c>
      <c r="KU10" s="341">
        <v>3632374</v>
      </c>
      <c r="KV10" s="345">
        <v>37454094</v>
      </c>
      <c r="KW10" s="343">
        <v>37454094</v>
      </c>
      <c r="KX10" s="344">
        <v>0</v>
      </c>
      <c r="KY10" s="341">
        <v>0</v>
      </c>
      <c r="KZ10" s="345">
        <v>0</v>
      </c>
      <c r="LA10" s="352"/>
      <c r="LB10" s="341">
        <v>0</v>
      </c>
      <c r="LC10" s="341">
        <v>0</v>
      </c>
      <c r="LD10" s="341">
        <v>0</v>
      </c>
      <c r="LE10" s="341">
        <v>0</v>
      </c>
      <c r="LF10" s="341">
        <v>0</v>
      </c>
      <c r="LG10" s="345">
        <v>0</v>
      </c>
      <c r="LH10" s="347">
        <v>0</v>
      </c>
      <c r="LI10" s="344">
        <v>0</v>
      </c>
      <c r="LJ10" s="341">
        <v>0</v>
      </c>
      <c r="LK10" s="345">
        <v>0</v>
      </c>
      <c r="LL10" s="352"/>
      <c r="LM10" s="341">
        <v>0</v>
      </c>
      <c r="LN10" s="341">
        <v>0</v>
      </c>
      <c r="LO10" s="341">
        <v>0</v>
      </c>
      <c r="LP10" s="341">
        <v>248058</v>
      </c>
      <c r="LQ10" s="341">
        <v>0</v>
      </c>
      <c r="LR10" s="345">
        <v>248058</v>
      </c>
      <c r="LS10" s="343">
        <v>248058</v>
      </c>
      <c r="LT10" s="344">
        <v>0</v>
      </c>
      <c r="LU10" s="341">
        <v>0</v>
      </c>
      <c r="LV10" s="345">
        <v>0</v>
      </c>
      <c r="LW10" s="352"/>
      <c r="LX10" s="341">
        <v>146265</v>
      </c>
      <c r="LY10" s="341">
        <v>1184885</v>
      </c>
      <c r="LZ10" s="341">
        <v>1289362</v>
      </c>
      <c r="MA10" s="341">
        <v>2220072</v>
      </c>
      <c r="MB10" s="341">
        <v>3584202</v>
      </c>
      <c r="MC10" s="345">
        <v>8424786</v>
      </c>
      <c r="MD10" s="347">
        <v>8424786</v>
      </c>
      <c r="ME10" s="344">
        <v>0</v>
      </c>
      <c r="MF10" s="341">
        <v>0</v>
      </c>
      <c r="MG10" s="345">
        <v>0</v>
      </c>
      <c r="MH10" s="352"/>
      <c r="MI10" s="341">
        <v>5902881</v>
      </c>
      <c r="MJ10" s="341">
        <v>20223653</v>
      </c>
      <c r="MK10" s="341">
        <v>47503018</v>
      </c>
      <c r="ML10" s="341">
        <v>68987746</v>
      </c>
      <c r="MM10" s="341">
        <v>52025273</v>
      </c>
      <c r="MN10" s="345">
        <v>194642571</v>
      </c>
      <c r="MO10" s="351">
        <v>194642571</v>
      </c>
      <c r="MP10" s="344">
        <v>0</v>
      </c>
      <c r="MQ10" s="341">
        <v>0</v>
      </c>
      <c r="MR10" s="345">
        <v>0</v>
      </c>
      <c r="MS10" s="352"/>
      <c r="MT10" s="341">
        <v>705853</v>
      </c>
      <c r="MU10" s="341">
        <v>3778497</v>
      </c>
      <c r="MV10" s="341">
        <v>23514020</v>
      </c>
      <c r="MW10" s="341">
        <v>39420530</v>
      </c>
      <c r="MX10" s="341">
        <v>31493885</v>
      </c>
      <c r="MY10" s="345">
        <v>98912785</v>
      </c>
      <c r="MZ10" s="351">
        <v>98912785</v>
      </c>
      <c r="NA10" s="344">
        <v>0</v>
      </c>
      <c r="NB10" s="341">
        <v>0</v>
      </c>
      <c r="NC10" s="345">
        <v>0</v>
      </c>
      <c r="ND10" s="352"/>
      <c r="NE10" s="341">
        <v>5197028</v>
      </c>
      <c r="NF10" s="341">
        <v>16226243</v>
      </c>
      <c r="NG10" s="341">
        <v>23514891</v>
      </c>
      <c r="NH10" s="341">
        <v>27805928</v>
      </c>
      <c r="NI10" s="341">
        <v>17528956</v>
      </c>
      <c r="NJ10" s="345">
        <v>90273046</v>
      </c>
      <c r="NK10" s="343">
        <v>90273046</v>
      </c>
      <c r="NL10" s="344">
        <v>0</v>
      </c>
      <c r="NM10" s="341">
        <v>0</v>
      </c>
      <c r="NN10" s="345">
        <v>0</v>
      </c>
      <c r="NO10" s="352"/>
      <c r="NP10" s="341">
        <v>0</v>
      </c>
      <c r="NQ10" s="341">
        <v>0</v>
      </c>
      <c r="NR10" s="341">
        <v>201856</v>
      </c>
      <c r="NS10" s="341">
        <v>827804</v>
      </c>
      <c r="NT10" s="341">
        <v>1462812</v>
      </c>
      <c r="NU10" s="345">
        <v>2492472</v>
      </c>
      <c r="NV10" s="347">
        <v>2492472</v>
      </c>
      <c r="NW10" s="344">
        <v>0</v>
      </c>
      <c r="NX10" s="341">
        <v>0</v>
      </c>
      <c r="NY10" s="345">
        <v>0</v>
      </c>
      <c r="NZ10" s="352"/>
      <c r="OA10" s="341">
        <v>0</v>
      </c>
      <c r="OB10" s="341">
        <v>218913</v>
      </c>
      <c r="OC10" s="341">
        <v>272251</v>
      </c>
      <c r="OD10" s="341">
        <v>933484</v>
      </c>
      <c r="OE10" s="341">
        <v>1539620</v>
      </c>
      <c r="OF10" s="345">
        <v>2964268</v>
      </c>
      <c r="OG10" s="347">
        <v>2964268</v>
      </c>
      <c r="OH10" s="344">
        <v>10752111</v>
      </c>
      <c r="OI10" s="341">
        <v>22714713</v>
      </c>
      <c r="OJ10" s="342">
        <v>33466824</v>
      </c>
      <c r="OK10" s="348">
        <v>0</v>
      </c>
      <c r="OL10" s="341">
        <v>119027373</v>
      </c>
      <c r="OM10" s="341">
        <v>216662123</v>
      </c>
      <c r="ON10" s="341">
        <v>206041431</v>
      </c>
      <c r="OO10" s="341">
        <v>213510944</v>
      </c>
      <c r="OP10" s="341">
        <v>172136298</v>
      </c>
      <c r="OQ10" s="345">
        <v>927378169</v>
      </c>
      <c r="OR10" s="351">
        <v>960844993</v>
      </c>
    </row>
    <row r="11" spans="1:408" ht="20.25" customHeight="1" x14ac:dyDescent="0.2">
      <c r="A11" s="111" t="s">
        <v>6</v>
      </c>
      <c r="B11" s="318">
        <v>3422392</v>
      </c>
      <c r="C11" s="319">
        <v>5667153</v>
      </c>
      <c r="D11" s="320">
        <v>9089545</v>
      </c>
      <c r="E11" s="321">
        <v>0</v>
      </c>
      <c r="F11" s="319">
        <v>43159594</v>
      </c>
      <c r="G11" s="319">
        <v>49499446</v>
      </c>
      <c r="H11" s="319">
        <v>44274795</v>
      </c>
      <c r="I11" s="319">
        <v>52176504</v>
      </c>
      <c r="J11" s="319">
        <v>39650872</v>
      </c>
      <c r="K11" s="321">
        <v>228761211</v>
      </c>
      <c r="L11" s="322">
        <v>237850756</v>
      </c>
      <c r="M11" s="318">
        <v>1116408</v>
      </c>
      <c r="N11" s="319">
        <v>2515102</v>
      </c>
      <c r="O11" s="320">
        <v>3631510</v>
      </c>
      <c r="P11" s="318">
        <v>0</v>
      </c>
      <c r="Q11" s="319">
        <v>16099911</v>
      </c>
      <c r="R11" s="319">
        <v>18405983</v>
      </c>
      <c r="S11" s="319">
        <v>14919888</v>
      </c>
      <c r="T11" s="319">
        <v>18801835</v>
      </c>
      <c r="U11" s="319">
        <v>16657575</v>
      </c>
      <c r="V11" s="320">
        <v>84885192</v>
      </c>
      <c r="W11" s="322">
        <v>88516702</v>
      </c>
      <c r="X11" s="318">
        <v>0</v>
      </c>
      <c r="Y11" s="319">
        <v>0</v>
      </c>
      <c r="Z11" s="320">
        <v>0</v>
      </c>
      <c r="AA11" s="318">
        <v>0</v>
      </c>
      <c r="AB11" s="319">
        <v>6981158</v>
      </c>
      <c r="AC11" s="319">
        <v>8656560</v>
      </c>
      <c r="AD11" s="319">
        <v>6750770</v>
      </c>
      <c r="AE11" s="319">
        <v>10531801</v>
      </c>
      <c r="AF11" s="319">
        <v>8687074</v>
      </c>
      <c r="AG11" s="320">
        <v>41607363</v>
      </c>
      <c r="AH11" s="322">
        <v>41607363</v>
      </c>
      <c r="AI11" s="318">
        <v>0</v>
      </c>
      <c r="AJ11" s="319">
        <v>64046</v>
      </c>
      <c r="AK11" s="320">
        <v>64046</v>
      </c>
      <c r="AL11" s="318">
        <v>0</v>
      </c>
      <c r="AM11" s="319">
        <v>10523</v>
      </c>
      <c r="AN11" s="319">
        <v>115761</v>
      </c>
      <c r="AO11" s="319">
        <v>754388</v>
      </c>
      <c r="AP11" s="319">
        <v>1190313</v>
      </c>
      <c r="AQ11" s="319">
        <v>1643584</v>
      </c>
      <c r="AR11" s="320">
        <v>3714569</v>
      </c>
      <c r="AS11" s="322">
        <v>3778615</v>
      </c>
      <c r="AT11" s="318">
        <v>541328</v>
      </c>
      <c r="AU11" s="319">
        <v>1723064</v>
      </c>
      <c r="AV11" s="320">
        <v>2264392</v>
      </c>
      <c r="AW11" s="318">
        <v>0</v>
      </c>
      <c r="AX11" s="319">
        <v>6051495</v>
      </c>
      <c r="AY11" s="319">
        <v>6254567</v>
      </c>
      <c r="AZ11" s="319">
        <v>4368974</v>
      </c>
      <c r="BA11" s="319">
        <v>3823840</v>
      </c>
      <c r="BB11" s="319">
        <v>3598621</v>
      </c>
      <c r="BC11" s="320">
        <v>24097497</v>
      </c>
      <c r="BD11" s="322">
        <v>26361889</v>
      </c>
      <c r="BE11" s="318">
        <v>107718</v>
      </c>
      <c r="BF11" s="319">
        <v>165087</v>
      </c>
      <c r="BG11" s="323">
        <v>272805</v>
      </c>
      <c r="BH11" s="324">
        <v>0</v>
      </c>
      <c r="BI11" s="319">
        <v>597138</v>
      </c>
      <c r="BJ11" s="319">
        <v>587376</v>
      </c>
      <c r="BK11" s="319">
        <v>465668</v>
      </c>
      <c r="BL11" s="319">
        <v>353051</v>
      </c>
      <c r="BM11" s="319">
        <v>139841</v>
      </c>
      <c r="BN11" s="320">
        <v>2143074</v>
      </c>
      <c r="BO11" s="322">
        <v>2415879</v>
      </c>
      <c r="BP11" s="318">
        <v>467362</v>
      </c>
      <c r="BQ11" s="319">
        <v>562905</v>
      </c>
      <c r="BR11" s="320">
        <v>1030267</v>
      </c>
      <c r="BS11" s="318">
        <v>0</v>
      </c>
      <c r="BT11" s="319">
        <v>2459597</v>
      </c>
      <c r="BU11" s="319">
        <v>2791719</v>
      </c>
      <c r="BV11" s="319">
        <v>2580088</v>
      </c>
      <c r="BW11" s="319">
        <v>2902830</v>
      </c>
      <c r="BX11" s="319">
        <v>2588455</v>
      </c>
      <c r="BY11" s="320">
        <v>13322689</v>
      </c>
      <c r="BZ11" s="322">
        <v>14352956</v>
      </c>
      <c r="CA11" s="318">
        <v>151946</v>
      </c>
      <c r="CB11" s="319">
        <v>335205</v>
      </c>
      <c r="CC11" s="320">
        <v>487151</v>
      </c>
      <c r="CD11" s="318">
        <v>0</v>
      </c>
      <c r="CE11" s="319">
        <v>12218429</v>
      </c>
      <c r="CF11" s="319">
        <v>11418954</v>
      </c>
      <c r="CG11" s="319">
        <v>7038494</v>
      </c>
      <c r="CH11" s="319">
        <v>6958100</v>
      </c>
      <c r="CI11" s="319">
        <v>2980497</v>
      </c>
      <c r="CJ11" s="320">
        <v>40614474</v>
      </c>
      <c r="CK11" s="322">
        <v>41101625</v>
      </c>
      <c r="CL11" s="318">
        <v>0</v>
      </c>
      <c r="CM11" s="319">
        <v>0</v>
      </c>
      <c r="CN11" s="320">
        <v>0</v>
      </c>
      <c r="CO11" s="324">
        <v>0</v>
      </c>
      <c r="CP11" s="319">
        <v>10355219</v>
      </c>
      <c r="CQ11" s="319">
        <v>8593018</v>
      </c>
      <c r="CR11" s="319">
        <v>5545777</v>
      </c>
      <c r="CS11" s="319">
        <v>4421708</v>
      </c>
      <c r="CT11" s="319">
        <v>2266321</v>
      </c>
      <c r="CU11" s="320">
        <v>31182043</v>
      </c>
      <c r="CV11" s="322">
        <v>31182043</v>
      </c>
      <c r="CW11" s="318">
        <v>151946</v>
      </c>
      <c r="CX11" s="319">
        <v>335205</v>
      </c>
      <c r="CY11" s="320">
        <v>487151</v>
      </c>
      <c r="CZ11" s="318">
        <v>0</v>
      </c>
      <c r="DA11" s="319">
        <v>1863210</v>
      </c>
      <c r="DB11" s="319">
        <v>2825936</v>
      </c>
      <c r="DC11" s="319">
        <v>1492717</v>
      </c>
      <c r="DD11" s="319">
        <v>2536392</v>
      </c>
      <c r="DE11" s="319">
        <v>714176</v>
      </c>
      <c r="DF11" s="320">
        <v>9432431</v>
      </c>
      <c r="DG11" s="322">
        <v>9919582</v>
      </c>
      <c r="DH11" s="318">
        <v>0</v>
      </c>
      <c r="DI11" s="319">
        <v>14447</v>
      </c>
      <c r="DJ11" s="323">
        <v>14447</v>
      </c>
      <c r="DK11" s="324">
        <v>0</v>
      </c>
      <c r="DL11" s="319">
        <v>911470</v>
      </c>
      <c r="DM11" s="319">
        <v>1758292</v>
      </c>
      <c r="DN11" s="319">
        <v>3275338</v>
      </c>
      <c r="DO11" s="319">
        <v>2879050</v>
      </c>
      <c r="DP11" s="319">
        <v>1642187</v>
      </c>
      <c r="DQ11" s="320">
        <v>10466337</v>
      </c>
      <c r="DR11" s="322">
        <v>10480784</v>
      </c>
      <c r="DS11" s="318">
        <v>0</v>
      </c>
      <c r="DT11" s="319">
        <v>14447</v>
      </c>
      <c r="DU11" s="320">
        <v>14447</v>
      </c>
      <c r="DV11" s="318">
        <v>0</v>
      </c>
      <c r="DW11" s="319">
        <v>769400</v>
      </c>
      <c r="DX11" s="319">
        <v>1352440</v>
      </c>
      <c r="DY11" s="319">
        <v>2784711</v>
      </c>
      <c r="DZ11" s="319">
        <v>2092322</v>
      </c>
      <c r="EA11" s="319">
        <v>1376160</v>
      </c>
      <c r="EB11" s="320">
        <v>8375033</v>
      </c>
      <c r="EC11" s="322">
        <v>8389480</v>
      </c>
      <c r="ED11" s="318">
        <v>0</v>
      </c>
      <c r="EE11" s="323">
        <v>0</v>
      </c>
      <c r="EF11" s="320">
        <v>0</v>
      </c>
      <c r="EG11" s="318">
        <v>0</v>
      </c>
      <c r="EH11" s="319">
        <v>142070</v>
      </c>
      <c r="EI11" s="319">
        <v>405852</v>
      </c>
      <c r="EJ11" s="319">
        <v>490627</v>
      </c>
      <c r="EK11" s="319">
        <v>786728</v>
      </c>
      <c r="EL11" s="319">
        <v>266027</v>
      </c>
      <c r="EM11" s="323">
        <v>2091304</v>
      </c>
      <c r="EN11" s="322">
        <v>2091304</v>
      </c>
      <c r="EO11" s="318">
        <v>0</v>
      </c>
      <c r="EP11" s="319">
        <v>0</v>
      </c>
      <c r="EQ11" s="323">
        <v>0</v>
      </c>
      <c r="ER11" s="324">
        <v>0</v>
      </c>
      <c r="ES11" s="319">
        <v>0</v>
      </c>
      <c r="ET11" s="319">
        <v>0</v>
      </c>
      <c r="EU11" s="319">
        <v>0</v>
      </c>
      <c r="EV11" s="319">
        <v>0</v>
      </c>
      <c r="EW11" s="319">
        <v>0</v>
      </c>
      <c r="EX11" s="320">
        <v>0</v>
      </c>
      <c r="EY11" s="322">
        <v>0</v>
      </c>
      <c r="EZ11" s="318">
        <v>0</v>
      </c>
      <c r="FA11" s="319">
        <v>0</v>
      </c>
      <c r="FB11" s="323">
        <v>0</v>
      </c>
      <c r="FC11" s="325"/>
      <c r="FD11" s="319">
        <v>0</v>
      </c>
      <c r="FE11" s="319">
        <v>0</v>
      </c>
      <c r="FF11" s="319">
        <v>0</v>
      </c>
      <c r="FG11" s="319">
        <v>0</v>
      </c>
      <c r="FH11" s="319">
        <v>0</v>
      </c>
      <c r="FI11" s="320">
        <v>0</v>
      </c>
      <c r="FJ11" s="322">
        <v>0</v>
      </c>
      <c r="FK11" s="318">
        <v>660331</v>
      </c>
      <c r="FL11" s="319">
        <v>999285</v>
      </c>
      <c r="FM11" s="320">
        <v>1659616</v>
      </c>
      <c r="FN11" s="318">
        <v>0</v>
      </c>
      <c r="FO11" s="319">
        <v>2293482</v>
      </c>
      <c r="FP11" s="319">
        <v>4568767</v>
      </c>
      <c r="FQ11" s="319">
        <v>3769216</v>
      </c>
      <c r="FR11" s="319">
        <v>3836204</v>
      </c>
      <c r="FS11" s="319">
        <v>2274083</v>
      </c>
      <c r="FT11" s="320">
        <v>16741752</v>
      </c>
      <c r="FU11" s="322">
        <v>18401368</v>
      </c>
      <c r="FV11" s="326">
        <v>374738</v>
      </c>
      <c r="FW11" s="319">
        <v>710101</v>
      </c>
      <c r="FX11" s="323">
        <v>1084839</v>
      </c>
      <c r="FY11" s="324">
        <v>0</v>
      </c>
      <c r="FZ11" s="319">
        <v>1946835</v>
      </c>
      <c r="GA11" s="319">
        <v>4269237</v>
      </c>
      <c r="GB11" s="319">
        <v>3324244</v>
      </c>
      <c r="GC11" s="319">
        <v>3635248</v>
      </c>
      <c r="GD11" s="319">
        <v>2120853</v>
      </c>
      <c r="GE11" s="320">
        <v>15296417</v>
      </c>
      <c r="GF11" s="327">
        <v>16381256</v>
      </c>
      <c r="GG11" s="326">
        <v>66493</v>
      </c>
      <c r="GH11" s="319">
        <v>80584</v>
      </c>
      <c r="GI11" s="323">
        <v>147077</v>
      </c>
      <c r="GJ11" s="324">
        <v>0</v>
      </c>
      <c r="GK11" s="319">
        <v>84427</v>
      </c>
      <c r="GL11" s="319">
        <v>148015</v>
      </c>
      <c r="GM11" s="319">
        <v>105427</v>
      </c>
      <c r="GN11" s="319">
        <v>62076</v>
      </c>
      <c r="GO11" s="319">
        <v>53130</v>
      </c>
      <c r="GP11" s="320">
        <v>453075</v>
      </c>
      <c r="GQ11" s="322">
        <v>600152</v>
      </c>
      <c r="GR11" s="318">
        <v>219100</v>
      </c>
      <c r="GS11" s="319">
        <v>208600</v>
      </c>
      <c r="GT11" s="320">
        <v>427700</v>
      </c>
      <c r="GU11" s="318">
        <v>0</v>
      </c>
      <c r="GV11" s="319">
        <v>262220</v>
      </c>
      <c r="GW11" s="319">
        <v>151515</v>
      </c>
      <c r="GX11" s="319">
        <v>339545</v>
      </c>
      <c r="GY11" s="319">
        <v>138880</v>
      </c>
      <c r="GZ11" s="319">
        <v>100100</v>
      </c>
      <c r="HA11" s="323">
        <v>992260</v>
      </c>
      <c r="HB11" s="322">
        <v>1419960</v>
      </c>
      <c r="HC11" s="318">
        <v>1493707</v>
      </c>
      <c r="HD11" s="319">
        <v>1803114</v>
      </c>
      <c r="HE11" s="323">
        <v>3296821</v>
      </c>
      <c r="HF11" s="324">
        <v>0</v>
      </c>
      <c r="HG11" s="319">
        <v>11636302</v>
      </c>
      <c r="HH11" s="319">
        <v>13347450</v>
      </c>
      <c r="HI11" s="319">
        <v>15271859</v>
      </c>
      <c r="HJ11" s="319">
        <v>19701315</v>
      </c>
      <c r="HK11" s="319">
        <v>16096530</v>
      </c>
      <c r="HL11" s="320">
        <v>76053456</v>
      </c>
      <c r="HM11" s="321">
        <v>79350277</v>
      </c>
      <c r="HN11" s="411"/>
      <c r="HO11" s="411"/>
      <c r="HP11" s="411"/>
      <c r="HQ11" s="411"/>
      <c r="HR11" s="411"/>
      <c r="HS11" s="411"/>
      <c r="HT11" s="411"/>
      <c r="HU11" s="411"/>
      <c r="HV11" s="411"/>
      <c r="HW11" s="411"/>
      <c r="HX11" s="424"/>
      <c r="HY11" s="330">
        <v>70729</v>
      </c>
      <c r="HZ11" s="329">
        <v>262018</v>
      </c>
      <c r="IA11" s="330">
        <v>332747</v>
      </c>
      <c r="IB11" s="353">
        <v>0</v>
      </c>
      <c r="IC11" s="329">
        <v>11543975</v>
      </c>
      <c r="ID11" s="354">
        <v>13624020</v>
      </c>
      <c r="IE11" s="330">
        <v>14793735</v>
      </c>
      <c r="IF11" s="329">
        <v>10744102</v>
      </c>
      <c r="IG11" s="330">
        <v>8998127</v>
      </c>
      <c r="IH11" s="355">
        <v>59703959</v>
      </c>
      <c r="II11" s="336">
        <v>60036706</v>
      </c>
      <c r="IJ11" s="337">
        <v>0</v>
      </c>
      <c r="IK11" s="338">
        <v>0</v>
      </c>
      <c r="IL11" s="339">
        <v>0</v>
      </c>
      <c r="IM11" s="411"/>
      <c r="IN11" s="341">
        <v>565236</v>
      </c>
      <c r="IO11" s="341">
        <v>707995</v>
      </c>
      <c r="IP11" s="341">
        <v>385663</v>
      </c>
      <c r="IQ11" s="341">
        <v>1192528</v>
      </c>
      <c r="IR11" s="341">
        <v>1311678</v>
      </c>
      <c r="IS11" s="342">
        <v>4163100</v>
      </c>
      <c r="IT11" s="343">
        <v>4163100</v>
      </c>
      <c r="IU11" s="344">
        <v>0</v>
      </c>
      <c r="IV11" s="341">
        <v>0</v>
      </c>
      <c r="IW11" s="345">
        <v>0</v>
      </c>
      <c r="IX11" s="411"/>
      <c r="IY11" s="341">
        <v>44257</v>
      </c>
      <c r="IZ11" s="341">
        <v>60292</v>
      </c>
      <c r="JA11" s="341">
        <v>105841</v>
      </c>
      <c r="JB11" s="341">
        <v>155368</v>
      </c>
      <c r="JC11" s="341">
        <v>396974</v>
      </c>
      <c r="JD11" s="345">
        <v>762732</v>
      </c>
      <c r="JE11" s="347">
        <v>762732</v>
      </c>
      <c r="JF11" s="344">
        <v>0</v>
      </c>
      <c r="JG11" s="341">
        <v>0</v>
      </c>
      <c r="JH11" s="342">
        <v>0</v>
      </c>
      <c r="JI11" s="348">
        <v>0</v>
      </c>
      <c r="JJ11" s="341">
        <v>4920857</v>
      </c>
      <c r="JK11" s="341">
        <v>3165093</v>
      </c>
      <c r="JL11" s="341">
        <v>2892536</v>
      </c>
      <c r="JM11" s="341">
        <v>1397968</v>
      </c>
      <c r="JN11" s="341">
        <v>877290</v>
      </c>
      <c r="JO11" s="345">
        <v>13253744</v>
      </c>
      <c r="JP11" s="343">
        <v>13253744</v>
      </c>
      <c r="JQ11" s="344">
        <v>0</v>
      </c>
      <c r="JR11" s="341">
        <v>0</v>
      </c>
      <c r="JS11" s="342">
        <v>0</v>
      </c>
      <c r="JT11" s="348">
        <v>0</v>
      </c>
      <c r="JU11" s="341">
        <v>670708</v>
      </c>
      <c r="JV11" s="341">
        <v>1433359</v>
      </c>
      <c r="JW11" s="341">
        <v>1607302</v>
      </c>
      <c r="JX11" s="341">
        <v>405022</v>
      </c>
      <c r="JY11" s="341">
        <v>510138</v>
      </c>
      <c r="JZ11" s="345">
        <v>4626529</v>
      </c>
      <c r="KA11" s="343">
        <v>4626529</v>
      </c>
      <c r="KB11" s="349">
        <v>70729</v>
      </c>
      <c r="KC11" s="350">
        <v>262018</v>
      </c>
      <c r="KD11" s="345">
        <v>332747</v>
      </c>
      <c r="KE11" s="348">
        <v>0</v>
      </c>
      <c r="KF11" s="341">
        <v>1372939</v>
      </c>
      <c r="KG11" s="341">
        <v>1210992</v>
      </c>
      <c r="KH11" s="341">
        <v>2090346</v>
      </c>
      <c r="KI11" s="341">
        <v>1060662</v>
      </c>
      <c r="KJ11" s="341">
        <v>71163</v>
      </c>
      <c r="KK11" s="345">
        <v>5806102</v>
      </c>
      <c r="KL11" s="351">
        <v>6138849</v>
      </c>
      <c r="KM11" s="337">
        <v>0</v>
      </c>
      <c r="KN11" s="338">
        <v>0</v>
      </c>
      <c r="KO11" s="339">
        <v>0</v>
      </c>
      <c r="KP11" s="340"/>
      <c r="KQ11" s="341">
        <v>3475362</v>
      </c>
      <c r="KR11" s="341">
        <v>5724195</v>
      </c>
      <c r="KS11" s="341">
        <v>5915861</v>
      </c>
      <c r="KT11" s="341">
        <v>2659405</v>
      </c>
      <c r="KU11" s="341">
        <v>4151138</v>
      </c>
      <c r="KV11" s="345">
        <v>21925961</v>
      </c>
      <c r="KW11" s="343">
        <v>21925961</v>
      </c>
      <c r="KX11" s="344">
        <v>0</v>
      </c>
      <c r="KY11" s="341">
        <v>0</v>
      </c>
      <c r="KZ11" s="345">
        <v>0</v>
      </c>
      <c r="LA11" s="352"/>
      <c r="LB11" s="341">
        <v>0</v>
      </c>
      <c r="LC11" s="341">
        <v>0</v>
      </c>
      <c r="LD11" s="341">
        <v>0</v>
      </c>
      <c r="LE11" s="341">
        <v>0</v>
      </c>
      <c r="LF11" s="341">
        <v>0</v>
      </c>
      <c r="LG11" s="345">
        <v>0</v>
      </c>
      <c r="LH11" s="347">
        <v>0</v>
      </c>
      <c r="LI11" s="344">
        <v>0</v>
      </c>
      <c r="LJ11" s="341">
        <v>0</v>
      </c>
      <c r="LK11" s="345">
        <v>0</v>
      </c>
      <c r="LL11" s="352"/>
      <c r="LM11" s="341">
        <v>181761</v>
      </c>
      <c r="LN11" s="341">
        <v>0</v>
      </c>
      <c r="LO11" s="341">
        <v>1125318</v>
      </c>
      <c r="LP11" s="341">
        <v>1952529</v>
      </c>
      <c r="LQ11" s="341">
        <v>276777</v>
      </c>
      <c r="LR11" s="345">
        <v>3536385</v>
      </c>
      <c r="LS11" s="343">
        <v>3536385</v>
      </c>
      <c r="LT11" s="344">
        <v>0</v>
      </c>
      <c r="LU11" s="341">
        <v>0</v>
      </c>
      <c r="LV11" s="345">
        <v>0</v>
      </c>
      <c r="LW11" s="352"/>
      <c r="LX11" s="341">
        <v>312855</v>
      </c>
      <c r="LY11" s="341">
        <v>1322094</v>
      </c>
      <c r="LZ11" s="341">
        <v>670868</v>
      </c>
      <c r="MA11" s="341">
        <v>1920620</v>
      </c>
      <c r="MB11" s="341">
        <v>1402969</v>
      </c>
      <c r="MC11" s="345">
        <v>5629406</v>
      </c>
      <c r="MD11" s="347">
        <v>5629406</v>
      </c>
      <c r="ME11" s="344">
        <v>0</v>
      </c>
      <c r="MF11" s="341">
        <v>0</v>
      </c>
      <c r="MG11" s="345">
        <v>0</v>
      </c>
      <c r="MH11" s="352"/>
      <c r="MI11" s="341">
        <v>1314636</v>
      </c>
      <c r="MJ11" s="341">
        <v>5987543</v>
      </c>
      <c r="MK11" s="341">
        <v>10168778</v>
      </c>
      <c r="ML11" s="341">
        <v>23074302</v>
      </c>
      <c r="MM11" s="341">
        <v>14300705</v>
      </c>
      <c r="MN11" s="345">
        <v>54845964</v>
      </c>
      <c r="MO11" s="351">
        <v>54845964</v>
      </c>
      <c r="MP11" s="344">
        <v>0</v>
      </c>
      <c r="MQ11" s="341">
        <v>0</v>
      </c>
      <c r="MR11" s="345">
        <v>0</v>
      </c>
      <c r="MS11" s="352"/>
      <c r="MT11" s="341">
        <v>0</v>
      </c>
      <c r="MU11" s="341">
        <v>1872677</v>
      </c>
      <c r="MV11" s="341">
        <v>5371150</v>
      </c>
      <c r="MW11" s="341">
        <v>10108934</v>
      </c>
      <c r="MX11" s="341">
        <v>7819881</v>
      </c>
      <c r="MY11" s="345">
        <v>25172642</v>
      </c>
      <c r="MZ11" s="351">
        <v>25172642</v>
      </c>
      <c r="NA11" s="344">
        <v>0</v>
      </c>
      <c r="NB11" s="341">
        <v>0</v>
      </c>
      <c r="NC11" s="345">
        <v>0</v>
      </c>
      <c r="ND11" s="352"/>
      <c r="NE11" s="341">
        <v>1314636</v>
      </c>
      <c r="NF11" s="341">
        <v>4114866</v>
      </c>
      <c r="NG11" s="341">
        <v>4546832</v>
      </c>
      <c r="NH11" s="341">
        <v>10273680</v>
      </c>
      <c r="NI11" s="341">
        <v>4101517</v>
      </c>
      <c r="NJ11" s="345">
        <v>24351531</v>
      </c>
      <c r="NK11" s="343">
        <v>24351531</v>
      </c>
      <c r="NL11" s="344">
        <v>0</v>
      </c>
      <c r="NM11" s="341">
        <v>0</v>
      </c>
      <c r="NN11" s="345">
        <v>0</v>
      </c>
      <c r="NO11" s="352"/>
      <c r="NP11" s="341">
        <v>0</v>
      </c>
      <c r="NQ11" s="341">
        <v>0</v>
      </c>
      <c r="NR11" s="341">
        <v>250796</v>
      </c>
      <c r="NS11" s="341">
        <v>2391200</v>
      </c>
      <c r="NT11" s="341">
        <v>2379307</v>
      </c>
      <c r="NU11" s="345">
        <v>5021303</v>
      </c>
      <c r="NV11" s="347">
        <v>5021303</v>
      </c>
      <c r="NW11" s="344">
        <v>0</v>
      </c>
      <c r="NX11" s="341">
        <v>0</v>
      </c>
      <c r="NY11" s="345">
        <v>0</v>
      </c>
      <c r="NZ11" s="352"/>
      <c r="OA11" s="341">
        <v>0</v>
      </c>
      <c r="OB11" s="341">
        <v>0</v>
      </c>
      <c r="OC11" s="341">
        <v>0</v>
      </c>
      <c r="OD11" s="341">
        <v>300488</v>
      </c>
      <c r="OE11" s="341">
        <v>0</v>
      </c>
      <c r="OF11" s="345">
        <v>300488</v>
      </c>
      <c r="OG11" s="347">
        <v>300488</v>
      </c>
      <c r="OH11" s="344">
        <v>3493121</v>
      </c>
      <c r="OI11" s="341">
        <v>5929171</v>
      </c>
      <c r="OJ11" s="342">
        <v>9422292</v>
      </c>
      <c r="OK11" s="348">
        <v>0</v>
      </c>
      <c r="OL11" s="341">
        <v>56018205</v>
      </c>
      <c r="OM11" s="341">
        <v>69111009</v>
      </c>
      <c r="ON11" s="341">
        <v>69237308</v>
      </c>
      <c r="OO11" s="341">
        <v>85994908</v>
      </c>
      <c r="OP11" s="341">
        <v>62949704</v>
      </c>
      <c r="OQ11" s="345">
        <v>343311134</v>
      </c>
      <c r="OR11" s="351">
        <v>352733426</v>
      </c>
    </row>
    <row r="12" spans="1:408" ht="20.25" customHeight="1" x14ac:dyDescent="0.2">
      <c r="A12" s="111" t="s">
        <v>14</v>
      </c>
      <c r="B12" s="318">
        <v>1269677</v>
      </c>
      <c r="C12" s="319">
        <v>2841796</v>
      </c>
      <c r="D12" s="320">
        <v>4111473</v>
      </c>
      <c r="E12" s="321">
        <v>0</v>
      </c>
      <c r="F12" s="319">
        <v>12619139</v>
      </c>
      <c r="G12" s="319">
        <v>16705947</v>
      </c>
      <c r="H12" s="319">
        <v>17089589</v>
      </c>
      <c r="I12" s="319">
        <v>19473138</v>
      </c>
      <c r="J12" s="319">
        <v>10690827</v>
      </c>
      <c r="K12" s="323">
        <v>76578640</v>
      </c>
      <c r="L12" s="322">
        <v>80690113</v>
      </c>
      <c r="M12" s="318">
        <v>304828</v>
      </c>
      <c r="N12" s="319">
        <v>830181</v>
      </c>
      <c r="O12" s="320">
        <v>1135009</v>
      </c>
      <c r="P12" s="318">
        <v>0</v>
      </c>
      <c r="Q12" s="319">
        <v>4121624</v>
      </c>
      <c r="R12" s="319">
        <v>4937525</v>
      </c>
      <c r="S12" s="319">
        <v>5851320</v>
      </c>
      <c r="T12" s="319">
        <v>6526521</v>
      </c>
      <c r="U12" s="319">
        <v>5296694</v>
      </c>
      <c r="V12" s="320">
        <v>26733684</v>
      </c>
      <c r="W12" s="322">
        <v>27868693</v>
      </c>
      <c r="X12" s="318">
        <v>0</v>
      </c>
      <c r="Y12" s="319">
        <v>0</v>
      </c>
      <c r="Z12" s="320">
        <v>0</v>
      </c>
      <c r="AA12" s="318">
        <v>0</v>
      </c>
      <c r="AB12" s="319">
        <v>2084317</v>
      </c>
      <c r="AC12" s="319">
        <v>2240657</v>
      </c>
      <c r="AD12" s="319">
        <v>3134605</v>
      </c>
      <c r="AE12" s="319">
        <v>2987569</v>
      </c>
      <c r="AF12" s="319">
        <v>2535715</v>
      </c>
      <c r="AG12" s="320">
        <v>12982863</v>
      </c>
      <c r="AH12" s="322">
        <v>12982863</v>
      </c>
      <c r="AI12" s="318">
        <v>0</v>
      </c>
      <c r="AJ12" s="319">
        <v>0</v>
      </c>
      <c r="AK12" s="320">
        <v>0</v>
      </c>
      <c r="AL12" s="318">
        <v>0</v>
      </c>
      <c r="AM12" s="319">
        <v>0</v>
      </c>
      <c r="AN12" s="319">
        <v>44311</v>
      </c>
      <c r="AO12" s="319">
        <v>92329</v>
      </c>
      <c r="AP12" s="319">
        <v>816389</v>
      </c>
      <c r="AQ12" s="319">
        <v>873527</v>
      </c>
      <c r="AR12" s="320">
        <v>1826556</v>
      </c>
      <c r="AS12" s="322">
        <v>1826556</v>
      </c>
      <c r="AT12" s="318">
        <v>98440</v>
      </c>
      <c r="AU12" s="319">
        <v>534049</v>
      </c>
      <c r="AV12" s="320">
        <v>632489</v>
      </c>
      <c r="AW12" s="318">
        <v>0</v>
      </c>
      <c r="AX12" s="319">
        <v>1275644</v>
      </c>
      <c r="AY12" s="319">
        <v>1870871</v>
      </c>
      <c r="AZ12" s="319">
        <v>1560039</v>
      </c>
      <c r="BA12" s="319">
        <v>1749418</v>
      </c>
      <c r="BB12" s="319">
        <v>1238069</v>
      </c>
      <c r="BC12" s="320">
        <v>7694041</v>
      </c>
      <c r="BD12" s="322">
        <v>8326530</v>
      </c>
      <c r="BE12" s="318">
        <v>0</v>
      </c>
      <c r="BF12" s="319">
        <v>69528</v>
      </c>
      <c r="BG12" s="323">
        <v>69528</v>
      </c>
      <c r="BH12" s="324">
        <v>0</v>
      </c>
      <c r="BI12" s="319">
        <v>31304</v>
      </c>
      <c r="BJ12" s="319">
        <v>115790</v>
      </c>
      <c r="BK12" s="319">
        <v>159856</v>
      </c>
      <c r="BL12" s="319">
        <v>42480</v>
      </c>
      <c r="BM12" s="319">
        <v>14574</v>
      </c>
      <c r="BN12" s="320">
        <v>364004</v>
      </c>
      <c r="BO12" s="322">
        <v>433532</v>
      </c>
      <c r="BP12" s="318">
        <v>206388</v>
      </c>
      <c r="BQ12" s="319">
        <v>226604</v>
      </c>
      <c r="BR12" s="320">
        <v>432992</v>
      </c>
      <c r="BS12" s="318">
        <v>0</v>
      </c>
      <c r="BT12" s="319">
        <v>730359</v>
      </c>
      <c r="BU12" s="319">
        <v>665896</v>
      </c>
      <c r="BV12" s="319">
        <v>904491</v>
      </c>
      <c r="BW12" s="319">
        <v>930665</v>
      </c>
      <c r="BX12" s="319">
        <v>634809</v>
      </c>
      <c r="BY12" s="320">
        <v>3866220</v>
      </c>
      <c r="BZ12" s="322">
        <v>4299212</v>
      </c>
      <c r="CA12" s="318">
        <v>73727</v>
      </c>
      <c r="CB12" s="319">
        <v>166384</v>
      </c>
      <c r="CC12" s="320">
        <v>240111</v>
      </c>
      <c r="CD12" s="318">
        <v>0</v>
      </c>
      <c r="CE12" s="319">
        <v>4748251</v>
      </c>
      <c r="CF12" s="319">
        <v>5171057</v>
      </c>
      <c r="CG12" s="319">
        <v>3686525</v>
      </c>
      <c r="CH12" s="319">
        <v>3202334</v>
      </c>
      <c r="CI12" s="319">
        <v>1258331</v>
      </c>
      <c r="CJ12" s="320">
        <v>18066498</v>
      </c>
      <c r="CK12" s="322">
        <v>18306609</v>
      </c>
      <c r="CL12" s="318">
        <v>0</v>
      </c>
      <c r="CM12" s="319">
        <v>0</v>
      </c>
      <c r="CN12" s="320">
        <v>0</v>
      </c>
      <c r="CO12" s="324">
        <v>0</v>
      </c>
      <c r="CP12" s="319">
        <v>4439049</v>
      </c>
      <c r="CQ12" s="319">
        <v>4339919</v>
      </c>
      <c r="CR12" s="319">
        <v>3148747</v>
      </c>
      <c r="CS12" s="319">
        <v>2242836</v>
      </c>
      <c r="CT12" s="319">
        <v>1145902</v>
      </c>
      <c r="CU12" s="320">
        <v>15316453</v>
      </c>
      <c r="CV12" s="322">
        <v>15316453</v>
      </c>
      <c r="CW12" s="318">
        <v>73727</v>
      </c>
      <c r="CX12" s="319">
        <v>166384</v>
      </c>
      <c r="CY12" s="320">
        <v>240111</v>
      </c>
      <c r="CZ12" s="318">
        <v>0</v>
      </c>
      <c r="DA12" s="319">
        <v>309202</v>
      </c>
      <c r="DB12" s="319">
        <v>831138</v>
      </c>
      <c r="DC12" s="319">
        <v>537778</v>
      </c>
      <c r="DD12" s="319">
        <v>959498</v>
      </c>
      <c r="DE12" s="319">
        <v>112429</v>
      </c>
      <c r="DF12" s="320">
        <v>2750045</v>
      </c>
      <c r="DG12" s="322">
        <v>2990156</v>
      </c>
      <c r="DH12" s="318">
        <v>16490</v>
      </c>
      <c r="DI12" s="319">
        <v>69038</v>
      </c>
      <c r="DJ12" s="323">
        <v>85528</v>
      </c>
      <c r="DK12" s="324">
        <v>0</v>
      </c>
      <c r="DL12" s="319">
        <v>264557</v>
      </c>
      <c r="DM12" s="319">
        <v>802404</v>
      </c>
      <c r="DN12" s="319">
        <v>1317999</v>
      </c>
      <c r="DO12" s="319">
        <v>1943448</v>
      </c>
      <c r="DP12" s="319">
        <v>876400</v>
      </c>
      <c r="DQ12" s="320">
        <v>5204808</v>
      </c>
      <c r="DR12" s="322">
        <v>5290336</v>
      </c>
      <c r="DS12" s="318">
        <v>16490</v>
      </c>
      <c r="DT12" s="319">
        <v>69038</v>
      </c>
      <c r="DU12" s="320">
        <v>85528</v>
      </c>
      <c r="DV12" s="318">
        <v>0</v>
      </c>
      <c r="DW12" s="319">
        <v>264557</v>
      </c>
      <c r="DX12" s="319">
        <v>765463</v>
      </c>
      <c r="DY12" s="319">
        <v>1305915</v>
      </c>
      <c r="DZ12" s="319">
        <v>1356282</v>
      </c>
      <c r="EA12" s="319">
        <v>820127</v>
      </c>
      <c r="EB12" s="320">
        <v>4512344</v>
      </c>
      <c r="EC12" s="322">
        <v>4597872</v>
      </c>
      <c r="ED12" s="318">
        <v>0</v>
      </c>
      <c r="EE12" s="323">
        <v>0</v>
      </c>
      <c r="EF12" s="320">
        <v>0</v>
      </c>
      <c r="EG12" s="318">
        <v>0</v>
      </c>
      <c r="EH12" s="319">
        <v>0</v>
      </c>
      <c r="EI12" s="319">
        <v>36941</v>
      </c>
      <c r="EJ12" s="319">
        <v>12084</v>
      </c>
      <c r="EK12" s="319">
        <v>587166</v>
      </c>
      <c r="EL12" s="319">
        <v>56273</v>
      </c>
      <c r="EM12" s="323">
        <v>692464</v>
      </c>
      <c r="EN12" s="322">
        <v>692464</v>
      </c>
      <c r="EO12" s="318">
        <v>0</v>
      </c>
      <c r="EP12" s="319">
        <v>0</v>
      </c>
      <c r="EQ12" s="323">
        <v>0</v>
      </c>
      <c r="ER12" s="324">
        <v>0</v>
      </c>
      <c r="ES12" s="319">
        <v>0</v>
      </c>
      <c r="ET12" s="319">
        <v>0</v>
      </c>
      <c r="EU12" s="319">
        <v>0</v>
      </c>
      <c r="EV12" s="319">
        <v>0</v>
      </c>
      <c r="EW12" s="319">
        <v>0</v>
      </c>
      <c r="EX12" s="320">
        <v>0</v>
      </c>
      <c r="EY12" s="322">
        <v>0</v>
      </c>
      <c r="EZ12" s="318">
        <v>0</v>
      </c>
      <c r="FA12" s="319">
        <v>0</v>
      </c>
      <c r="FB12" s="323">
        <v>0</v>
      </c>
      <c r="FC12" s="325"/>
      <c r="FD12" s="319">
        <v>0</v>
      </c>
      <c r="FE12" s="319">
        <v>0</v>
      </c>
      <c r="FF12" s="319">
        <v>0</v>
      </c>
      <c r="FG12" s="319">
        <v>0</v>
      </c>
      <c r="FH12" s="319">
        <v>0</v>
      </c>
      <c r="FI12" s="320">
        <v>0</v>
      </c>
      <c r="FJ12" s="322">
        <v>0</v>
      </c>
      <c r="FK12" s="318">
        <v>436086</v>
      </c>
      <c r="FL12" s="319">
        <v>477872</v>
      </c>
      <c r="FM12" s="320">
        <v>913958</v>
      </c>
      <c r="FN12" s="318">
        <v>0</v>
      </c>
      <c r="FO12" s="319">
        <v>516880</v>
      </c>
      <c r="FP12" s="319">
        <v>1665860</v>
      </c>
      <c r="FQ12" s="319">
        <v>1438746</v>
      </c>
      <c r="FR12" s="319">
        <v>1542698</v>
      </c>
      <c r="FS12" s="319">
        <v>932771</v>
      </c>
      <c r="FT12" s="320">
        <v>6096955</v>
      </c>
      <c r="FU12" s="322">
        <v>7010913</v>
      </c>
      <c r="FV12" s="326">
        <v>136346</v>
      </c>
      <c r="FW12" s="319">
        <v>357539</v>
      </c>
      <c r="FX12" s="323">
        <v>493885</v>
      </c>
      <c r="FY12" s="324">
        <v>0</v>
      </c>
      <c r="FZ12" s="319">
        <v>437185</v>
      </c>
      <c r="GA12" s="319">
        <v>1534400</v>
      </c>
      <c r="GB12" s="319">
        <v>1087980</v>
      </c>
      <c r="GC12" s="319">
        <v>1373578</v>
      </c>
      <c r="GD12" s="319">
        <v>893669</v>
      </c>
      <c r="GE12" s="320">
        <v>5326812</v>
      </c>
      <c r="GF12" s="327">
        <v>5820697</v>
      </c>
      <c r="GG12" s="326">
        <v>0</v>
      </c>
      <c r="GH12" s="319">
        <v>18364</v>
      </c>
      <c r="GI12" s="323">
        <v>18364</v>
      </c>
      <c r="GJ12" s="324">
        <v>0</v>
      </c>
      <c r="GK12" s="319">
        <v>79695</v>
      </c>
      <c r="GL12" s="319">
        <v>32760</v>
      </c>
      <c r="GM12" s="319">
        <v>60966</v>
      </c>
      <c r="GN12" s="319">
        <v>0</v>
      </c>
      <c r="GO12" s="319">
        <v>0</v>
      </c>
      <c r="GP12" s="320">
        <v>173421</v>
      </c>
      <c r="GQ12" s="322">
        <v>191785</v>
      </c>
      <c r="GR12" s="318">
        <v>299740</v>
      </c>
      <c r="GS12" s="319">
        <v>101969</v>
      </c>
      <c r="GT12" s="320">
        <v>401709</v>
      </c>
      <c r="GU12" s="318">
        <v>0</v>
      </c>
      <c r="GV12" s="319">
        <v>0</v>
      </c>
      <c r="GW12" s="319">
        <v>98700</v>
      </c>
      <c r="GX12" s="319">
        <v>289800</v>
      </c>
      <c r="GY12" s="319">
        <v>169120</v>
      </c>
      <c r="GZ12" s="319">
        <v>39102</v>
      </c>
      <c r="HA12" s="323">
        <v>596722</v>
      </c>
      <c r="HB12" s="322">
        <v>998431</v>
      </c>
      <c r="HC12" s="318">
        <v>438546</v>
      </c>
      <c r="HD12" s="319">
        <v>1298321</v>
      </c>
      <c r="HE12" s="323">
        <v>1736867</v>
      </c>
      <c r="HF12" s="324">
        <v>0</v>
      </c>
      <c r="HG12" s="319">
        <v>2967827</v>
      </c>
      <c r="HH12" s="319">
        <v>4129101</v>
      </c>
      <c r="HI12" s="319">
        <v>4794999</v>
      </c>
      <c r="HJ12" s="319">
        <v>6258137</v>
      </c>
      <c r="HK12" s="319">
        <v>2326631</v>
      </c>
      <c r="HL12" s="320">
        <v>20476695</v>
      </c>
      <c r="HM12" s="321">
        <v>22213562</v>
      </c>
      <c r="HN12" s="411"/>
      <c r="HO12" s="411"/>
      <c r="HP12" s="411"/>
      <c r="HQ12" s="411"/>
      <c r="HR12" s="411"/>
      <c r="HS12" s="411"/>
      <c r="HT12" s="411"/>
      <c r="HU12" s="411"/>
      <c r="HV12" s="411"/>
      <c r="HW12" s="411"/>
      <c r="HX12" s="424"/>
      <c r="HY12" s="330">
        <v>0</v>
      </c>
      <c r="HZ12" s="329">
        <v>0</v>
      </c>
      <c r="IA12" s="330">
        <v>0</v>
      </c>
      <c r="IB12" s="331">
        <v>0</v>
      </c>
      <c r="IC12" s="332">
        <v>3769864</v>
      </c>
      <c r="ID12" s="333">
        <v>4798128</v>
      </c>
      <c r="IE12" s="334">
        <v>3591997</v>
      </c>
      <c r="IF12" s="332">
        <v>3195512</v>
      </c>
      <c r="IG12" s="334">
        <v>1695764</v>
      </c>
      <c r="IH12" s="335">
        <v>17051265</v>
      </c>
      <c r="II12" s="336">
        <v>17051265</v>
      </c>
      <c r="IJ12" s="337">
        <v>0</v>
      </c>
      <c r="IK12" s="338">
        <v>0</v>
      </c>
      <c r="IL12" s="339">
        <v>0</v>
      </c>
      <c r="IM12" s="411"/>
      <c r="IN12" s="341">
        <v>0</v>
      </c>
      <c r="IO12" s="341">
        <v>108523</v>
      </c>
      <c r="IP12" s="341">
        <v>169667</v>
      </c>
      <c r="IQ12" s="341">
        <v>204936</v>
      </c>
      <c r="IR12" s="341">
        <v>621850</v>
      </c>
      <c r="IS12" s="342">
        <v>1104976</v>
      </c>
      <c r="IT12" s="343">
        <v>1104976</v>
      </c>
      <c r="IU12" s="344">
        <v>0</v>
      </c>
      <c r="IV12" s="341">
        <v>0</v>
      </c>
      <c r="IW12" s="345">
        <v>0</v>
      </c>
      <c r="IX12" s="411"/>
      <c r="IY12" s="341">
        <v>0</v>
      </c>
      <c r="IZ12" s="341">
        <v>0</v>
      </c>
      <c r="JA12" s="341">
        <v>0</v>
      </c>
      <c r="JB12" s="341">
        <v>8839</v>
      </c>
      <c r="JC12" s="341">
        <v>0</v>
      </c>
      <c r="JD12" s="345">
        <v>8839</v>
      </c>
      <c r="JE12" s="347">
        <v>8839</v>
      </c>
      <c r="JF12" s="344">
        <v>0</v>
      </c>
      <c r="JG12" s="341">
        <v>0</v>
      </c>
      <c r="JH12" s="342">
        <v>0</v>
      </c>
      <c r="JI12" s="348">
        <v>0</v>
      </c>
      <c r="JJ12" s="341">
        <v>1450208</v>
      </c>
      <c r="JK12" s="341">
        <v>1911137</v>
      </c>
      <c r="JL12" s="341">
        <v>125980</v>
      </c>
      <c r="JM12" s="341">
        <v>583373</v>
      </c>
      <c r="JN12" s="341">
        <v>127040</v>
      </c>
      <c r="JO12" s="345">
        <v>4197738</v>
      </c>
      <c r="JP12" s="343">
        <v>4197738</v>
      </c>
      <c r="JQ12" s="344">
        <v>0</v>
      </c>
      <c r="JR12" s="341">
        <v>0</v>
      </c>
      <c r="JS12" s="342">
        <v>0</v>
      </c>
      <c r="JT12" s="348">
        <v>0</v>
      </c>
      <c r="JU12" s="341">
        <v>63851</v>
      </c>
      <c r="JV12" s="341">
        <v>62195</v>
      </c>
      <c r="JW12" s="341">
        <v>10946</v>
      </c>
      <c r="JX12" s="341">
        <v>80074</v>
      </c>
      <c r="JY12" s="341">
        <v>99483</v>
      </c>
      <c r="JZ12" s="345">
        <v>316549</v>
      </c>
      <c r="KA12" s="343">
        <v>316549</v>
      </c>
      <c r="KB12" s="349">
        <v>0</v>
      </c>
      <c r="KC12" s="350">
        <v>0</v>
      </c>
      <c r="KD12" s="345">
        <v>0</v>
      </c>
      <c r="KE12" s="348">
        <v>0</v>
      </c>
      <c r="KF12" s="341">
        <v>370672</v>
      </c>
      <c r="KG12" s="341">
        <v>710020</v>
      </c>
      <c r="KH12" s="341">
        <v>941276</v>
      </c>
      <c r="KI12" s="341">
        <v>192504</v>
      </c>
      <c r="KJ12" s="341">
        <v>198720</v>
      </c>
      <c r="KK12" s="345">
        <v>2413192</v>
      </c>
      <c r="KL12" s="351">
        <v>2413192</v>
      </c>
      <c r="KM12" s="337">
        <v>0</v>
      </c>
      <c r="KN12" s="338">
        <v>0</v>
      </c>
      <c r="KO12" s="339">
        <v>0</v>
      </c>
      <c r="KP12" s="340"/>
      <c r="KQ12" s="341">
        <v>1765115</v>
      </c>
      <c r="KR12" s="341">
        <v>1500838</v>
      </c>
      <c r="KS12" s="341">
        <v>2344128</v>
      </c>
      <c r="KT12" s="341">
        <v>1957443</v>
      </c>
      <c r="KU12" s="341">
        <v>648671</v>
      </c>
      <c r="KV12" s="345">
        <v>8216195</v>
      </c>
      <c r="KW12" s="343">
        <v>8216195</v>
      </c>
      <c r="KX12" s="344">
        <v>0</v>
      </c>
      <c r="KY12" s="341">
        <v>0</v>
      </c>
      <c r="KZ12" s="345">
        <v>0</v>
      </c>
      <c r="LA12" s="352"/>
      <c r="LB12" s="341">
        <v>0</v>
      </c>
      <c r="LC12" s="341">
        <v>0</v>
      </c>
      <c r="LD12" s="341">
        <v>0</v>
      </c>
      <c r="LE12" s="341">
        <v>0</v>
      </c>
      <c r="LF12" s="341">
        <v>0</v>
      </c>
      <c r="LG12" s="345">
        <v>0</v>
      </c>
      <c r="LH12" s="347">
        <v>0</v>
      </c>
      <c r="LI12" s="344">
        <v>0</v>
      </c>
      <c r="LJ12" s="341">
        <v>0</v>
      </c>
      <c r="LK12" s="345">
        <v>0</v>
      </c>
      <c r="LL12" s="352"/>
      <c r="LM12" s="341">
        <v>0</v>
      </c>
      <c r="LN12" s="341">
        <v>176186</v>
      </c>
      <c r="LO12" s="341">
        <v>0</v>
      </c>
      <c r="LP12" s="341">
        <v>0</v>
      </c>
      <c r="LQ12" s="341">
        <v>0</v>
      </c>
      <c r="LR12" s="345">
        <v>176186</v>
      </c>
      <c r="LS12" s="343">
        <v>176186</v>
      </c>
      <c r="LT12" s="344">
        <v>0</v>
      </c>
      <c r="LU12" s="341">
        <v>0</v>
      </c>
      <c r="LV12" s="345">
        <v>0</v>
      </c>
      <c r="LW12" s="352"/>
      <c r="LX12" s="341">
        <v>120018</v>
      </c>
      <c r="LY12" s="341">
        <v>329229</v>
      </c>
      <c r="LZ12" s="341">
        <v>0</v>
      </c>
      <c r="MA12" s="341">
        <v>168343</v>
      </c>
      <c r="MB12" s="341">
        <v>0</v>
      </c>
      <c r="MC12" s="345">
        <v>617590</v>
      </c>
      <c r="MD12" s="347">
        <v>617590</v>
      </c>
      <c r="ME12" s="344">
        <v>0</v>
      </c>
      <c r="MF12" s="341">
        <v>0</v>
      </c>
      <c r="MG12" s="345">
        <v>0</v>
      </c>
      <c r="MH12" s="352"/>
      <c r="MI12" s="341">
        <v>464014</v>
      </c>
      <c r="MJ12" s="341">
        <v>1326282</v>
      </c>
      <c r="MK12" s="341">
        <v>6646623</v>
      </c>
      <c r="ML12" s="341">
        <v>9892668</v>
      </c>
      <c r="MM12" s="341">
        <v>5580020</v>
      </c>
      <c r="MN12" s="345">
        <v>23909607</v>
      </c>
      <c r="MO12" s="351">
        <v>23909607</v>
      </c>
      <c r="MP12" s="344">
        <v>0</v>
      </c>
      <c r="MQ12" s="341">
        <v>0</v>
      </c>
      <c r="MR12" s="345">
        <v>0</v>
      </c>
      <c r="MS12" s="352"/>
      <c r="MT12" s="341">
        <v>0</v>
      </c>
      <c r="MU12" s="341">
        <v>0</v>
      </c>
      <c r="MV12" s="341">
        <v>3856309</v>
      </c>
      <c r="MW12" s="341">
        <v>7018410</v>
      </c>
      <c r="MX12" s="341">
        <v>4097263</v>
      </c>
      <c r="MY12" s="345">
        <v>14971982</v>
      </c>
      <c r="MZ12" s="351">
        <v>14971982</v>
      </c>
      <c r="NA12" s="344">
        <v>0</v>
      </c>
      <c r="NB12" s="341">
        <v>0</v>
      </c>
      <c r="NC12" s="345">
        <v>0</v>
      </c>
      <c r="ND12" s="352"/>
      <c r="NE12" s="341">
        <v>464014</v>
      </c>
      <c r="NF12" s="341">
        <v>1326282</v>
      </c>
      <c r="NG12" s="341">
        <v>2496779</v>
      </c>
      <c r="NH12" s="341">
        <v>2568739</v>
      </c>
      <c r="NI12" s="341">
        <v>1138276</v>
      </c>
      <c r="NJ12" s="345">
        <v>7994090</v>
      </c>
      <c r="NK12" s="343">
        <v>7994090</v>
      </c>
      <c r="NL12" s="344">
        <v>0</v>
      </c>
      <c r="NM12" s="341">
        <v>0</v>
      </c>
      <c r="NN12" s="345">
        <v>0</v>
      </c>
      <c r="NO12" s="352"/>
      <c r="NP12" s="341">
        <v>0</v>
      </c>
      <c r="NQ12" s="341">
        <v>0</v>
      </c>
      <c r="NR12" s="341">
        <v>0</v>
      </c>
      <c r="NS12" s="341">
        <v>0</v>
      </c>
      <c r="NT12" s="341">
        <v>0</v>
      </c>
      <c r="NU12" s="345">
        <v>0</v>
      </c>
      <c r="NV12" s="347">
        <v>0</v>
      </c>
      <c r="NW12" s="344">
        <v>0</v>
      </c>
      <c r="NX12" s="341">
        <v>0</v>
      </c>
      <c r="NY12" s="345">
        <v>0</v>
      </c>
      <c r="NZ12" s="352"/>
      <c r="OA12" s="341">
        <v>0</v>
      </c>
      <c r="OB12" s="341">
        <v>0</v>
      </c>
      <c r="OC12" s="341">
        <v>293535</v>
      </c>
      <c r="OD12" s="341">
        <v>305519</v>
      </c>
      <c r="OE12" s="341">
        <v>344481</v>
      </c>
      <c r="OF12" s="345">
        <v>943535</v>
      </c>
      <c r="OG12" s="347">
        <v>943535</v>
      </c>
      <c r="OH12" s="344">
        <v>1269677</v>
      </c>
      <c r="OI12" s="341">
        <v>2841796</v>
      </c>
      <c r="OJ12" s="342">
        <v>4111473</v>
      </c>
      <c r="OK12" s="348">
        <v>0</v>
      </c>
      <c r="OL12" s="341">
        <v>16853017</v>
      </c>
      <c r="OM12" s="341">
        <v>22830357</v>
      </c>
      <c r="ON12" s="341">
        <v>27328209</v>
      </c>
      <c r="OO12" s="341">
        <v>32561318</v>
      </c>
      <c r="OP12" s="341">
        <v>17966611</v>
      </c>
      <c r="OQ12" s="345">
        <v>117539512</v>
      </c>
      <c r="OR12" s="351">
        <v>121650985</v>
      </c>
    </row>
    <row r="13" spans="1:408" ht="20.25" customHeight="1" x14ac:dyDescent="0.2">
      <c r="A13" s="111" t="s">
        <v>7</v>
      </c>
      <c r="B13" s="318">
        <v>940198</v>
      </c>
      <c r="C13" s="319">
        <v>776242</v>
      </c>
      <c r="D13" s="320">
        <v>1716440</v>
      </c>
      <c r="E13" s="321">
        <v>0</v>
      </c>
      <c r="F13" s="319">
        <v>11102204</v>
      </c>
      <c r="G13" s="319">
        <v>11516346</v>
      </c>
      <c r="H13" s="319">
        <v>8295983</v>
      </c>
      <c r="I13" s="319">
        <v>7537251</v>
      </c>
      <c r="J13" s="319">
        <v>6708927</v>
      </c>
      <c r="K13" s="321">
        <v>45160711</v>
      </c>
      <c r="L13" s="322">
        <v>46877151</v>
      </c>
      <c r="M13" s="318">
        <v>135751</v>
      </c>
      <c r="N13" s="319">
        <v>88066</v>
      </c>
      <c r="O13" s="320">
        <v>223817</v>
      </c>
      <c r="P13" s="318">
        <v>0</v>
      </c>
      <c r="Q13" s="319">
        <v>2851501</v>
      </c>
      <c r="R13" s="319">
        <v>3527185</v>
      </c>
      <c r="S13" s="319">
        <v>2182410</v>
      </c>
      <c r="T13" s="319">
        <v>1582620</v>
      </c>
      <c r="U13" s="319">
        <v>3298439</v>
      </c>
      <c r="V13" s="320">
        <v>13442155</v>
      </c>
      <c r="W13" s="322">
        <v>13665972</v>
      </c>
      <c r="X13" s="318">
        <v>0</v>
      </c>
      <c r="Y13" s="319">
        <v>0</v>
      </c>
      <c r="Z13" s="320">
        <v>0</v>
      </c>
      <c r="AA13" s="318">
        <v>0</v>
      </c>
      <c r="AB13" s="319">
        <v>1247072</v>
      </c>
      <c r="AC13" s="319">
        <v>1563108</v>
      </c>
      <c r="AD13" s="319">
        <v>1346758</v>
      </c>
      <c r="AE13" s="319">
        <v>618378</v>
      </c>
      <c r="AF13" s="319">
        <v>1858563</v>
      </c>
      <c r="AG13" s="320">
        <v>6633879</v>
      </c>
      <c r="AH13" s="322">
        <v>6633879</v>
      </c>
      <c r="AI13" s="318">
        <v>0</v>
      </c>
      <c r="AJ13" s="319">
        <v>0</v>
      </c>
      <c r="AK13" s="320">
        <v>0</v>
      </c>
      <c r="AL13" s="318">
        <v>0</v>
      </c>
      <c r="AM13" s="319">
        <v>101262</v>
      </c>
      <c r="AN13" s="319">
        <v>81010</v>
      </c>
      <c r="AO13" s="319">
        <v>40505</v>
      </c>
      <c r="AP13" s="319">
        <v>40505</v>
      </c>
      <c r="AQ13" s="319">
        <v>500399</v>
      </c>
      <c r="AR13" s="320">
        <v>763681</v>
      </c>
      <c r="AS13" s="322">
        <v>763681</v>
      </c>
      <c r="AT13" s="318">
        <v>0</v>
      </c>
      <c r="AU13" s="319">
        <v>33963</v>
      </c>
      <c r="AV13" s="320">
        <v>33963</v>
      </c>
      <c r="AW13" s="318">
        <v>0</v>
      </c>
      <c r="AX13" s="319">
        <v>827537</v>
      </c>
      <c r="AY13" s="319">
        <v>1194585</v>
      </c>
      <c r="AZ13" s="319">
        <v>312621</v>
      </c>
      <c r="BA13" s="319">
        <v>495964</v>
      </c>
      <c r="BB13" s="319">
        <v>553588</v>
      </c>
      <c r="BC13" s="320">
        <v>3384295</v>
      </c>
      <c r="BD13" s="322">
        <v>3418258</v>
      </c>
      <c r="BE13" s="318">
        <v>0</v>
      </c>
      <c r="BF13" s="319">
        <v>0</v>
      </c>
      <c r="BG13" s="323">
        <v>0</v>
      </c>
      <c r="BH13" s="324">
        <v>0</v>
      </c>
      <c r="BI13" s="319">
        <v>124345</v>
      </c>
      <c r="BJ13" s="319">
        <v>161963</v>
      </c>
      <c r="BK13" s="319">
        <v>42107</v>
      </c>
      <c r="BL13" s="319">
        <v>64529</v>
      </c>
      <c r="BM13" s="319">
        <v>0</v>
      </c>
      <c r="BN13" s="320">
        <v>392944</v>
      </c>
      <c r="BO13" s="322">
        <v>392944</v>
      </c>
      <c r="BP13" s="318">
        <v>135751</v>
      </c>
      <c r="BQ13" s="319">
        <v>54103</v>
      </c>
      <c r="BR13" s="320">
        <v>189854</v>
      </c>
      <c r="BS13" s="318">
        <v>0</v>
      </c>
      <c r="BT13" s="319">
        <v>551285</v>
      </c>
      <c r="BU13" s="319">
        <v>526519</v>
      </c>
      <c r="BV13" s="319">
        <v>440419</v>
      </c>
      <c r="BW13" s="319">
        <v>363244</v>
      </c>
      <c r="BX13" s="319">
        <v>385889</v>
      </c>
      <c r="BY13" s="320">
        <v>2267356</v>
      </c>
      <c r="BZ13" s="322">
        <v>2457210</v>
      </c>
      <c r="CA13" s="318">
        <v>19230</v>
      </c>
      <c r="CB13" s="319">
        <v>100640</v>
      </c>
      <c r="CC13" s="320">
        <v>119870</v>
      </c>
      <c r="CD13" s="318">
        <v>0</v>
      </c>
      <c r="CE13" s="319">
        <v>3497742</v>
      </c>
      <c r="CF13" s="319">
        <v>2609906</v>
      </c>
      <c r="CG13" s="319">
        <v>1044538</v>
      </c>
      <c r="CH13" s="319">
        <v>521190</v>
      </c>
      <c r="CI13" s="319">
        <v>491957</v>
      </c>
      <c r="CJ13" s="320">
        <v>8165333</v>
      </c>
      <c r="CK13" s="322">
        <v>8285203</v>
      </c>
      <c r="CL13" s="318">
        <v>0</v>
      </c>
      <c r="CM13" s="319">
        <v>0</v>
      </c>
      <c r="CN13" s="320">
        <v>0</v>
      </c>
      <c r="CO13" s="324">
        <v>0</v>
      </c>
      <c r="CP13" s="319">
        <v>2466003</v>
      </c>
      <c r="CQ13" s="319">
        <v>1895229</v>
      </c>
      <c r="CR13" s="319">
        <v>581380</v>
      </c>
      <c r="CS13" s="319">
        <v>370360</v>
      </c>
      <c r="CT13" s="319">
        <v>321027</v>
      </c>
      <c r="CU13" s="320">
        <v>5633999</v>
      </c>
      <c r="CV13" s="322">
        <v>5633999</v>
      </c>
      <c r="CW13" s="318">
        <v>19230</v>
      </c>
      <c r="CX13" s="319">
        <v>100640</v>
      </c>
      <c r="CY13" s="320">
        <v>119870</v>
      </c>
      <c r="CZ13" s="318">
        <v>0</v>
      </c>
      <c r="DA13" s="319">
        <v>1031739</v>
      </c>
      <c r="DB13" s="319">
        <v>714677</v>
      </c>
      <c r="DC13" s="319">
        <v>463158</v>
      </c>
      <c r="DD13" s="319">
        <v>150830</v>
      </c>
      <c r="DE13" s="319">
        <v>170930</v>
      </c>
      <c r="DF13" s="320">
        <v>2531334</v>
      </c>
      <c r="DG13" s="322">
        <v>2651204</v>
      </c>
      <c r="DH13" s="318">
        <v>0</v>
      </c>
      <c r="DI13" s="319">
        <v>0</v>
      </c>
      <c r="DJ13" s="323">
        <v>0</v>
      </c>
      <c r="DK13" s="324">
        <v>0</v>
      </c>
      <c r="DL13" s="319">
        <v>293906</v>
      </c>
      <c r="DM13" s="319">
        <v>488444</v>
      </c>
      <c r="DN13" s="319">
        <v>769699</v>
      </c>
      <c r="DO13" s="319">
        <v>689556</v>
      </c>
      <c r="DP13" s="319">
        <v>224033</v>
      </c>
      <c r="DQ13" s="320">
        <v>2465638</v>
      </c>
      <c r="DR13" s="322">
        <v>2465638</v>
      </c>
      <c r="DS13" s="318">
        <v>0</v>
      </c>
      <c r="DT13" s="319">
        <v>0</v>
      </c>
      <c r="DU13" s="320">
        <v>0</v>
      </c>
      <c r="DV13" s="318">
        <v>0</v>
      </c>
      <c r="DW13" s="319">
        <v>293906</v>
      </c>
      <c r="DX13" s="319">
        <v>333001</v>
      </c>
      <c r="DY13" s="319">
        <v>769699</v>
      </c>
      <c r="DZ13" s="319">
        <v>689556</v>
      </c>
      <c r="EA13" s="319">
        <v>143029</v>
      </c>
      <c r="EB13" s="320">
        <v>2229191</v>
      </c>
      <c r="EC13" s="322">
        <v>2229191</v>
      </c>
      <c r="ED13" s="318">
        <v>0</v>
      </c>
      <c r="EE13" s="323">
        <v>0</v>
      </c>
      <c r="EF13" s="320">
        <v>0</v>
      </c>
      <c r="EG13" s="318">
        <v>0</v>
      </c>
      <c r="EH13" s="319">
        <v>0</v>
      </c>
      <c r="EI13" s="319">
        <v>155443</v>
      </c>
      <c r="EJ13" s="319">
        <v>0</v>
      </c>
      <c r="EK13" s="319">
        <v>0</v>
      </c>
      <c r="EL13" s="319">
        <v>81004</v>
      </c>
      <c r="EM13" s="323">
        <v>236447</v>
      </c>
      <c r="EN13" s="322">
        <v>236447</v>
      </c>
      <c r="EO13" s="318">
        <v>0</v>
      </c>
      <c r="EP13" s="319">
        <v>0</v>
      </c>
      <c r="EQ13" s="323">
        <v>0</v>
      </c>
      <c r="ER13" s="324">
        <v>0</v>
      </c>
      <c r="ES13" s="319">
        <v>0</v>
      </c>
      <c r="ET13" s="319">
        <v>0</v>
      </c>
      <c r="EU13" s="319">
        <v>0</v>
      </c>
      <c r="EV13" s="319">
        <v>0</v>
      </c>
      <c r="EW13" s="319">
        <v>0</v>
      </c>
      <c r="EX13" s="320">
        <v>0</v>
      </c>
      <c r="EY13" s="322">
        <v>0</v>
      </c>
      <c r="EZ13" s="318">
        <v>0</v>
      </c>
      <c r="FA13" s="319">
        <v>0</v>
      </c>
      <c r="FB13" s="323">
        <v>0</v>
      </c>
      <c r="FC13" s="325"/>
      <c r="FD13" s="319">
        <v>0</v>
      </c>
      <c r="FE13" s="319">
        <v>0</v>
      </c>
      <c r="FF13" s="319">
        <v>0</v>
      </c>
      <c r="FG13" s="319">
        <v>0</v>
      </c>
      <c r="FH13" s="319">
        <v>0</v>
      </c>
      <c r="FI13" s="320">
        <v>0</v>
      </c>
      <c r="FJ13" s="322">
        <v>0</v>
      </c>
      <c r="FK13" s="318">
        <v>199780</v>
      </c>
      <c r="FL13" s="319">
        <v>204204</v>
      </c>
      <c r="FM13" s="320">
        <v>403984</v>
      </c>
      <c r="FN13" s="318">
        <v>0</v>
      </c>
      <c r="FO13" s="319">
        <v>581091</v>
      </c>
      <c r="FP13" s="319">
        <v>1091755</v>
      </c>
      <c r="FQ13" s="319">
        <v>559496</v>
      </c>
      <c r="FR13" s="319">
        <v>452872</v>
      </c>
      <c r="FS13" s="319">
        <v>418075</v>
      </c>
      <c r="FT13" s="320">
        <v>3103289</v>
      </c>
      <c r="FU13" s="322">
        <v>3507273</v>
      </c>
      <c r="FV13" s="326">
        <v>45920</v>
      </c>
      <c r="FW13" s="319">
        <v>86044</v>
      </c>
      <c r="FX13" s="323">
        <v>131964</v>
      </c>
      <c r="FY13" s="324">
        <v>0</v>
      </c>
      <c r="FZ13" s="319">
        <v>354571</v>
      </c>
      <c r="GA13" s="319">
        <v>1035769</v>
      </c>
      <c r="GB13" s="319">
        <v>465836</v>
      </c>
      <c r="GC13" s="319">
        <v>333872</v>
      </c>
      <c r="GD13" s="319">
        <v>407715</v>
      </c>
      <c r="GE13" s="320">
        <v>2597763</v>
      </c>
      <c r="GF13" s="327">
        <v>2729727</v>
      </c>
      <c r="GG13" s="326">
        <v>13860</v>
      </c>
      <c r="GH13" s="319">
        <v>0</v>
      </c>
      <c r="GI13" s="323">
        <v>13860</v>
      </c>
      <c r="GJ13" s="324">
        <v>0</v>
      </c>
      <c r="GK13" s="319">
        <v>24220</v>
      </c>
      <c r="GL13" s="319">
        <v>50386</v>
      </c>
      <c r="GM13" s="319">
        <v>13860</v>
      </c>
      <c r="GN13" s="319">
        <v>0</v>
      </c>
      <c r="GO13" s="319">
        <v>10360</v>
      </c>
      <c r="GP13" s="320">
        <v>98826</v>
      </c>
      <c r="GQ13" s="322">
        <v>112686</v>
      </c>
      <c r="GR13" s="318">
        <v>140000</v>
      </c>
      <c r="GS13" s="319">
        <v>118160</v>
      </c>
      <c r="GT13" s="320">
        <v>258160</v>
      </c>
      <c r="GU13" s="318">
        <v>0</v>
      </c>
      <c r="GV13" s="319">
        <v>202300</v>
      </c>
      <c r="GW13" s="319">
        <v>5600</v>
      </c>
      <c r="GX13" s="319">
        <v>79800</v>
      </c>
      <c r="GY13" s="319">
        <v>119000</v>
      </c>
      <c r="GZ13" s="319">
        <v>0</v>
      </c>
      <c r="HA13" s="323">
        <v>406700</v>
      </c>
      <c r="HB13" s="322">
        <v>664860</v>
      </c>
      <c r="HC13" s="318">
        <v>585437</v>
      </c>
      <c r="HD13" s="319">
        <v>383332</v>
      </c>
      <c r="HE13" s="323">
        <v>968769</v>
      </c>
      <c r="HF13" s="324">
        <v>0</v>
      </c>
      <c r="HG13" s="319">
        <v>3877964</v>
      </c>
      <c r="HH13" s="319">
        <v>3799056</v>
      </c>
      <c r="HI13" s="319">
        <v>3739840</v>
      </c>
      <c r="HJ13" s="319">
        <v>4291013</v>
      </c>
      <c r="HK13" s="319">
        <v>2276423</v>
      </c>
      <c r="HL13" s="320">
        <v>17984296</v>
      </c>
      <c r="HM13" s="321">
        <v>18953065</v>
      </c>
      <c r="HN13" s="411"/>
      <c r="HO13" s="411"/>
      <c r="HP13" s="411"/>
      <c r="HQ13" s="411"/>
      <c r="HR13" s="411"/>
      <c r="HS13" s="411"/>
      <c r="HT13" s="411"/>
      <c r="HU13" s="411"/>
      <c r="HV13" s="411"/>
      <c r="HW13" s="411"/>
      <c r="HX13" s="424"/>
      <c r="HY13" s="330">
        <v>0</v>
      </c>
      <c r="HZ13" s="329">
        <v>0</v>
      </c>
      <c r="IA13" s="330">
        <v>0</v>
      </c>
      <c r="IB13" s="353">
        <v>0</v>
      </c>
      <c r="IC13" s="329">
        <v>1788101</v>
      </c>
      <c r="ID13" s="354">
        <v>1429524</v>
      </c>
      <c r="IE13" s="330">
        <v>2799210</v>
      </c>
      <c r="IF13" s="329">
        <v>1516534</v>
      </c>
      <c r="IG13" s="330">
        <v>655375</v>
      </c>
      <c r="IH13" s="355">
        <v>8188744</v>
      </c>
      <c r="II13" s="336">
        <v>8188744</v>
      </c>
      <c r="IJ13" s="337">
        <v>0</v>
      </c>
      <c r="IK13" s="338">
        <v>0</v>
      </c>
      <c r="IL13" s="339">
        <v>0</v>
      </c>
      <c r="IM13" s="411"/>
      <c r="IN13" s="341">
        <v>0</v>
      </c>
      <c r="IO13" s="341">
        <v>0</v>
      </c>
      <c r="IP13" s="341">
        <v>174050</v>
      </c>
      <c r="IQ13" s="341">
        <v>0</v>
      </c>
      <c r="IR13" s="341">
        <v>0</v>
      </c>
      <c r="IS13" s="342">
        <v>174050</v>
      </c>
      <c r="IT13" s="343">
        <v>174050</v>
      </c>
      <c r="IU13" s="344">
        <v>0</v>
      </c>
      <c r="IV13" s="341">
        <v>0</v>
      </c>
      <c r="IW13" s="345">
        <v>0</v>
      </c>
      <c r="IX13" s="411"/>
      <c r="IY13" s="341">
        <v>0</v>
      </c>
      <c r="IZ13" s="341">
        <v>0</v>
      </c>
      <c r="JA13" s="341">
        <v>0</v>
      </c>
      <c r="JB13" s="341">
        <v>0</v>
      </c>
      <c r="JC13" s="341">
        <v>0</v>
      </c>
      <c r="JD13" s="345">
        <v>0</v>
      </c>
      <c r="JE13" s="347">
        <v>0</v>
      </c>
      <c r="JF13" s="344">
        <v>0</v>
      </c>
      <c r="JG13" s="341">
        <v>0</v>
      </c>
      <c r="JH13" s="342">
        <v>0</v>
      </c>
      <c r="JI13" s="348">
        <v>0</v>
      </c>
      <c r="JJ13" s="341">
        <v>900064</v>
      </c>
      <c r="JK13" s="341">
        <v>535012</v>
      </c>
      <c r="JL13" s="341">
        <v>807220</v>
      </c>
      <c r="JM13" s="341">
        <v>477277</v>
      </c>
      <c r="JN13" s="341">
        <v>129446</v>
      </c>
      <c r="JO13" s="345">
        <v>2849019</v>
      </c>
      <c r="JP13" s="343">
        <v>2849019</v>
      </c>
      <c r="JQ13" s="344">
        <v>0</v>
      </c>
      <c r="JR13" s="341">
        <v>0</v>
      </c>
      <c r="JS13" s="342">
        <v>0</v>
      </c>
      <c r="JT13" s="348">
        <v>0</v>
      </c>
      <c r="JU13" s="341">
        <v>331880</v>
      </c>
      <c r="JV13" s="341">
        <v>200723</v>
      </c>
      <c r="JW13" s="341">
        <v>278723</v>
      </c>
      <c r="JX13" s="341">
        <v>319686</v>
      </c>
      <c r="JY13" s="341">
        <v>0</v>
      </c>
      <c r="JZ13" s="345">
        <v>1131012</v>
      </c>
      <c r="KA13" s="343">
        <v>1131012</v>
      </c>
      <c r="KB13" s="349">
        <v>0</v>
      </c>
      <c r="KC13" s="350">
        <v>0</v>
      </c>
      <c r="KD13" s="345">
        <v>0</v>
      </c>
      <c r="KE13" s="348">
        <v>0</v>
      </c>
      <c r="KF13" s="341">
        <v>0</v>
      </c>
      <c r="KG13" s="341">
        <v>274794</v>
      </c>
      <c r="KH13" s="341">
        <v>65615</v>
      </c>
      <c r="KI13" s="341">
        <v>197097</v>
      </c>
      <c r="KJ13" s="341">
        <v>0</v>
      </c>
      <c r="KK13" s="345">
        <v>537506</v>
      </c>
      <c r="KL13" s="351">
        <v>537506</v>
      </c>
      <c r="KM13" s="337">
        <v>0</v>
      </c>
      <c r="KN13" s="338">
        <v>0</v>
      </c>
      <c r="KO13" s="339">
        <v>0</v>
      </c>
      <c r="KP13" s="340"/>
      <c r="KQ13" s="341">
        <v>556157</v>
      </c>
      <c r="KR13" s="341">
        <v>418995</v>
      </c>
      <c r="KS13" s="341">
        <v>1473602</v>
      </c>
      <c r="KT13" s="341">
        <v>302247</v>
      </c>
      <c r="KU13" s="341">
        <v>215280</v>
      </c>
      <c r="KV13" s="345">
        <v>2966281</v>
      </c>
      <c r="KW13" s="343">
        <v>2966281</v>
      </c>
      <c r="KX13" s="344">
        <v>0</v>
      </c>
      <c r="KY13" s="341">
        <v>0</v>
      </c>
      <c r="KZ13" s="345">
        <v>0</v>
      </c>
      <c r="LA13" s="352"/>
      <c r="LB13" s="341">
        <v>0</v>
      </c>
      <c r="LC13" s="341">
        <v>0</v>
      </c>
      <c r="LD13" s="341">
        <v>0</v>
      </c>
      <c r="LE13" s="341">
        <v>0</v>
      </c>
      <c r="LF13" s="341">
        <v>0</v>
      </c>
      <c r="LG13" s="345">
        <v>0</v>
      </c>
      <c r="LH13" s="347">
        <v>0</v>
      </c>
      <c r="LI13" s="344">
        <v>0</v>
      </c>
      <c r="LJ13" s="341">
        <v>0</v>
      </c>
      <c r="LK13" s="345">
        <v>0</v>
      </c>
      <c r="LL13" s="352"/>
      <c r="LM13" s="341">
        <v>0</v>
      </c>
      <c r="LN13" s="341">
        <v>0</v>
      </c>
      <c r="LO13" s="341">
        <v>0</v>
      </c>
      <c r="LP13" s="341">
        <v>0</v>
      </c>
      <c r="LQ13" s="341">
        <v>0</v>
      </c>
      <c r="LR13" s="345">
        <v>0</v>
      </c>
      <c r="LS13" s="343">
        <v>0</v>
      </c>
      <c r="LT13" s="344">
        <v>0</v>
      </c>
      <c r="LU13" s="341">
        <v>0</v>
      </c>
      <c r="LV13" s="345">
        <v>0</v>
      </c>
      <c r="LW13" s="352"/>
      <c r="LX13" s="341">
        <v>0</v>
      </c>
      <c r="LY13" s="341">
        <v>0</v>
      </c>
      <c r="LZ13" s="341">
        <v>0</v>
      </c>
      <c r="MA13" s="341">
        <v>220227</v>
      </c>
      <c r="MB13" s="341">
        <v>310649</v>
      </c>
      <c r="MC13" s="345">
        <v>530876</v>
      </c>
      <c r="MD13" s="347">
        <v>530876</v>
      </c>
      <c r="ME13" s="344">
        <v>0</v>
      </c>
      <c r="MF13" s="341">
        <v>0</v>
      </c>
      <c r="MG13" s="345">
        <v>0</v>
      </c>
      <c r="MH13" s="352"/>
      <c r="MI13" s="341">
        <v>0</v>
      </c>
      <c r="MJ13" s="341">
        <v>1234423</v>
      </c>
      <c r="MK13" s="341">
        <v>1783792</v>
      </c>
      <c r="ML13" s="341">
        <v>5374669</v>
      </c>
      <c r="MM13" s="341">
        <v>3314661</v>
      </c>
      <c r="MN13" s="345">
        <v>11707545</v>
      </c>
      <c r="MO13" s="351">
        <v>11707545</v>
      </c>
      <c r="MP13" s="344">
        <v>0</v>
      </c>
      <c r="MQ13" s="341">
        <v>0</v>
      </c>
      <c r="MR13" s="345">
        <v>0</v>
      </c>
      <c r="MS13" s="352"/>
      <c r="MT13" s="341">
        <v>0</v>
      </c>
      <c r="MU13" s="341">
        <v>191494</v>
      </c>
      <c r="MV13" s="341">
        <v>419381</v>
      </c>
      <c r="MW13" s="341">
        <v>4147692</v>
      </c>
      <c r="MX13" s="341">
        <v>2788457</v>
      </c>
      <c r="MY13" s="345">
        <v>7547024</v>
      </c>
      <c r="MZ13" s="351">
        <v>7547024</v>
      </c>
      <c r="NA13" s="344">
        <v>0</v>
      </c>
      <c r="NB13" s="341">
        <v>0</v>
      </c>
      <c r="NC13" s="345">
        <v>0</v>
      </c>
      <c r="ND13" s="352"/>
      <c r="NE13" s="341">
        <v>0</v>
      </c>
      <c r="NF13" s="341">
        <v>1042929</v>
      </c>
      <c r="NG13" s="341">
        <v>1364411</v>
      </c>
      <c r="NH13" s="341">
        <v>1226977</v>
      </c>
      <c r="NI13" s="341">
        <v>526204</v>
      </c>
      <c r="NJ13" s="345">
        <v>4160521</v>
      </c>
      <c r="NK13" s="343">
        <v>4160521</v>
      </c>
      <c r="NL13" s="344">
        <v>0</v>
      </c>
      <c r="NM13" s="341">
        <v>0</v>
      </c>
      <c r="NN13" s="345">
        <v>0</v>
      </c>
      <c r="NO13" s="352"/>
      <c r="NP13" s="341">
        <v>0</v>
      </c>
      <c r="NQ13" s="341">
        <v>0</v>
      </c>
      <c r="NR13" s="341">
        <v>0</v>
      </c>
      <c r="NS13" s="341">
        <v>0</v>
      </c>
      <c r="NT13" s="341">
        <v>0</v>
      </c>
      <c r="NU13" s="345">
        <v>0</v>
      </c>
      <c r="NV13" s="347">
        <v>0</v>
      </c>
      <c r="NW13" s="344">
        <v>0</v>
      </c>
      <c r="NX13" s="341">
        <v>0</v>
      </c>
      <c r="NY13" s="345">
        <v>0</v>
      </c>
      <c r="NZ13" s="352"/>
      <c r="OA13" s="341">
        <v>0</v>
      </c>
      <c r="OB13" s="341">
        <v>0</v>
      </c>
      <c r="OC13" s="341">
        <v>0</v>
      </c>
      <c r="OD13" s="341">
        <v>0</v>
      </c>
      <c r="OE13" s="341">
        <v>0</v>
      </c>
      <c r="OF13" s="345">
        <v>0</v>
      </c>
      <c r="OG13" s="347">
        <v>0</v>
      </c>
      <c r="OH13" s="344">
        <v>940198</v>
      </c>
      <c r="OI13" s="341">
        <v>776242</v>
      </c>
      <c r="OJ13" s="342">
        <v>1716440</v>
      </c>
      <c r="OK13" s="348">
        <v>0</v>
      </c>
      <c r="OL13" s="341">
        <v>12890305</v>
      </c>
      <c r="OM13" s="341">
        <v>14180293</v>
      </c>
      <c r="ON13" s="341">
        <v>12878985</v>
      </c>
      <c r="OO13" s="341">
        <v>14428454</v>
      </c>
      <c r="OP13" s="341">
        <v>10678963</v>
      </c>
      <c r="OQ13" s="345">
        <v>65057000</v>
      </c>
      <c r="OR13" s="351">
        <v>66773440</v>
      </c>
    </row>
    <row r="14" spans="1:408" ht="20.25" customHeight="1" x14ac:dyDescent="0.2">
      <c r="A14" s="111" t="s">
        <v>8</v>
      </c>
      <c r="B14" s="318">
        <v>440969</v>
      </c>
      <c r="C14" s="319">
        <v>345926</v>
      </c>
      <c r="D14" s="320">
        <v>786895</v>
      </c>
      <c r="E14" s="321">
        <v>0</v>
      </c>
      <c r="F14" s="319">
        <v>4055413</v>
      </c>
      <c r="G14" s="319">
        <v>5599985</v>
      </c>
      <c r="H14" s="319">
        <v>3316511</v>
      </c>
      <c r="I14" s="319">
        <v>6106257</v>
      </c>
      <c r="J14" s="319">
        <v>3431546</v>
      </c>
      <c r="K14" s="321">
        <v>22509712</v>
      </c>
      <c r="L14" s="322">
        <v>23296607</v>
      </c>
      <c r="M14" s="318">
        <v>81442</v>
      </c>
      <c r="N14" s="319">
        <v>76751</v>
      </c>
      <c r="O14" s="320">
        <v>158193</v>
      </c>
      <c r="P14" s="318">
        <v>0</v>
      </c>
      <c r="Q14" s="319">
        <v>822306</v>
      </c>
      <c r="R14" s="319">
        <v>1737071</v>
      </c>
      <c r="S14" s="319">
        <v>804518</v>
      </c>
      <c r="T14" s="319">
        <v>2336391</v>
      </c>
      <c r="U14" s="319">
        <v>929573</v>
      </c>
      <c r="V14" s="320">
        <v>6629859</v>
      </c>
      <c r="W14" s="322">
        <v>6788052</v>
      </c>
      <c r="X14" s="318">
        <v>0</v>
      </c>
      <c r="Y14" s="319">
        <v>0</v>
      </c>
      <c r="Z14" s="320">
        <v>0</v>
      </c>
      <c r="AA14" s="318">
        <v>0</v>
      </c>
      <c r="AB14" s="319">
        <v>499981</v>
      </c>
      <c r="AC14" s="319">
        <v>970390</v>
      </c>
      <c r="AD14" s="319">
        <v>234999</v>
      </c>
      <c r="AE14" s="319">
        <v>1099113</v>
      </c>
      <c r="AF14" s="319">
        <v>341422</v>
      </c>
      <c r="AG14" s="320">
        <v>3145905</v>
      </c>
      <c r="AH14" s="322">
        <v>3145905</v>
      </c>
      <c r="AI14" s="318">
        <v>0</v>
      </c>
      <c r="AJ14" s="319">
        <v>0</v>
      </c>
      <c r="AK14" s="320">
        <v>0</v>
      </c>
      <c r="AL14" s="318">
        <v>0</v>
      </c>
      <c r="AM14" s="319">
        <v>11736</v>
      </c>
      <c r="AN14" s="319">
        <v>0</v>
      </c>
      <c r="AO14" s="319">
        <v>0</v>
      </c>
      <c r="AP14" s="319">
        <v>366697</v>
      </c>
      <c r="AQ14" s="319">
        <v>171862</v>
      </c>
      <c r="AR14" s="320">
        <v>550295</v>
      </c>
      <c r="AS14" s="322">
        <v>550295</v>
      </c>
      <c r="AT14" s="318">
        <v>30685</v>
      </c>
      <c r="AU14" s="319">
        <v>22573</v>
      </c>
      <c r="AV14" s="320">
        <v>53258</v>
      </c>
      <c r="AW14" s="318">
        <v>0</v>
      </c>
      <c r="AX14" s="319">
        <v>232693</v>
      </c>
      <c r="AY14" s="319">
        <v>441465</v>
      </c>
      <c r="AZ14" s="319">
        <v>229001</v>
      </c>
      <c r="BA14" s="319">
        <v>392666</v>
      </c>
      <c r="BB14" s="319">
        <v>204346</v>
      </c>
      <c r="BC14" s="320">
        <v>1500171</v>
      </c>
      <c r="BD14" s="322">
        <v>1553429</v>
      </c>
      <c r="BE14" s="318">
        <v>0</v>
      </c>
      <c r="BF14" s="319">
        <v>41606</v>
      </c>
      <c r="BG14" s="323">
        <v>41606</v>
      </c>
      <c r="BH14" s="324">
        <v>0</v>
      </c>
      <c r="BI14" s="319">
        <v>0</v>
      </c>
      <c r="BJ14" s="319">
        <v>129426</v>
      </c>
      <c r="BK14" s="319">
        <v>183200</v>
      </c>
      <c r="BL14" s="319">
        <v>61296</v>
      </c>
      <c r="BM14" s="319">
        <v>-17958</v>
      </c>
      <c r="BN14" s="320">
        <v>355964</v>
      </c>
      <c r="BO14" s="322">
        <v>397570</v>
      </c>
      <c r="BP14" s="318">
        <v>50757</v>
      </c>
      <c r="BQ14" s="319">
        <v>12572</v>
      </c>
      <c r="BR14" s="320">
        <v>63329</v>
      </c>
      <c r="BS14" s="318">
        <v>0</v>
      </c>
      <c r="BT14" s="319">
        <v>77896</v>
      </c>
      <c r="BU14" s="319">
        <v>195790</v>
      </c>
      <c r="BV14" s="319">
        <v>157318</v>
      </c>
      <c r="BW14" s="319">
        <v>416619</v>
      </c>
      <c r="BX14" s="319">
        <v>229901</v>
      </c>
      <c r="BY14" s="320">
        <v>1077524</v>
      </c>
      <c r="BZ14" s="322">
        <v>1140853</v>
      </c>
      <c r="CA14" s="318">
        <v>16822</v>
      </c>
      <c r="CB14" s="319">
        <v>133816</v>
      </c>
      <c r="CC14" s="320">
        <v>150638</v>
      </c>
      <c r="CD14" s="318">
        <v>0</v>
      </c>
      <c r="CE14" s="319">
        <v>1625818</v>
      </c>
      <c r="CF14" s="319">
        <v>1786723</v>
      </c>
      <c r="CG14" s="319">
        <v>624312</v>
      </c>
      <c r="CH14" s="319">
        <v>1390895</v>
      </c>
      <c r="CI14" s="319">
        <v>104622</v>
      </c>
      <c r="CJ14" s="320">
        <v>5532370</v>
      </c>
      <c r="CK14" s="322">
        <v>5683008</v>
      </c>
      <c r="CL14" s="318">
        <v>0</v>
      </c>
      <c r="CM14" s="319">
        <v>0</v>
      </c>
      <c r="CN14" s="320">
        <v>0</v>
      </c>
      <c r="CO14" s="324">
        <v>0</v>
      </c>
      <c r="CP14" s="319">
        <v>918717</v>
      </c>
      <c r="CQ14" s="319">
        <v>1397373</v>
      </c>
      <c r="CR14" s="319">
        <v>366564</v>
      </c>
      <c r="CS14" s="319">
        <v>922121</v>
      </c>
      <c r="CT14" s="319">
        <v>9491</v>
      </c>
      <c r="CU14" s="320">
        <v>3614266</v>
      </c>
      <c r="CV14" s="322">
        <v>3614266</v>
      </c>
      <c r="CW14" s="318">
        <v>16822</v>
      </c>
      <c r="CX14" s="319">
        <v>133816</v>
      </c>
      <c r="CY14" s="320">
        <v>150638</v>
      </c>
      <c r="CZ14" s="318">
        <v>0</v>
      </c>
      <c r="DA14" s="319">
        <v>707101</v>
      </c>
      <c r="DB14" s="319">
        <v>389350</v>
      </c>
      <c r="DC14" s="319">
        <v>257748</v>
      </c>
      <c r="DD14" s="319">
        <v>468774</v>
      </c>
      <c r="DE14" s="319">
        <v>95131</v>
      </c>
      <c r="DF14" s="320">
        <v>1918104</v>
      </c>
      <c r="DG14" s="322">
        <v>2068742</v>
      </c>
      <c r="DH14" s="318">
        <v>0</v>
      </c>
      <c r="DI14" s="319">
        <v>0</v>
      </c>
      <c r="DJ14" s="323">
        <v>0</v>
      </c>
      <c r="DK14" s="324">
        <v>0</v>
      </c>
      <c r="DL14" s="319">
        <v>117730</v>
      </c>
      <c r="DM14" s="319">
        <v>355688</v>
      </c>
      <c r="DN14" s="319">
        <v>147335</v>
      </c>
      <c r="DO14" s="319">
        <v>523990</v>
      </c>
      <c r="DP14" s="319">
        <v>330745</v>
      </c>
      <c r="DQ14" s="320">
        <v>1475488</v>
      </c>
      <c r="DR14" s="322">
        <v>1475488</v>
      </c>
      <c r="DS14" s="318">
        <v>0</v>
      </c>
      <c r="DT14" s="319">
        <v>0</v>
      </c>
      <c r="DU14" s="320">
        <v>0</v>
      </c>
      <c r="DV14" s="318">
        <v>0</v>
      </c>
      <c r="DW14" s="319">
        <v>117730</v>
      </c>
      <c r="DX14" s="319">
        <v>333034</v>
      </c>
      <c r="DY14" s="319">
        <v>147335</v>
      </c>
      <c r="DZ14" s="319">
        <v>523990</v>
      </c>
      <c r="EA14" s="319">
        <v>317576</v>
      </c>
      <c r="EB14" s="320">
        <v>1439665</v>
      </c>
      <c r="EC14" s="322">
        <v>1439665</v>
      </c>
      <c r="ED14" s="318">
        <v>0</v>
      </c>
      <c r="EE14" s="323">
        <v>0</v>
      </c>
      <c r="EF14" s="320">
        <v>0</v>
      </c>
      <c r="EG14" s="318">
        <v>0</v>
      </c>
      <c r="EH14" s="319">
        <v>0</v>
      </c>
      <c r="EI14" s="319">
        <v>22654</v>
      </c>
      <c r="EJ14" s="319">
        <v>0</v>
      </c>
      <c r="EK14" s="319">
        <v>0</v>
      </c>
      <c r="EL14" s="319">
        <v>13169</v>
      </c>
      <c r="EM14" s="323">
        <v>35823</v>
      </c>
      <c r="EN14" s="322">
        <v>35823</v>
      </c>
      <c r="EO14" s="318">
        <v>0</v>
      </c>
      <c r="EP14" s="319">
        <v>0</v>
      </c>
      <c r="EQ14" s="323">
        <v>0</v>
      </c>
      <c r="ER14" s="324">
        <v>0</v>
      </c>
      <c r="ES14" s="319">
        <v>0</v>
      </c>
      <c r="ET14" s="319">
        <v>0</v>
      </c>
      <c r="EU14" s="319">
        <v>0</v>
      </c>
      <c r="EV14" s="319">
        <v>0</v>
      </c>
      <c r="EW14" s="319">
        <v>0</v>
      </c>
      <c r="EX14" s="320">
        <v>0</v>
      </c>
      <c r="EY14" s="322">
        <v>0</v>
      </c>
      <c r="EZ14" s="318">
        <v>0</v>
      </c>
      <c r="FA14" s="319">
        <v>0</v>
      </c>
      <c r="FB14" s="323">
        <v>0</v>
      </c>
      <c r="FC14" s="325"/>
      <c r="FD14" s="319">
        <v>0</v>
      </c>
      <c r="FE14" s="319">
        <v>0</v>
      </c>
      <c r="FF14" s="319">
        <v>0</v>
      </c>
      <c r="FG14" s="319">
        <v>0</v>
      </c>
      <c r="FH14" s="319">
        <v>0</v>
      </c>
      <c r="FI14" s="320">
        <v>0</v>
      </c>
      <c r="FJ14" s="322">
        <v>0</v>
      </c>
      <c r="FK14" s="318">
        <v>153652</v>
      </c>
      <c r="FL14" s="319">
        <v>135359</v>
      </c>
      <c r="FM14" s="320">
        <v>289011</v>
      </c>
      <c r="FN14" s="318">
        <v>0</v>
      </c>
      <c r="FO14" s="319">
        <v>284991</v>
      </c>
      <c r="FP14" s="319">
        <v>718991</v>
      </c>
      <c r="FQ14" s="319">
        <v>258419</v>
      </c>
      <c r="FR14" s="319">
        <v>453740</v>
      </c>
      <c r="FS14" s="319">
        <v>270039</v>
      </c>
      <c r="FT14" s="320">
        <v>1986180</v>
      </c>
      <c r="FU14" s="322">
        <v>2275191</v>
      </c>
      <c r="FV14" s="326">
        <v>31152</v>
      </c>
      <c r="FW14" s="319">
        <v>55307</v>
      </c>
      <c r="FX14" s="323">
        <v>86459</v>
      </c>
      <c r="FY14" s="324">
        <v>0</v>
      </c>
      <c r="FZ14" s="319">
        <v>173859</v>
      </c>
      <c r="GA14" s="319">
        <v>488166</v>
      </c>
      <c r="GB14" s="319">
        <v>246449</v>
      </c>
      <c r="GC14" s="319">
        <v>453740</v>
      </c>
      <c r="GD14" s="319">
        <v>236775</v>
      </c>
      <c r="GE14" s="320">
        <v>1598989</v>
      </c>
      <c r="GF14" s="327">
        <v>1685448</v>
      </c>
      <c r="GG14" s="326">
        <v>0</v>
      </c>
      <c r="GH14" s="319">
        <v>16689</v>
      </c>
      <c r="GI14" s="323">
        <v>16689</v>
      </c>
      <c r="GJ14" s="324">
        <v>0</v>
      </c>
      <c r="GK14" s="319">
        <v>55132</v>
      </c>
      <c r="GL14" s="319">
        <v>17325</v>
      </c>
      <c r="GM14" s="319">
        <v>0</v>
      </c>
      <c r="GN14" s="319">
        <v>0</v>
      </c>
      <c r="GO14" s="319">
        <v>33264</v>
      </c>
      <c r="GP14" s="320">
        <v>105721</v>
      </c>
      <c r="GQ14" s="322">
        <v>122410</v>
      </c>
      <c r="GR14" s="318">
        <v>122500</v>
      </c>
      <c r="GS14" s="319">
        <v>63363</v>
      </c>
      <c r="GT14" s="320">
        <v>185863</v>
      </c>
      <c r="GU14" s="318">
        <v>0</v>
      </c>
      <c r="GV14" s="319">
        <v>56000</v>
      </c>
      <c r="GW14" s="319">
        <v>213500</v>
      </c>
      <c r="GX14" s="319">
        <v>11970</v>
      </c>
      <c r="GY14" s="319">
        <v>0</v>
      </c>
      <c r="GZ14" s="319">
        <v>0</v>
      </c>
      <c r="HA14" s="323">
        <v>281470</v>
      </c>
      <c r="HB14" s="322">
        <v>467333</v>
      </c>
      <c r="HC14" s="318">
        <v>189053</v>
      </c>
      <c r="HD14" s="319">
        <v>0</v>
      </c>
      <c r="HE14" s="323">
        <v>189053</v>
      </c>
      <c r="HF14" s="324">
        <v>0</v>
      </c>
      <c r="HG14" s="319">
        <v>1204568</v>
      </c>
      <c r="HH14" s="319">
        <v>1001512</v>
      </c>
      <c r="HI14" s="319">
        <v>1481927</v>
      </c>
      <c r="HJ14" s="319">
        <v>1401241</v>
      </c>
      <c r="HK14" s="319">
        <v>1796567</v>
      </c>
      <c r="HL14" s="320">
        <v>6885815</v>
      </c>
      <c r="HM14" s="321">
        <v>7074868</v>
      </c>
      <c r="HN14" s="411"/>
      <c r="HO14" s="411"/>
      <c r="HP14" s="411"/>
      <c r="HQ14" s="411"/>
      <c r="HR14" s="411"/>
      <c r="HS14" s="411"/>
      <c r="HT14" s="411"/>
      <c r="HU14" s="411"/>
      <c r="HV14" s="411"/>
      <c r="HW14" s="411"/>
      <c r="HX14" s="424"/>
      <c r="HY14" s="330">
        <v>0</v>
      </c>
      <c r="HZ14" s="329">
        <v>0</v>
      </c>
      <c r="IA14" s="330">
        <v>0</v>
      </c>
      <c r="IB14" s="331">
        <v>0</v>
      </c>
      <c r="IC14" s="332">
        <v>1042354</v>
      </c>
      <c r="ID14" s="333">
        <v>1911408</v>
      </c>
      <c r="IE14" s="334">
        <v>808752</v>
      </c>
      <c r="IF14" s="332">
        <v>2781614</v>
      </c>
      <c r="IG14" s="334">
        <v>474720</v>
      </c>
      <c r="IH14" s="335">
        <v>7018848</v>
      </c>
      <c r="II14" s="336">
        <v>7018848</v>
      </c>
      <c r="IJ14" s="337">
        <v>0</v>
      </c>
      <c r="IK14" s="338">
        <v>0</v>
      </c>
      <c r="IL14" s="339">
        <v>0</v>
      </c>
      <c r="IM14" s="411"/>
      <c r="IN14" s="341">
        <v>0</v>
      </c>
      <c r="IO14" s="341">
        <v>122124</v>
      </c>
      <c r="IP14" s="341">
        <v>0</v>
      </c>
      <c r="IQ14" s="341">
        <v>210558</v>
      </c>
      <c r="IR14" s="341">
        <v>0</v>
      </c>
      <c r="IS14" s="342">
        <v>332682</v>
      </c>
      <c r="IT14" s="343">
        <v>332682</v>
      </c>
      <c r="IU14" s="344">
        <v>0</v>
      </c>
      <c r="IV14" s="341">
        <v>0</v>
      </c>
      <c r="IW14" s="345">
        <v>0</v>
      </c>
      <c r="IX14" s="411"/>
      <c r="IY14" s="341">
        <v>0</v>
      </c>
      <c r="IZ14" s="341">
        <v>0</v>
      </c>
      <c r="JA14" s="341">
        <v>0</v>
      </c>
      <c r="JB14" s="341">
        <v>0</v>
      </c>
      <c r="JC14" s="341">
        <v>0</v>
      </c>
      <c r="JD14" s="345">
        <v>0</v>
      </c>
      <c r="JE14" s="347">
        <v>0</v>
      </c>
      <c r="JF14" s="344">
        <v>0</v>
      </c>
      <c r="JG14" s="341">
        <v>0</v>
      </c>
      <c r="JH14" s="342">
        <v>0</v>
      </c>
      <c r="JI14" s="348">
        <v>0</v>
      </c>
      <c r="JJ14" s="341">
        <v>854408</v>
      </c>
      <c r="JK14" s="341">
        <v>1080351</v>
      </c>
      <c r="JL14" s="341">
        <v>595326</v>
      </c>
      <c r="JM14" s="341">
        <v>246906</v>
      </c>
      <c r="JN14" s="341">
        <v>42807</v>
      </c>
      <c r="JO14" s="345">
        <v>2819798</v>
      </c>
      <c r="JP14" s="343">
        <v>2819798</v>
      </c>
      <c r="JQ14" s="344">
        <v>0</v>
      </c>
      <c r="JR14" s="341">
        <v>0</v>
      </c>
      <c r="JS14" s="342">
        <v>0</v>
      </c>
      <c r="JT14" s="348">
        <v>0</v>
      </c>
      <c r="JU14" s="341">
        <v>0</v>
      </c>
      <c r="JV14" s="341">
        <v>144937</v>
      </c>
      <c r="JW14" s="341">
        <v>0</v>
      </c>
      <c r="JX14" s="341">
        <v>0</v>
      </c>
      <c r="JY14" s="341">
        <v>0</v>
      </c>
      <c r="JZ14" s="345">
        <v>144937</v>
      </c>
      <c r="KA14" s="343">
        <v>144937</v>
      </c>
      <c r="KB14" s="349">
        <v>0</v>
      </c>
      <c r="KC14" s="350">
        <v>0</v>
      </c>
      <c r="KD14" s="345">
        <v>0</v>
      </c>
      <c r="KE14" s="348">
        <v>0</v>
      </c>
      <c r="KF14" s="341">
        <v>187946</v>
      </c>
      <c r="KG14" s="341">
        <v>0</v>
      </c>
      <c r="KH14" s="341">
        <v>213426</v>
      </c>
      <c r="KI14" s="341">
        <v>232154</v>
      </c>
      <c r="KJ14" s="341">
        <v>0</v>
      </c>
      <c r="KK14" s="345">
        <v>633526</v>
      </c>
      <c r="KL14" s="351">
        <v>633526</v>
      </c>
      <c r="KM14" s="337">
        <v>0</v>
      </c>
      <c r="KN14" s="338">
        <v>0</v>
      </c>
      <c r="KO14" s="339">
        <v>0</v>
      </c>
      <c r="KP14" s="340"/>
      <c r="KQ14" s="341">
        <v>0</v>
      </c>
      <c r="KR14" s="341">
        <v>412272</v>
      </c>
      <c r="KS14" s="341">
        <v>0</v>
      </c>
      <c r="KT14" s="341">
        <v>1396645</v>
      </c>
      <c r="KU14" s="341">
        <v>0</v>
      </c>
      <c r="KV14" s="345">
        <v>1808917</v>
      </c>
      <c r="KW14" s="343">
        <v>1808917</v>
      </c>
      <c r="KX14" s="344">
        <v>0</v>
      </c>
      <c r="KY14" s="341">
        <v>0</v>
      </c>
      <c r="KZ14" s="345">
        <v>0</v>
      </c>
      <c r="LA14" s="352"/>
      <c r="LB14" s="341">
        <v>0</v>
      </c>
      <c r="LC14" s="341">
        <v>0</v>
      </c>
      <c r="LD14" s="341">
        <v>0</v>
      </c>
      <c r="LE14" s="341">
        <v>183101</v>
      </c>
      <c r="LF14" s="341">
        <v>175903</v>
      </c>
      <c r="LG14" s="345">
        <v>359004</v>
      </c>
      <c r="LH14" s="347">
        <v>359004</v>
      </c>
      <c r="LI14" s="344">
        <v>0</v>
      </c>
      <c r="LJ14" s="341">
        <v>0</v>
      </c>
      <c r="LK14" s="345">
        <v>0</v>
      </c>
      <c r="LL14" s="352"/>
      <c r="LM14" s="341">
        <v>0</v>
      </c>
      <c r="LN14" s="341">
        <v>0</v>
      </c>
      <c r="LO14" s="341">
        <v>0</v>
      </c>
      <c r="LP14" s="341">
        <v>239449</v>
      </c>
      <c r="LQ14" s="341">
        <v>256010</v>
      </c>
      <c r="LR14" s="345">
        <v>495459</v>
      </c>
      <c r="LS14" s="343">
        <v>495459</v>
      </c>
      <c r="LT14" s="344">
        <v>0</v>
      </c>
      <c r="LU14" s="341">
        <v>0</v>
      </c>
      <c r="LV14" s="345">
        <v>0</v>
      </c>
      <c r="LW14" s="352"/>
      <c r="LX14" s="341">
        <v>0</v>
      </c>
      <c r="LY14" s="341">
        <v>151724</v>
      </c>
      <c r="LZ14" s="341">
        <v>0</v>
      </c>
      <c r="MA14" s="341">
        <v>272801</v>
      </c>
      <c r="MB14" s="341">
        <v>0</v>
      </c>
      <c r="MC14" s="345">
        <v>424525</v>
      </c>
      <c r="MD14" s="347">
        <v>424525</v>
      </c>
      <c r="ME14" s="344">
        <v>0</v>
      </c>
      <c r="MF14" s="341">
        <v>0</v>
      </c>
      <c r="MG14" s="345">
        <v>0</v>
      </c>
      <c r="MH14" s="352"/>
      <c r="MI14" s="341">
        <v>0</v>
      </c>
      <c r="MJ14" s="341">
        <v>662326</v>
      </c>
      <c r="MK14" s="341">
        <v>1050094</v>
      </c>
      <c r="ML14" s="341">
        <v>3593433</v>
      </c>
      <c r="MM14" s="341">
        <v>1447369</v>
      </c>
      <c r="MN14" s="345">
        <v>6753222</v>
      </c>
      <c r="MO14" s="351">
        <v>6753222</v>
      </c>
      <c r="MP14" s="344">
        <v>0</v>
      </c>
      <c r="MQ14" s="341">
        <v>0</v>
      </c>
      <c r="MR14" s="345">
        <v>0</v>
      </c>
      <c r="MS14" s="352"/>
      <c r="MT14" s="341">
        <v>0</v>
      </c>
      <c r="MU14" s="341">
        <v>180350</v>
      </c>
      <c r="MV14" s="341">
        <v>191060</v>
      </c>
      <c r="MW14" s="341">
        <v>2122995</v>
      </c>
      <c r="MX14" s="341">
        <v>1194081</v>
      </c>
      <c r="MY14" s="345">
        <v>3688486</v>
      </c>
      <c r="MZ14" s="351">
        <v>3688486</v>
      </c>
      <c r="NA14" s="344">
        <v>0</v>
      </c>
      <c r="NB14" s="341">
        <v>0</v>
      </c>
      <c r="NC14" s="345">
        <v>0</v>
      </c>
      <c r="ND14" s="352"/>
      <c r="NE14" s="341">
        <v>0</v>
      </c>
      <c r="NF14" s="341">
        <v>481976</v>
      </c>
      <c r="NG14" s="341">
        <v>859034</v>
      </c>
      <c r="NH14" s="341">
        <v>1470438</v>
      </c>
      <c r="NI14" s="341">
        <v>253288</v>
      </c>
      <c r="NJ14" s="345">
        <v>3064736</v>
      </c>
      <c r="NK14" s="343">
        <v>3064736</v>
      </c>
      <c r="NL14" s="344">
        <v>0</v>
      </c>
      <c r="NM14" s="341">
        <v>0</v>
      </c>
      <c r="NN14" s="345">
        <v>0</v>
      </c>
      <c r="NO14" s="352"/>
      <c r="NP14" s="341">
        <v>0</v>
      </c>
      <c r="NQ14" s="341">
        <v>0</v>
      </c>
      <c r="NR14" s="341">
        <v>0</v>
      </c>
      <c r="NS14" s="341">
        <v>0</v>
      </c>
      <c r="NT14" s="341">
        <v>0</v>
      </c>
      <c r="NU14" s="345">
        <v>0</v>
      </c>
      <c r="NV14" s="347">
        <v>0</v>
      </c>
      <c r="NW14" s="344">
        <v>0</v>
      </c>
      <c r="NX14" s="341">
        <v>0</v>
      </c>
      <c r="NY14" s="345">
        <v>0</v>
      </c>
      <c r="NZ14" s="352"/>
      <c r="OA14" s="341">
        <v>0</v>
      </c>
      <c r="OB14" s="341">
        <v>0</v>
      </c>
      <c r="OC14" s="341">
        <v>0</v>
      </c>
      <c r="OD14" s="341">
        <v>0</v>
      </c>
      <c r="OE14" s="341">
        <v>0</v>
      </c>
      <c r="OF14" s="345">
        <v>0</v>
      </c>
      <c r="OG14" s="347">
        <v>0</v>
      </c>
      <c r="OH14" s="344">
        <v>440969</v>
      </c>
      <c r="OI14" s="341">
        <v>345926</v>
      </c>
      <c r="OJ14" s="342">
        <v>786895</v>
      </c>
      <c r="OK14" s="348">
        <v>0</v>
      </c>
      <c r="OL14" s="341">
        <v>5097767</v>
      </c>
      <c r="OM14" s="341">
        <v>8173719</v>
      </c>
      <c r="ON14" s="341">
        <v>5175357</v>
      </c>
      <c r="OO14" s="341">
        <v>12481304</v>
      </c>
      <c r="OP14" s="341">
        <v>5353635</v>
      </c>
      <c r="OQ14" s="345">
        <v>36281782</v>
      </c>
      <c r="OR14" s="351">
        <v>37068677</v>
      </c>
    </row>
    <row r="15" spans="1:408" ht="20.25" customHeight="1" x14ac:dyDescent="0.2">
      <c r="A15" s="111" t="s">
        <v>9</v>
      </c>
      <c r="B15" s="318">
        <v>1457163</v>
      </c>
      <c r="C15" s="319">
        <v>1246205</v>
      </c>
      <c r="D15" s="320">
        <v>2703368</v>
      </c>
      <c r="E15" s="324">
        <v>0</v>
      </c>
      <c r="F15" s="319">
        <v>10829812</v>
      </c>
      <c r="G15" s="319">
        <v>11926252</v>
      </c>
      <c r="H15" s="319">
        <v>11518069</v>
      </c>
      <c r="I15" s="319">
        <v>14742654</v>
      </c>
      <c r="J15" s="319">
        <v>13620352</v>
      </c>
      <c r="K15" s="321">
        <v>62637139</v>
      </c>
      <c r="L15" s="322">
        <v>65340507</v>
      </c>
      <c r="M15" s="318">
        <v>298702</v>
      </c>
      <c r="N15" s="319">
        <v>197767</v>
      </c>
      <c r="O15" s="320">
        <v>496469</v>
      </c>
      <c r="P15" s="318">
        <v>0</v>
      </c>
      <c r="Q15" s="319">
        <v>4381488</v>
      </c>
      <c r="R15" s="319">
        <v>4284654</v>
      </c>
      <c r="S15" s="319">
        <v>4585110</v>
      </c>
      <c r="T15" s="319">
        <v>6937978</v>
      </c>
      <c r="U15" s="319">
        <v>7725421</v>
      </c>
      <c r="V15" s="320">
        <v>27914651</v>
      </c>
      <c r="W15" s="322">
        <v>28411120</v>
      </c>
      <c r="X15" s="318">
        <v>0</v>
      </c>
      <c r="Y15" s="319">
        <v>0</v>
      </c>
      <c r="Z15" s="320">
        <v>0</v>
      </c>
      <c r="AA15" s="318">
        <v>0</v>
      </c>
      <c r="AB15" s="319">
        <v>1758908</v>
      </c>
      <c r="AC15" s="319">
        <v>2081182</v>
      </c>
      <c r="AD15" s="319">
        <v>2484245</v>
      </c>
      <c r="AE15" s="319">
        <v>4338240</v>
      </c>
      <c r="AF15" s="319">
        <v>4854115</v>
      </c>
      <c r="AG15" s="320">
        <v>15516690</v>
      </c>
      <c r="AH15" s="322">
        <v>15516690</v>
      </c>
      <c r="AI15" s="318">
        <v>0</v>
      </c>
      <c r="AJ15" s="319">
        <v>0</v>
      </c>
      <c r="AK15" s="320">
        <v>0</v>
      </c>
      <c r="AL15" s="318">
        <v>0</v>
      </c>
      <c r="AM15" s="319">
        <v>238862</v>
      </c>
      <c r="AN15" s="319">
        <v>0</v>
      </c>
      <c r="AO15" s="319">
        <v>171506</v>
      </c>
      <c r="AP15" s="319">
        <v>315050</v>
      </c>
      <c r="AQ15" s="319">
        <v>979895</v>
      </c>
      <c r="AR15" s="320">
        <v>1705313</v>
      </c>
      <c r="AS15" s="322">
        <v>1705313</v>
      </c>
      <c r="AT15" s="318">
        <v>103530</v>
      </c>
      <c r="AU15" s="319">
        <v>154178</v>
      </c>
      <c r="AV15" s="320">
        <v>257708</v>
      </c>
      <c r="AW15" s="318">
        <v>0</v>
      </c>
      <c r="AX15" s="319">
        <v>1600529</v>
      </c>
      <c r="AY15" s="319">
        <v>1086878</v>
      </c>
      <c r="AZ15" s="319">
        <v>1106347</v>
      </c>
      <c r="BA15" s="319">
        <v>1145984</v>
      </c>
      <c r="BB15" s="319">
        <v>890101</v>
      </c>
      <c r="BC15" s="320">
        <v>5829839</v>
      </c>
      <c r="BD15" s="322">
        <v>6087547</v>
      </c>
      <c r="BE15" s="318">
        <v>18618</v>
      </c>
      <c r="BF15" s="319">
        <v>0</v>
      </c>
      <c r="BG15" s="323">
        <v>18618</v>
      </c>
      <c r="BH15" s="324">
        <v>0</v>
      </c>
      <c r="BI15" s="319">
        <v>309016</v>
      </c>
      <c r="BJ15" s="319">
        <v>450474</v>
      </c>
      <c r="BK15" s="319">
        <v>155093</v>
      </c>
      <c r="BL15" s="319">
        <v>286342</v>
      </c>
      <c r="BM15" s="319">
        <v>335134</v>
      </c>
      <c r="BN15" s="320">
        <v>1536059</v>
      </c>
      <c r="BO15" s="322">
        <v>1554677</v>
      </c>
      <c r="BP15" s="318">
        <v>176554</v>
      </c>
      <c r="BQ15" s="319">
        <v>43589</v>
      </c>
      <c r="BR15" s="320">
        <v>220143</v>
      </c>
      <c r="BS15" s="318">
        <v>0</v>
      </c>
      <c r="BT15" s="319">
        <v>474173</v>
      </c>
      <c r="BU15" s="319">
        <v>666120</v>
      </c>
      <c r="BV15" s="319">
        <v>667919</v>
      </c>
      <c r="BW15" s="319">
        <v>852362</v>
      </c>
      <c r="BX15" s="319">
        <v>666176</v>
      </c>
      <c r="BY15" s="320">
        <v>3326750</v>
      </c>
      <c r="BZ15" s="322">
        <v>3546893</v>
      </c>
      <c r="CA15" s="318">
        <v>53876</v>
      </c>
      <c r="CB15" s="319">
        <v>231372</v>
      </c>
      <c r="CC15" s="320">
        <v>285248</v>
      </c>
      <c r="CD15" s="318">
        <v>0</v>
      </c>
      <c r="CE15" s="319">
        <v>2087830</v>
      </c>
      <c r="CF15" s="319">
        <v>2762805</v>
      </c>
      <c r="CG15" s="319">
        <v>1970768</v>
      </c>
      <c r="CH15" s="319">
        <v>1477045</v>
      </c>
      <c r="CI15" s="319">
        <v>565589</v>
      </c>
      <c r="CJ15" s="320">
        <v>8864037</v>
      </c>
      <c r="CK15" s="322">
        <v>9149285</v>
      </c>
      <c r="CL15" s="318">
        <v>0</v>
      </c>
      <c r="CM15" s="319">
        <v>0</v>
      </c>
      <c r="CN15" s="320">
        <v>0</v>
      </c>
      <c r="CO15" s="324">
        <v>0</v>
      </c>
      <c r="CP15" s="319">
        <v>1712752</v>
      </c>
      <c r="CQ15" s="319">
        <v>1955071</v>
      </c>
      <c r="CR15" s="319">
        <v>1501838</v>
      </c>
      <c r="CS15" s="319">
        <v>843319</v>
      </c>
      <c r="CT15" s="319">
        <v>510469</v>
      </c>
      <c r="CU15" s="320">
        <v>6523449</v>
      </c>
      <c r="CV15" s="322">
        <v>6523449</v>
      </c>
      <c r="CW15" s="318">
        <v>53876</v>
      </c>
      <c r="CX15" s="319">
        <v>231372</v>
      </c>
      <c r="CY15" s="320">
        <v>285248</v>
      </c>
      <c r="CZ15" s="318">
        <v>0</v>
      </c>
      <c r="DA15" s="319">
        <v>375078</v>
      </c>
      <c r="DB15" s="319">
        <v>807734</v>
      </c>
      <c r="DC15" s="319">
        <v>468930</v>
      </c>
      <c r="DD15" s="319">
        <v>633726</v>
      </c>
      <c r="DE15" s="319">
        <v>55120</v>
      </c>
      <c r="DF15" s="320">
        <v>2340588</v>
      </c>
      <c r="DG15" s="322">
        <v>2625836</v>
      </c>
      <c r="DH15" s="318">
        <v>0</v>
      </c>
      <c r="DI15" s="319">
        <v>0</v>
      </c>
      <c r="DJ15" s="323">
        <v>0</v>
      </c>
      <c r="DK15" s="324">
        <v>0</v>
      </c>
      <c r="DL15" s="319">
        <v>155496</v>
      </c>
      <c r="DM15" s="319">
        <v>425678</v>
      </c>
      <c r="DN15" s="319">
        <v>963764</v>
      </c>
      <c r="DO15" s="319">
        <v>613113</v>
      </c>
      <c r="DP15" s="319">
        <v>646107</v>
      </c>
      <c r="DQ15" s="320">
        <v>2804158</v>
      </c>
      <c r="DR15" s="322">
        <v>2804158</v>
      </c>
      <c r="DS15" s="318">
        <v>0</v>
      </c>
      <c r="DT15" s="319">
        <v>0</v>
      </c>
      <c r="DU15" s="320">
        <v>0</v>
      </c>
      <c r="DV15" s="318">
        <v>0</v>
      </c>
      <c r="DW15" s="319">
        <v>155496</v>
      </c>
      <c r="DX15" s="319">
        <v>389704</v>
      </c>
      <c r="DY15" s="319">
        <v>638149</v>
      </c>
      <c r="DZ15" s="319">
        <v>568183</v>
      </c>
      <c r="EA15" s="319">
        <v>514383</v>
      </c>
      <c r="EB15" s="320">
        <v>2265915</v>
      </c>
      <c r="EC15" s="322">
        <v>2265915</v>
      </c>
      <c r="ED15" s="318">
        <v>0</v>
      </c>
      <c r="EE15" s="323">
        <v>0</v>
      </c>
      <c r="EF15" s="320">
        <v>0</v>
      </c>
      <c r="EG15" s="318">
        <v>0</v>
      </c>
      <c r="EH15" s="319">
        <v>0</v>
      </c>
      <c r="EI15" s="319">
        <v>35974</v>
      </c>
      <c r="EJ15" s="319">
        <v>325615</v>
      </c>
      <c r="EK15" s="319">
        <v>44930</v>
      </c>
      <c r="EL15" s="319">
        <v>131724</v>
      </c>
      <c r="EM15" s="323">
        <v>538243</v>
      </c>
      <c r="EN15" s="322">
        <v>538243</v>
      </c>
      <c r="EO15" s="318">
        <v>0</v>
      </c>
      <c r="EP15" s="319">
        <v>0</v>
      </c>
      <c r="EQ15" s="323">
        <v>0</v>
      </c>
      <c r="ER15" s="324">
        <v>0</v>
      </c>
      <c r="ES15" s="319">
        <v>0</v>
      </c>
      <c r="ET15" s="319">
        <v>0</v>
      </c>
      <c r="EU15" s="319">
        <v>0</v>
      </c>
      <c r="EV15" s="319">
        <v>0</v>
      </c>
      <c r="EW15" s="319">
        <v>0</v>
      </c>
      <c r="EX15" s="320">
        <v>0</v>
      </c>
      <c r="EY15" s="322">
        <v>0</v>
      </c>
      <c r="EZ15" s="318">
        <v>0</v>
      </c>
      <c r="FA15" s="319">
        <v>0</v>
      </c>
      <c r="FB15" s="323">
        <v>0</v>
      </c>
      <c r="FC15" s="325"/>
      <c r="FD15" s="319">
        <v>0</v>
      </c>
      <c r="FE15" s="319">
        <v>0</v>
      </c>
      <c r="FF15" s="319">
        <v>0</v>
      </c>
      <c r="FG15" s="319">
        <v>0</v>
      </c>
      <c r="FH15" s="319">
        <v>0</v>
      </c>
      <c r="FI15" s="320">
        <v>0</v>
      </c>
      <c r="FJ15" s="322">
        <v>0</v>
      </c>
      <c r="FK15" s="318">
        <v>430157</v>
      </c>
      <c r="FL15" s="319">
        <v>334386</v>
      </c>
      <c r="FM15" s="320">
        <v>764543</v>
      </c>
      <c r="FN15" s="318">
        <v>0</v>
      </c>
      <c r="FO15" s="319">
        <v>988008</v>
      </c>
      <c r="FP15" s="319">
        <v>1236221</v>
      </c>
      <c r="FQ15" s="319">
        <v>926760</v>
      </c>
      <c r="FR15" s="319">
        <v>1089172</v>
      </c>
      <c r="FS15" s="319">
        <v>1056335</v>
      </c>
      <c r="FT15" s="320">
        <v>5296496</v>
      </c>
      <c r="FU15" s="322">
        <v>6061039</v>
      </c>
      <c r="FV15" s="326">
        <v>139909</v>
      </c>
      <c r="FW15" s="319">
        <v>230034</v>
      </c>
      <c r="FX15" s="323">
        <v>369943</v>
      </c>
      <c r="FY15" s="324">
        <v>0</v>
      </c>
      <c r="FZ15" s="319">
        <v>542087</v>
      </c>
      <c r="GA15" s="319">
        <v>1077657</v>
      </c>
      <c r="GB15" s="319">
        <v>903260</v>
      </c>
      <c r="GC15" s="319">
        <v>1002302</v>
      </c>
      <c r="GD15" s="319">
        <v>1056335</v>
      </c>
      <c r="GE15" s="320">
        <v>4581641</v>
      </c>
      <c r="GF15" s="327">
        <v>4951584</v>
      </c>
      <c r="GG15" s="326">
        <v>11088</v>
      </c>
      <c r="GH15" s="319">
        <v>6352</v>
      </c>
      <c r="GI15" s="323">
        <v>17440</v>
      </c>
      <c r="GJ15" s="324">
        <v>0</v>
      </c>
      <c r="GK15" s="319">
        <v>67221</v>
      </c>
      <c r="GL15" s="319">
        <v>22064</v>
      </c>
      <c r="GM15" s="319">
        <v>6300</v>
      </c>
      <c r="GN15" s="319">
        <v>62370</v>
      </c>
      <c r="GO15" s="319">
        <v>0</v>
      </c>
      <c r="GP15" s="320">
        <v>157955</v>
      </c>
      <c r="GQ15" s="322">
        <v>175395</v>
      </c>
      <c r="GR15" s="318">
        <v>279160</v>
      </c>
      <c r="GS15" s="319">
        <v>98000</v>
      </c>
      <c r="GT15" s="320">
        <v>377160</v>
      </c>
      <c r="GU15" s="318">
        <v>0</v>
      </c>
      <c r="GV15" s="319">
        <v>378700</v>
      </c>
      <c r="GW15" s="319">
        <v>136500</v>
      </c>
      <c r="GX15" s="319">
        <v>17200</v>
      </c>
      <c r="GY15" s="319">
        <v>24500</v>
      </c>
      <c r="GZ15" s="319">
        <v>0</v>
      </c>
      <c r="HA15" s="323">
        <v>556900</v>
      </c>
      <c r="HB15" s="322">
        <v>934060</v>
      </c>
      <c r="HC15" s="318">
        <v>674428</v>
      </c>
      <c r="HD15" s="319">
        <v>482680</v>
      </c>
      <c r="HE15" s="323">
        <v>1157108</v>
      </c>
      <c r="HF15" s="324">
        <v>0</v>
      </c>
      <c r="HG15" s="319">
        <v>3216990</v>
      </c>
      <c r="HH15" s="319">
        <v>3216894</v>
      </c>
      <c r="HI15" s="319">
        <v>3071667</v>
      </c>
      <c r="HJ15" s="319">
        <v>4625346</v>
      </c>
      <c r="HK15" s="319">
        <v>3626900</v>
      </c>
      <c r="HL15" s="320">
        <v>17757797</v>
      </c>
      <c r="HM15" s="321">
        <v>18914905</v>
      </c>
      <c r="HN15" s="411"/>
      <c r="HO15" s="411"/>
      <c r="HP15" s="411"/>
      <c r="HQ15" s="411"/>
      <c r="HR15" s="411"/>
      <c r="HS15" s="411"/>
      <c r="HT15" s="411"/>
      <c r="HU15" s="411"/>
      <c r="HV15" s="411"/>
      <c r="HW15" s="411"/>
      <c r="HX15" s="424"/>
      <c r="HY15" s="296">
        <v>37821</v>
      </c>
      <c r="HZ15" s="356">
        <v>70078</v>
      </c>
      <c r="IA15" s="296">
        <v>107899</v>
      </c>
      <c r="IB15" s="353">
        <v>0</v>
      </c>
      <c r="IC15" s="329">
        <v>1313189</v>
      </c>
      <c r="ID15" s="354">
        <v>3474307</v>
      </c>
      <c r="IE15" s="330">
        <v>3582370</v>
      </c>
      <c r="IF15" s="329">
        <v>3684245</v>
      </c>
      <c r="IG15" s="330">
        <v>1368610</v>
      </c>
      <c r="IH15" s="355">
        <v>13422721</v>
      </c>
      <c r="II15" s="301">
        <v>13530620</v>
      </c>
      <c r="IJ15" s="337">
        <v>0</v>
      </c>
      <c r="IK15" s="338">
        <v>0</v>
      </c>
      <c r="IL15" s="339">
        <v>0</v>
      </c>
      <c r="IM15" s="411"/>
      <c r="IN15" s="341">
        <v>0</v>
      </c>
      <c r="IO15" s="341">
        <v>101846</v>
      </c>
      <c r="IP15" s="341">
        <v>0</v>
      </c>
      <c r="IQ15" s="341">
        <v>823272</v>
      </c>
      <c r="IR15" s="341">
        <v>273082</v>
      </c>
      <c r="IS15" s="342">
        <v>1198200</v>
      </c>
      <c r="IT15" s="343">
        <v>1198200</v>
      </c>
      <c r="IU15" s="344">
        <v>0</v>
      </c>
      <c r="IV15" s="341">
        <v>0</v>
      </c>
      <c r="IW15" s="345">
        <v>0</v>
      </c>
      <c r="IX15" s="411"/>
      <c r="IY15" s="341">
        <v>0</v>
      </c>
      <c r="IZ15" s="341">
        <v>0</v>
      </c>
      <c r="JA15" s="341">
        <v>0</v>
      </c>
      <c r="JB15" s="341">
        <v>0</v>
      </c>
      <c r="JC15" s="341">
        <v>0</v>
      </c>
      <c r="JD15" s="345">
        <v>0</v>
      </c>
      <c r="JE15" s="347">
        <v>0</v>
      </c>
      <c r="JF15" s="344">
        <v>0</v>
      </c>
      <c r="JG15" s="341">
        <v>0</v>
      </c>
      <c r="JH15" s="342">
        <v>0</v>
      </c>
      <c r="JI15" s="348">
        <v>0</v>
      </c>
      <c r="JJ15" s="341">
        <v>995275</v>
      </c>
      <c r="JK15" s="341">
        <v>1382234</v>
      </c>
      <c r="JL15" s="341">
        <v>1050108</v>
      </c>
      <c r="JM15" s="341">
        <v>717185</v>
      </c>
      <c r="JN15" s="341">
        <v>73338</v>
      </c>
      <c r="JO15" s="345">
        <v>4218140</v>
      </c>
      <c r="JP15" s="343">
        <v>4218140</v>
      </c>
      <c r="JQ15" s="344">
        <v>0</v>
      </c>
      <c r="JR15" s="341">
        <v>0</v>
      </c>
      <c r="JS15" s="342">
        <v>0</v>
      </c>
      <c r="JT15" s="348">
        <v>0</v>
      </c>
      <c r="JU15" s="341">
        <v>90099</v>
      </c>
      <c r="JV15" s="341">
        <v>0</v>
      </c>
      <c r="JW15" s="341">
        <v>240990</v>
      </c>
      <c r="JX15" s="341">
        <v>0</v>
      </c>
      <c r="JY15" s="341">
        <v>0</v>
      </c>
      <c r="JZ15" s="345">
        <v>331089</v>
      </c>
      <c r="KA15" s="343">
        <v>331089</v>
      </c>
      <c r="KB15" s="349">
        <v>37821</v>
      </c>
      <c r="KC15" s="350">
        <v>70078</v>
      </c>
      <c r="KD15" s="345">
        <v>107899</v>
      </c>
      <c r="KE15" s="348">
        <v>0</v>
      </c>
      <c r="KF15" s="341">
        <v>227815</v>
      </c>
      <c r="KG15" s="341">
        <v>472861</v>
      </c>
      <c r="KH15" s="341">
        <v>605887</v>
      </c>
      <c r="KI15" s="341">
        <v>791689</v>
      </c>
      <c r="KJ15" s="341">
        <v>243509</v>
      </c>
      <c r="KK15" s="345">
        <v>2341761</v>
      </c>
      <c r="KL15" s="351">
        <v>2449660</v>
      </c>
      <c r="KM15" s="337">
        <v>0</v>
      </c>
      <c r="KN15" s="338">
        <v>0</v>
      </c>
      <c r="KO15" s="339">
        <v>0</v>
      </c>
      <c r="KP15" s="340"/>
      <c r="KQ15" s="341">
        <v>0</v>
      </c>
      <c r="KR15" s="341">
        <v>1049889</v>
      </c>
      <c r="KS15" s="341">
        <v>1248532</v>
      </c>
      <c r="KT15" s="341">
        <v>664067</v>
      </c>
      <c r="KU15" s="341">
        <v>224914</v>
      </c>
      <c r="KV15" s="345">
        <v>3187402</v>
      </c>
      <c r="KW15" s="343">
        <v>3187402</v>
      </c>
      <c r="KX15" s="344">
        <v>0</v>
      </c>
      <c r="KY15" s="341">
        <v>0</v>
      </c>
      <c r="KZ15" s="345">
        <v>0</v>
      </c>
      <c r="LA15" s="352"/>
      <c r="LB15" s="341">
        <v>0</v>
      </c>
      <c r="LC15" s="341">
        <v>305722</v>
      </c>
      <c r="LD15" s="341">
        <v>0</v>
      </c>
      <c r="LE15" s="341">
        <v>185987</v>
      </c>
      <c r="LF15" s="341">
        <v>0</v>
      </c>
      <c r="LG15" s="345">
        <v>491709</v>
      </c>
      <c r="LH15" s="347">
        <v>491709</v>
      </c>
      <c r="LI15" s="344">
        <v>0</v>
      </c>
      <c r="LJ15" s="341">
        <v>0</v>
      </c>
      <c r="LK15" s="345">
        <v>0</v>
      </c>
      <c r="LL15" s="352"/>
      <c r="LM15" s="341">
        <v>0</v>
      </c>
      <c r="LN15" s="341">
        <v>0</v>
      </c>
      <c r="LO15" s="341">
        <v>0</v>
      </c>
      <c r="LP15" s="341">
        <v>0</v>
      </c>
      <c r="LQ15" s="341">
        <v>0</v>
      </c>
      <c r="LR15" s="345">
        <v>0</v>
      </c>
      <c r="LS15" s="343">
        <v>0</v>
      </c>
      <c r="LT15" s="344">
        <v>0</v>
      </c>
      <c r="LU15" s="341">
        <v>0</v>
      </c>
      <c r="LV15" s="345">
        <v>0</v>
      </c>
      <c r="LW15" s="352"/>
      <c r="LX15" s="341">
        <v>0</v>
      </c>
      <c r="LY15" s="341">
        <v>161755</v>
      </c>
      <c r="LZ15" s="341">
        <v>436853</v>
      </c>
      <c r="MA15" s="341">
        <v>502045</v>
      </c>
      <c r="MB15" s="341">
        <v>553767</v>
      </c>
      <c r="MC15" s="345">
        <v>1654420</v>
      </c>
      <c r="MD15" s="347">
        <v>1654420</v>
      </c>
      <c r="ME15" s="344">
        <v>0</v>
      </c>
      <c r="MF15" s="341">
        <v>0</v>
      </c>
      <c r="MG15" s="345">
        <v>0</v>
      </c>
      <c r="MH15" s="352"/>
      <c r="MI15" s="341">
        <v>923722</v>
      </c>
      <c r="MJ15" s="341">
        <v>683490</v>
      </c>
      <c r="MK15" s="341">
        <v>3128323</v>
      </c>
      <c r="ML15" s="341">
        <v>5948810</v>
      </c>
      <c r="MM15" s="341">
        <v>5973230</v>
      </c>
      <c r="MN15" s="345">
        <v>16657575</v>
      </c>
      <c r="MO15" s="351">
        <v>16657575</v>
      </c>
      <c r="MP15" s="344">
        <v>0</v>
      </c>
      <c r="MQ15" s="341">
        <v>0</v>
      </c>
      <c r="MR15" s="345">
        <v>0</v>
      </c>
      <c r="MS15" s="352"/>
      <c r="MT15" s="341">
        <v>0</v>
      </c>
      <c r="MU15" s="341">
        <v>0</v>
      </c>
      <c r="MV15" s="341">
        <v>1111444</v>
      </c>
      <c r="MW15" s="341">
        <v>4275741</v>
      </c>
      <c r="MX15" s="341">
        <v>4026644</v>
      </c>
      <c r="MY15" s="345">
        <v>9413829</v>
      </c>
      <c r="MZ15" s="351">
        <v>9413829</v>
      </c>
      <c r="NA15" s="344">
        <v>0</v>
      </c>
      <c r="NB15" s="341">
        <v>0</v>
      </c>
      <c r="NC15" s="345">
        <v>0</v>
      </c>
      <c r="ND15" s="352"/>
      <c r="NE15" s="341">
        <v>923722</v>
      </c>
      <c r="NF15" s="341">
        <v>683490</v>
      </c>
      <c r="NG15" s="341">
        <v>2016879</v>
      </c>
      <c r="NH15" s="341">
        <v>1673069</v>
      </c>
      <c r="NI15" s="341">
        <v>1946586</v>
      </c>
      <c r="NJ15" s="345">
        <v>7243746</v>
      </c>
      <c r="NK15" s="343">
        <v>7243746</v>
      </c>
      <c r="NL15" s="344">
        <v>0</v>
      </c>
      <c r="NM15" s="341">
        <v>0</v>
      </c>
      <c r="NN15" s="345">
        <v>0</v>
      </c>
      <c r="NO15" s="352"/>
      <c r="NP15" s="341">
        <v>0</v>
      </c>
      <c r="NQ15" s="341">
        <v>0</v>
      </c>
      <c r="NR15" s="341">
        <v>0</v>
      </c>
      <c r="NS15" s="341">
        <v>0</v>
      </c>
      <c r="NT15" s="341">
        <v>0</v>
      </c>
      <c r="NU15" s="345">
        <v>0</v>
      </c>
      <c r="NV15" s="347">
        <v>0</v>
      </c>
      <c r="NW15" s="344">
        <v>0</v>
      </c>
      <c r="NX15" s="341">
        <v>0</v>
      </c>
      <c r="NY15" s="345">
        <v>0</v>
      </c>
      <c r="NZ15" s="352"/>
      <c r="OA15" s="341">
        <v>0</v>
      </c>
      <c r="OB15" s="341">
        <v>0</v>
      </c>
      <c r="OC15" s="341">
        <v>0</v>
      </c>
      <c r="OD15" s="341">
        <v>0</v>
      </c>
      <c r="OE15" s="341">
        <v>0</v>
      </c>
      <c r="OF15" s="345">
        <v>0</v>
      </c>
      <c r="OG15" s="347">
        <v>0</v>
      </c>
      <c r="OH15" s="344">
        <v>1494984</v>
      </c>
      <c r="OI15" s="341">
        <v>1316283</v>
      </c>
      <c r="OJ15" s="342">
        <v>2811267</v>
      </c>
      <c r="OK15" s="348">
        <v>0</v>
      </c>
      <c r="OL15" s="341">
        <v>13066723</v>
      </c>
      <c r="OM15" s="341">
        <v>16084049</v>
      </c>
      <c r="ON15" s="341">
        <v>18228762</v>
      </c>
      <c r="OO15" s="341">
        <v>24375709</v>
      </c>
      <c r="OP15" s="341">
        <v>20962192</v>
      </c>
      <c r="OQ15" s="345">
        <v>92717435</v>
      </c>
      <c r="OR15" s="351">
        <v>95528702</v>
      </c>
    </row>
    <row r="16" spans="1:408" ht="20.25" customHeight="1" x14ac:dyDescent="0.2">
      <c r="A16" s="111" t="s">
        <v>10</v>
      </c>
      <c r="B16" s="318">
        <v>1366986</v>
      </c>
      <c r="C16" s="319">
        <v>2548637</v>
      </c>
      <c r="D16" s="320">
        <v>3915623</v>
      </c>
      <c r="E16" s="279">
        <v>0</v>
      </c>
      <c r="F16" s="319">
        <v>17784576</v>
      </c>
      <c r="G16" s="319">
        <v>14296196</v>
      </c>
      <c r="H16" s="319">
        <v>12793322</v>
      </c>
      <c r="I16" s="319">
        <v>13302657</v>
      </c>
      <c r="J16" s="319">
        <v>12021513</v>
      </c>
      <c r="K16" s="321">
        <v>70198264</v>
      </c>
      <c r="L16" s="322">
        <v>74113887</v>
      </c>
      <c r="M16" s="318">
        <v>439161</v>
      </c>
      <c r="N16" s="319">
        <v>1154002</v>
      </c>
      <c r="O16" s="320">
        <v>1593163</v>
      </c>
      <c r="P16" s="318">
        <v>0</v>
      </c>
      <c r="Q16" s="319">
        <v>5976513</v>
      </c>
      <c r="R16" s="319">
        <v>4358945</v>
      </c>
      <c r="S16" s="319">
        <v>4823381</v>
      </c>
      <c r="T16" s="319">
        <v>5663013</v>
      </c>
      <c r="U16" s="319">
        <v>5311188</v>
      </c>
      <c r="V16" s="320">
        <v>26133040</v>
      </c>
      <c r="W16" s="322">
        <v>27726203</v>
      </c>
      <c r="X16" s="318">
        <v>0</v>
      </c>
      <c r="Y16" s="319">
        <v>0</v>
      </c>
      <c r="Z16" s="320">
        <v>0</v>
      </c>
      <c r="AA16" s="318">
        <v>0</v>
      </c>
      <c r="AB16" s="319">
        <v>2755913</v>
      </c>
      <c r="AC16" s="319">
        <v>2157283</v>
      </c>
      <c r="AD16" s="319">
        <v>2571559</v>
      </c>
      <c r="AE16" s="319">
        <v>3880592</v>
      </c>
      <c r="AF16" s="319">
        <v>3109215</v>
      </c>
      <c r="AG16" s="320">
        <v>14474562</v>
      </c>
      <c r="AH16" s="322">
        <v>14474562</v>
      </c>
      <c r="AI16" s="318">
        <v>0</v>
      </c>
      <c r="AJ16" s="319">
        <v>0</v>
      </c>
      <c r="AK16" s="320">
        <v>0</v>
      </c>
      <c r="AL16" s="318">
        <v>0</v>
      </c>
      <c r="AM16" s="319">
        <v>124738</v>
      </c>
      <c r="AN16" s="319">
        <v>60453</v>
      </c>
      <c r="AO16" s="319">
        <v>41035</v>
      </c>
      <c r="AP16" s="319">
        <v>11078</v>
      </c>
      <c r="AQ16" s="319">
        <v>532290</v>
      </c>
      <c r="AR16" s="320">
        <v>769594</v>
      </c>
      <c r="AS16" s="322">
        <v>769594</v>
      </c>
      <c r="AT16" s="318">
        <v>195230</v>
      </c>
      <c r="AU16" s="319">
        <v>655033</v>
      </c>
      <c r="AV16" s="320">
        <v>850263</v>
      </c>
      <c r="AW16" s="318">
        <v>0</v>
      </c>
      <c r="AX16" s="319">
        <v>2006469</v>
      </c>
      <c r="AY16" s="319">
        <v>1195086</v>
      </c>
      <c r="AZ16" s="319">
        <v>1060523</v>
      </c>
      <c r="BA16" s="319">
        <v>838375</v>
      </c>
      <c r="BB16" s="319">
        <v>610232</v>
      </c>
      <c r="BC16" s="320">
        <v>5710685</v>
      </c>
      <c r="BD16" s="322">
        <v>6560948</v>
      </c>
      <c r="BE16" s="318">
        <v>64066</v>
      </c>
      <c r="BF16" s="319">
        <v>282564</v>
      </c>
      <c r="BG16" s="323">
        <v>346630</v>
      </c>
      <c r="BH16" s="324">
        <v>0</v>
      </c>
      <c r="BI16" s="319">
        <v>65118</v>
      </c>
      <c r="BJ16" s="319">
        <v>97205</v>
      </c>
      <c r="BK16" s="319">
        <v>181954</v>
      </c>
      <c r="BL16" s="319">
        <v>91764</v>
      </c>
      <c r="BM16" s="319">
        <v>56463</v>
      </c>
      <c r="BN16" s="320">
        <v>492504</v>
      </c>
      <c r="BO16" s="322">
        <v>839134</v>
      </c>
      <c r="BP16" s="318">
        <v>179865</v>
      </c>
      <c r="BQ16" s="319">
        <v>216405</v>
      </c>
      <c r="BR16" s="320">
        <v>396270</v>
      </c>
      <c r="BS16" s="318">
        <v>0</v>
      </c>
      <c r="BT16" s="319">
        <v>1024275</v>
      </c>
      <c r="BU16" s="319">
        <v>848918</v>
      </c>
      <c r="BV16" s="319">
        <v>968310</v>
      </c>
      <c r="BW16" s="319">
        <v>841204</v>
      </c>
      <c r="BX16" s="319">
        <v>1002988</v>
      </c>
      <c r="BY16" s="320">
        <v>4685695</v>
      </c>
      <c r="BZ16" s="322">
        <v>5081965</v>
      </c>
      <c r="CA16" s="318">
        <v>89977</v>
      </c>
      <c r="CB16" s="319">
        <v>67082</v>
      </c>
      <c r="CC16" s="320">
        <v>157059</v>
      </c>
      <c r="CD16" s="318">
        <v>0</v>
      </c>
      <c r="CE16" s="319">
        <v>5954506</v>
      </c>
      <c r="CF16" s="319">
        <v>3802132</v>
      </c>
      <c r="CG16" s="319">
        <v>2107129</v>
      </c>
      <c r="CH16" s="319">
        <v>1512990</v>
      </c>
      <c r="CI16" s="319">
        <v>385108</v>
      </c>
      <c r="CJ16" s="320">
        <v>13761865</v>
      </c>
      <c r="CK16" s="322">
        <v>13918924</v>
      </c>
      <c r="CL16" s="318">
        <v>0</v>
      </c>
      <c r="CM16" s="319">
        <v>0</v>
      </c>
      <c r="CN16" s="320">
        <v>0</v>
      </c>
      <c r="CO16" s="324">
        <v>0</v>
      </c>
      <c r="CP16" s="319">
        <v>5359668</v>
      </c>
      <c r="CQ16" s="319">
        <v>3476757</v>
      </c>
      <c r="CR16" s="319">
        <v>1651160</v>
      </c>
      <c r="CS16" s="319">
        <v>1232423</v>
      </c>
      <c r="CT16" s="319">
        <v>243280</v>
      </c>
      <c r="CU16" s="320">
        <v>11963288</v>
      </c>
      <c r="CV16" s="322">
        <v>11963288</v>
      </c>
      <c r="CW16" s="318">
        <v>89977</v>
      </c>
      <c r="CX16" s="319">
        <v>67082</v>
      </c>
      <c r="CY16" s="320">
        <v>157059</v>
      </c>
      <c r="CZ16" s="318">
        <v>0</v>
      </c>
      <c r="DA16" s="319">
        <v>594838</v>
      </c>
      <c r="DB16" s="319">
        <v>325375</v>
      </c>
      <c r="DC16" s="319">
        <v>455969</v>
      </c>
      <c r="DD16" s="319">
        <v>280567</v>
      </c>
      <c r="DE16" s="319">
        <v>141828</v>
      </c>
      <c r="DF16" s="320">
        <v>1798577</v>
      </c>
      <c r="DG16" s="322">
        <v>1955636</v>
      </c>
      <c r="DH16" s="318">
        <v>128275</v>
      </c>
      <c r="DI16" s="319">
        <v>41233</v>
      </c>
      <c r="DJ16" s="323">
        <v>169508</v>
      </c>
      <c r="DK16" s="324">
        <v>0</v>
      </c>
      <c r="DL16" s="319">
        <v>677878</v>
      </c>
      <c r="DM16" s="319">
        <v>866851</v>
      </c>
      <c r="DN16" s="319">
        <v>1058457</v>
      </c>
      <c r="DO16" s="319">
        <v>864772</v>
      </c>
      <c r="DP16" s="319">
        <v>332526</v>
      </c>
      <c r="DQ16" s="320">
        <v>3800484</v>
      </c>
      <c r="DR16" s="322">
        <v>3969992</v>
      </c>
      <c r="DS16" s="318">
        <v>128275</v>
      </c>
      <c r="DT16" s="319">
        <v>41233</v>
      </c>
      <c r="DU16" s="320">
        <v>169508</v>
      </c>
      <c r="DV16" s="318">
        <v>0</v>
      </c>
      <c r="DW16" s="319">
        <v>677878</v>
      </c>
      <c r="DX16" s="319">
        <v>475069</v>
      </c>
      <c r="DY16" s="319">
        <v>1008103</v>
      </c>
      <c r="DZ16" s="319">
        <v>852533</v>
      </c>
      <c r="EA16" s="319">
        <v>332526</v>
      </c>
      <c r="EB16" s="320">
        <v>3346109</v>
      </c>
      <c r="EC16" s="322">
        <v>3515617</v>
      </c>
      <c r="ED16" s="318">
        <v>0</v>
      </c>
      <c r="EE16" s="323">
        <v>0</v>
      </c>
      <c r="EF16" s="320">
        <v>0</v>
      </c>
      <c r="EG16" s="318">
        <v>0</v>
      </c>
      <c r="EH16" s="319">
        <v>0</v>
      </c>
      <c r="EI16" s="319">
        <v>391782</v>
      </c>
      <c r="EJ16" s="319">
        <v>50354</v>
      </c>
      <c r="EK16" s="319">
        <v>12239</v>
      </c>
      <c r="EL16" s="319">
        <v>0</v>
      </c>
      <c r="EM16" s="323">
        <v>454375</v>
      </c>
      <c r="EN16" s="322">
        <v>454375</v>
      </c>
      <c r="EO16" s="318">
        <v>0</v>
      </c>
      <c r="EP16" s="319">
        <v>0</v>
      </c>
      <c r="EQ16" s="323">
        <v>0</v>
      </c>
      <c r="ER16" s="324">
        <v>0</v>
      </c>
      <c r="ES16" s="319">
        <v>0</v>
      </c>
      <c r="ET16" s="319">
        <v>0</v>
      </c>
      <c r="EU16" s="319">
        <v>0</v>
      </c>
      <c r="EV16" s="319">
        <v>0</v>
      </c>
      <c r="EW16" s="319">
        <v>0</v>
      </c>
      <c r="EX16" s="320">
        <v>0</v>
      </c>
      <c r="EY16" s="322">
        <v>0</v>
      </c>
      <c r="EZ16" s="318">
        <v>0</v>
      </c>
      <c r="FA16" s="319">
        <v>0</v>
      </c>
      <c r="FB16" s="323">
        <v>0</v>
      </c>
      <c r="FC16" s="325"/>
      <c r="FD16" s="319">
        <v>0</v>
      </c>
      <c r="FE16" s="319">
        <v>0</v>
      </c>
      <c r="FF16" s="319">
        <v>0</v>
      </c>
      <c r="FG16" s="319">
        <v>0</v>
      </c>
      <c r="FH16" s="319">
        <v>0</v>
      </c>
      <c r="FI16" s="320">
        <v>0</v>
      </c>
      <c r="FJ16" s="322">
        <v>0</v>
      </c>
      <c r="FK16" s="318">
        <v>218225</v>
      </c>
      <c r="FL16" s="319">
        <v>581560</v>
      </c>
      <c r="FM16" s="320">
        <v>799785</v>
      </c>
      <c r="FN16" s="318">
        <v>0</v>
      </c>
      <c r="FO16" s="319">
        <v>1094436</v>
      </c>
      <c r="FP16" s="319">
        <v>1277336</v>
      </c>
      <c r="FQ16" s="319">
        <v>822318</v>
      </c>
      <c r="FR16" s="319">
        <v>849982</v>
      </c>
      <c r="FS16" s="319">
        <v>726124</v>
      </c>
      <c r="FT16" s="320">
        <v>4770196</v>
      </c>
      <c r="FU16" s="322">
        <v>5569981</v>
      </c>
      <c r="FV16" s="326">
        <v>172725</v>
      </c>
      <c r="FW16" s="319">
        <v>395500</v>
      </c>
      <c r="FX16" s="323">
        <v>568225</v>
      </c>
      <c r="FY16" s="324">
        <v>0</v>
      </c>
      <c r="FZ16" s="319">
        <v>841736</v>
      </c>
      <c r="GA16" s="319">
        <v>1181453</v>
      </c>
      <c r="GB16" s="319">
        <v>739298</v>
      </c>
      <c r="GC16" s="319">
        <v>849982</v>
      </c>
      <c r="GD16" s="319">
        <v>707224</v>
      </c>
      <c r="GE16" s="320">
        <v>4319693</v>
      </c>
      <c r="GF16" s="327">
        <v>4887918</v>
      </c>
      <c r="GG16" s="326">
        <v>0</v>
      </c>
      <c r="GH16" s="319">
        <v>33460</v>
      </c>
      <c r="GI16" s="323">
        <v>33460</v>
      </c>
      <c r="GJ16" s="324">
        <v>0</v>
      </c>
      <c r="GK16" s="319">
        <v>14000</v>
      </c>
      <c r="GL16" s="319">
        <v>32883</v>
      </c>
      <c r="GM16" s="319">
        <v>83020</v>
      </c>
      <c r="GN16" s="319">
        <v>0</v>
      </c>
      <c r="GO16" s="319">
        <v>0</v>
      </c>
      <c r="GP16" s="320">
        <v>129903</v>
      </c>
      <c r="GQ16" s="322">
        <v>163363</v>
      </c>
      <c r="GR16" s="318">
        <v>45500</v>
      </c>
      <c r="GS16" s="319">
        <v>152600</v>
      </c>
      <c r="GT16" s="320">
        <v>198100</v>
      </c>
      <c r="GU16" s="318">
        <v>0</v>
      </c>
      <c r="GV16" s="319">
        <v>238700</v>
      </c>
      <c r="GW16" s="319">
        <v>63000</v>
      </c>
      <c r="GX16" s="319">
        <v>0</v>
      </c>
      <c r="GY16" s="319">
        <v>0</v>
      </c>
      <c r="GZ16" s="319">
        <v>18900</v>
      </c>
      <c r="HA16" s="323">
        <v>320600</v>
      </c>
      <c r="HB16" s="322">
        <v>518700</v>
      </c>
      <c r="HC16" s="318">
        <v>491348</v>
      </c>
      <c r="HD16" s="319">
        <v>704760</v>
      </c>
      <c r="HE16" s="323">
        <v>1196108</v>
      </c>
      <c r="HF16" s="324">
        <v>0</v>
      </c>
      <c r="HG16" s="319">
        <v>4081243</v>
      </c>
      <c r="HH16" s="319">
        <v>3990932</v>
      </c>
      <c r="HI16" s="319">
        <v>3982037</v>
      </c>
      <c r="HJ16" s="319">
        <v>4411900</v>
      </c>
      <c r="HK16" s="319">
        <v>5266567</v>
      </c>
      <c r="HL16" s="320">
        <v>21732679</v>
      </c>
      <c r="HM16" s="321">
        <v>22928787</v>
      </c>
      <c r="HN16" s="411"/>
      <c r="HO16" s="411"/>
      <c r="HP16" s="411"/>
      <c r="HQ16" s="411"/>
      <c r="HR16" s="411"/>
      <c r="HS16" s="411"/>
      <c r="HT16" s="411"/>
      <c r="HU16" s="411"/>
      <c r="HV16" s="411"/>
      <c r="HW16" s="411"/>
      <c r="HX16" s="424"/>
      <c r="HY16" s="357">
        <v>130046</v>
      </c>
      <c r="HZ16" s="332">
        <v>137956</v>
      </c>
      <c r="IA16" s="357">
        <v>268002</v>
      </c>
      <c r="IB16" s="331">
        <v>0</v>
      </c>
      <c r="IC16" s="332">
        <v>2933559</v>
      </c>
      <c r="ID16" s="333">
        <v>3058735</v>
      </c>
      <c r="IE16" s="334">
        <v>4756814</v>
      </c>
      <c r="IF16" s="332">
        <v>3983230</v>
      </c>
      <c r="IG16" s="334">
        <v>3663174</v>
      </c>
      <c r="IH16" s="335">
        <v>18395512</v>
      </c>
      <c r="II16" s="357">
        <v>18663514</v>
      </c>
      <c r="IJ16" s="337">
        <v>0</v>
      </c>
      <c r="IK16" s="338">
        <v>0</v>
      </c>
      <c r="IL16" s="339">
        <v>0</v>
      </c>
      <c r="IM16" s="411"/>
      <c r="IN16" s="341">
        <v>73428</v>
      </c>
      <c r="IO16" s="341">
        <v>211120</v>
      </c>
      <c r="IP16" s="341">
        <v>0</v>
      </c>
      <c r="IQ16" s="341">
        <v>408954</v>
      </c>
      <c r="IR16" s="341">
        <v>240023</v>
      </c>
      <c r="IS16" s="342">
        <v>933525</v>
      </c>
      <c r="IT16" s="343">
        <v>933525</v>
      </c>
      <c r="IU16" s="344">
        <v>0</v>
      </c>
      <c r="IV16" s="341">
        <v>0</v>
      </c>
      <c r="IW16" s="345">
        <v>0</v>
      </c>
      <c r="IX16" s="411"/>
      <c r="IY16" s="341">
        <v>0</v>
      </c>
      <c r="IZ16" s="341">
        <v>0</v>
      </c>
      <c r="JA16" s="341">
        <v>9165</v>
      </c>
      <c r="JB16" s="341">
        <v>0</v>
      </c>
      <c r="JC16" s="341">
        <v>34714</v>
      </c>
      <c r="JD16" s="345">
        <v>43879</v>
      </c>
      <c r="JE16" s="347">
        <v>43879</v>
      </c>
      <c r="JF16" s="344">
        <v>0</v>
      </c>
      <c r="JG16" s="341">
        <v>0</v>
      </c>
      <c r="JH16" s="342">
        <v>0</v>
      </c>
      <c r="JI16" s="348">
        <v>0</v>
      </c>
      <c r="JJ16" s="341">
        <v>1385272</v>
      </c>
      <c r="JK16" s="341">
        <v>441219</v>
      </c>
      <c r="JL16" s="341">
        <v>588235</v>
      </c>
      <c r="JM16" s="341">
        <v>140961</v>
      </c>
      <c r="JN16" s="341">
        <v>51867</v>
      </c>
      <c r="JO16" s="345">
        <v>2607554</v>
      </c>
      <c r="JP16" s="343">
        <v>2607554</v>
      </c>
      <c r="JQ16" s="344">
        <v>0</v>
      </c>
      <c r="JR16" s="341">
        <v>0</v>
      </c>
      <c r="JS16" s="342">
        <v>0</v>
      </c>
      <c r="JT16" s="348">
        <v>0</v>
      </c>
      <c r="JU16" s="341">
        <v>107153</v>
      </c>
      <c r="JV16" s="341">
        <v>236485</v>
      </c>
      <c r="JW16" s="341">
        <v>110385</v>
      </c>
      <c r="JX16" s="341">
        <v>82268</v>
      </c>
      <c r="JY16" s="341">
        <v>19714</v>
      </c>
      <c r="JZ16" s="345">
        <v>556005</v>
      </c>
      <c r="KA16" s="343">
        <v>556005</v>
      </c>
      <c r="KB16" s="349">
        <v>130046</v>
      </c>
      <c r="KC16" s="350">
        <v>137956</v>
      </c>
      <c r="KD16" s="345">
        <v>268002</v>
      </c>
      <c r="KE16" s="348">
        <v>0</v>
      </c>
      <c r="KF16" s="341">
        <v>432614</v>
      </c>
      <c r="KG16" s="341">
        <v>308993</v>
      </c>
      <c r="KH16" s="341">
        <v>1593267</v>
      </c>
      <c r="KI16" s="341">
        <v>651372</v>
      </c>
      <c r="KJ16" s="341">
        <v>770846</v>
      </c>
      <c r="KK16" s="345">
        <v>3757092</v>
      </c>
      <c r="KL16" s="351">
        <v>4025094</v>
      </c>
      <c r="KM16" s="337">
        <v>0</v>
      </c>
      <c r="KN16" s="338">
        <v>0</v>
      </c>
      <c r="KO16" s="339">
        <v>0</v>
      </c>
      <c r="KP16" s="340"/>
      <c r="KQ16" s="341">
        <v>802967</v>
      </c>
      <c r="KR16" s="341">
        <v>1202916</v>
      </c>
      <c r="KS16" s="341">
        <v>1108811</v>
      </c>
      <c r="KT16" s="341">
        <v>1300073</v>
      </c>
      <c r="KU16" s="341">
        <v>1100232</v>
      </c>
      <c r="KV16" s="345">
        <v>5514999</v>
      </c>
      <c r="KW16" s="343">
        <v>5514999</v>
      </c>
      <c r="KX16" s="344">
        <v>0</v>
      </c>
      <c r="KY16" s="341">
        <v>0</v>
      </c>
      <c r="KZ16" s="345">
        <v>0</v>
      </c>
      <c r="LA16" s="352"/>
      <c r="LB16" s="341">
        <v>132125</v>
      </c>
      <c r="LC16" s="341">
        <v>529037</v>
      </c>
      <c r="LD16" s="341">
        <v>1104982</v>
      </c>
      <c r="LE16" s="341">
        <v>515049</v>
      </c>
      <c r="LF16" s="341">
        <v>1207846</v>
      </c>
      <c r="LG16" s="345">
        <v>3489039</v>
      </c>
      <c r="LH16" s="347">
        <v>3489039</v>
      </c>
      <c r="LI16" s="344">
        <v>0</v>
      </c>
      <c r="LJ16" s="341">
        <v>0</v>
      </c>
      <c r="LK16" s="345">
        <v>0</v>
      </c>
      <c r="LL16" s="352"/>
      <c r="LM16" s="341">
        <v>0</v>
      </c>
      <c r="LN16" s="341">
        <v>0</v>
      </c>
      <c r="LO16" s="341">
        <v>0</v>
      </c>
      <c r="LP16" s="341">
        <v>884553</v>
      </c>
      <c r="LQ16" s="341">
        <v>237932</v>
      </c>
      <c r="LR16" s="345">
        <v>1122485</v>
      </c>
      <c r="LS16" s="343">
        <v>1122485</v>
      </c>
      <c r="LT16" s="344">
        <v>0</v>
      </c>
      <c r="LU16" s="341">
        <v>0</v>
      </c>
      <c r="LV16" s="345">
        <v>0</v>
      </c>
      <c r="LW16" s="352"/>
      <c r="LX16" s="341">
        <v>0</v>
      </c>
      <c r="LY16" s="341">
        <v>128965</v>
      </c>
      <c r="LZ16" s="341">
        <v>241969</v>
      </c>
      <c r="MA16" s="341">
        <v>0</v>
      </c>
      <c r="MB16" s="341">
        <v>0</v>
      </c>
      <c r="MC16" s="345">
        <v>370934</v>
      </c>
      <c r="MD16" s="347">
        <v>370934</v>
      </c>
      <c r="ME16" s="344">
        <v>0</v>
      </c>
      <c r="MF16" s="341">
        <v>0</v>
      </c>
      <c r="MG16" s="345">
        <v>0</v>
      </c>
      <c r="MH16" s="352"/>
      <c r="MI16" s="341">
        <v>595780</v>
      </c>
      <c r="MJ16" s="341">
        <v>1310044</v>
      </c>
      <c r="MK16" s="341">
        <v>6419367</v>
      </c>
      <c r="ML16" s="341">
        <v>4806601</v>
      </c>
      <c r="MM16" s="341">
        <v>4976106</v>
      </c>
      <c r="MN16" s="345">
        <v>18107898</v>
      </c>
      <c r="MO16" s="351">
        <v>18107898</v>
      </c>
      <c r="MP16" s="344">
        <v>0</v>
      </c>
      <c r="MQ16" s="341">
        <v>0</v>
      </c>
      <c r="MR16" s="345">
        <v>0</v>
      </c>
      <c r="MS16" s="352"/>
      <c r="MT16" s="341">
        <v>0</v>
      </c>
      <c r="MU16" s="341">
        <v>398005</v>
      </c>
      <c r="MV16" s="341">
        <v>3946952</v>
      </c>
      <c r="MW16" s="341">
        <v>3586992</v>
      </c>
      <c r="MX16" s="341">
        <v>3609078</v>
      </c>
      <c r="MY16" s="345">
        <v>11541027</v>
      </c>
      <c r="MZ16" s="351">
        <v>11541027</v>
      </c>
      <c r="NA16" s="344">
        <v>0</v>
      </c>
      <c r="NB16" s="341">
        <v>0</v>
      </c>
      <c r="NC16" s="345">
        <v>0</v>
      </c>
      <c r="ND16" s="352"/>
      <c r="NE16" s="341">
        <v>595780</v>
      </c>
      <c r="NF16" s="341">
        <v>912039</v>
      </c>
      <c r="NG16" s="341">
        <v>2472415</v>
      </c>
      <c r="NH16" s="341">
        <v>1219609</v>
      </c>
      <c r="NI16" s="341">
        <v>737160</v>
      </c>
      <c r="NJ16" s="345">
        <v>5937003</v>
      </c>
      <c r="NK16" s="343">
        <v>5937003</v>
      </c>
      <c r="NL16" s="344">
        <v>0</v>
      </c>
      <c r="NM16" s="341">
        <v>0</v>
      </c>
      <c r="NN16" s="345">
        <v>0</v>
      </c>
      <c r="NO16" s="352"/>
      <c r="NP16" s="341">
        <v>0</v>
      </c>
      <c r="NQ16" s="341">
        <v>0</v>
      </c>
      <c r="NR16" s="341">
        <v>0</v>
      </c>
      <c r="NS16" s="341">
        <v>0</v>
      </c>
      <c r="NT16" s="341">
        <v>0</v>
      </c>
      <c r="NU16" s="345">
        <v>0</v>
      </c>
      <c r="NV16" s="347">
        <v>0</v>
      </c>
      <c r="NW16" s="344">
        <v>0</v>
      </c>
      <c r="NX16" s="341">
        <v>0</v>
      </c>
      <c r="NY16" s="345">
        <v>0</v>
      </c>
      <c r="NZ16" s="352"/>
      <c r="OA16" s="341">
        <v>0</v>
      </c>
      <c r="OB16" s="341">
        <v>0</v>
      </c>
      <c r="OC16" s="341">
        <v>0</v>
      </c>
      <c r="OD16" s="341">
        <v>0</v>
      </c>
      <c r="OE16" s="341">
        <v>629868</v>
      </c>
      <c r="OF16" s="345">
        <v>629868</v>
      </c>
      <c r="OG16" s="347">
        <v>629868</v>
      </c>
      <c r="OH16" s="344">
        <v>1497032</v>
      </c>
      <c r="OI16" s="341">
        <v>2686593</v>
      </c>
      <c r="OJ16" s="342">
        <v>4183625</v>
      </c>
      <c r="OK16" s="348">
        <v>0</v>
      </c>
      <c r="OL16" s="341">
        <v>21313915</v>
      </c>
      <c r="OM16" s="341">
        <v>18664975</v>
      </c>
      <c r="ON16" s="341">
        <v>23969503</v>
      </c>
      <c r="OO16" s="341">
        <v>22092488</v>
      </c>
      <c r="OP16" s="341">
        <v>20660793</v>
      </c>
      <c r="OQ16" s="345">
        <v>106701674</v>
      </c>
      <c r="OR16" s="351">
        <v>110885299</v>
      </c>
    </row>
    <row r="17" spans="1:408" ht="20.25" customHeight="1" x14ac:dyDescent="0.2">
      <c r="A17" s="111" t="s">
        <v>11</v>
      </c>
      <c r="B17" s="318">
        <v>402791</v>
      </c>
      <c r="C17" s="319">
        <v>720032</v>
      </c>
      <c r="D17" s="277">
        <v>1122823</v>
      </c>
      <c r="E17" s="324">
        <v>0</v>
      </c>
      <c r="F17" s="319">
        <v>6066365</v>
      </c>
      <c r="G17" s="319">
        <v>3047398</v>
      </c>
      <c r="H17" s="319">
        <v>5974874</v>
      </c>
      <c r="I17" s="319">
        <v>5481000</v>
      </c>
      <c r="J17" s="319">
        <v>5111327</v>
      </c>
      <c r="K17" s="321">
        <v>25680964</v>
      </c>
      <c r="L17" s="322">
        <v>26803787</v>
      </c>
      <c r="M17" s="318">
        <v>132451</v>
      </c>
      <c r="N17" s="319">
        <v>153850</v>
      </c>
      <c r="O17" s="320">
        <v>286301</v>
      </c>
      <c r="P17" s="318">
        <v>0</v>
      </c>
      <c r="Q17" s="319">
        <v>1444171</v>
      </c>
      <c r="R17" s="319">
        <v>857557</v>
      </c>
      <c r="S17" s="319">
        <v>1278698</v>
      </c>
      <c r="T17" s="319">
        <v>1281797</v>
      </c>
      <c r="U17" s="319">
        <v>1629608</v>
      </c>
      <c r="V17" s="320">
        <v>6491831</v>
      </c>
      <c r="W17" s="322">
        <v>6778132</v>
      </c>
      <c r="X17" s="318">
        <v>0</v>
      </c>
      <c r="Y17" s="319">
        <v>0</v>
      </c>
      <c r="Z17" s="320">
        <v>0</v>
      </c>
      <c r="AA17" s="318">
        <v>0</v>
      </c>
      <c r="AB17" s="319">
        <v>482925</v>
      </c>
      <c r="AC17" s="319">
        <v>439275</v>
      </c>
      <c r="AD17" s="319">
        <v>587799</v>
      </c>
      <c r="AE17" s="319">
        <v>652280</v>
      </c>
      <c r="AF17" s="319">
        <v>851117</v>
      </c>
      <c r="AG17" s="320">
        <v>3013396</v>
      </c>
      <c r="AH17" s="322">
        <v>3013396</v>
      </c>
      <c r="AI17" s="318">
        <v>0</v>
      </c>
      <c r="AJ17" s="319">
        <v>0</v>
      </c>
      <c r="AK17" s="320">
        <v>0</v>
      </c>
      <c r="AL17" s="318">
        <v>0</v>
      </c>
      <c r="AM17" s="319">
        <v>0</v>
      </c>
      <c r="AN17" s="319">
        <v>20252</v>
      </c>
      <c r="AO17" s="319">
        <v>79993</v>
      </c>
      <c r="AP17" s="319">
        <v>125012</v>
      </c>
      <c r="AQ17" s="319">
        <v>130930</v>
      </c>
      <c r="AR17" s="320">
        <v>356187</v>
      </c>
      <c r="AS17" s="322">
        <v>356187</v>
      </c>
      <c r="AT17" s="318">
        <v>85635</v>
      </c>
      <c r="AU17" s="319">
        <v>87751</v>
      </c>
      <c r="AV17" s="320">
        <v>173386</v>
      </c>
      <c r="AW17" s="318">
        <v>0</v>
      </c>
      <c r="AX17" s="319">
        <v>634990</v>
      </c>
      <c r="AY17" s="319">
        <v>235957</v>
      </c>
      <c r="AZ17" s="319">
        <v>260272</v>
      </c>
      <c r="BA17" s="319">
        <v>327956</v>
      </c>
      <c r="BB17" s="319">
        <v>485748</v>
      </c>
      <c r="BC17" s="320">
        <v>1944923</v>
      </c>
      <c r="BD17" s="322">
        <v>2118309</v>
      </c>
      <c r="BE17" s="318">
        <v>0</v>
      </c>
      <c r="BF17" s="319">
        <v>36629</v>
      </c>
      <c r="BG17" s="323">
        <v>36629</v>
      </c>
      <c r="BH17" s="324">
        <v>0</v>
      </c>
      <c r="BI17" s="319">
        <v>131649</v>
      </c>
      <c r="BJ17" s="319">
        <v>18993</v>
      </c>
      <c r="BK17" s="319">
        <v>87399</v>
      </c>
      <c r="BL17" s="319">
        <v>0</v>
      </c>
      <c r="BM17" s="319">
        <v>9157</v>
      </c>
      <c r="BN17" s="320">
        <v>247198</v>
      </c>
      <c r="BO17" s="322">
        <v>283827</v>
      </c>
      <c r="BP17" s="318">
        <v>46816</v>
      </c>
      <c r="BQ17" s="319">
        <v>29470</v>
      </c>
      <c r="BR17" s="320">
        <v>76286</v>
      </c>
      <c r="BS17" s="318">
        <v>0</v>
      </c>
      <c r="BT17" s="319">
        <v>194607</v>
      </c>
      <c r="BU17" s="319">
        <v>143080</v>
      </c>
      <c r="BV17" s="319">
        <v>263235</v>
      </c>
      <c r="BW17" s="319">
        <v>176549</v>
      </c>
      <c r="BX17" s="319">
        <v>152656</v>
      </c>
      <c r="BY17" s="320">
        <v>930127</v>
      </c>
      <c r="BZ17" s="322">
        <v>1006413</v>
      </c>
      <c r="CA17" s="318">
        <v>18513</v>
      </c>
      <c r="CB17" s="319">
        <v>137656</v>
      </c>
      <c r="CC17" s="320">
        <v>156169</v>
      </c>
      <c r="CD17" s="318">
        <v>0</v>
      </c>
      <c r="CE17" s="319">
        <v>1643341</v>
      </c>
      <c r="CF17" s="319">
        <v>811719</v>
      </c>
      <c r="CG17" s="319">
        <v>1666347</v>
      </c>
      <c r="CH17" s="319">
        <v>653914</v>
      </c>
      <c r="CI17" s="319">
        <v>475892</v>
      </c>
      <c r="CJ17" s="320">
        <v>5251213</v>
      </c>
      <c r="CK17" s="322">
        <v>5407382</v>
      </c>
      <c r="CL17" s="318">
        <v>0</v>
      </c>
      <c r="CM17" s="319">
        <v>0</v>
      </c>
      <c r="CN17" s="320">
        <v>0</v>
      </c>
      <c r="CO17" s="324">
        <v>0</v>
      </c>
      <c r="CP17" s="319">
        <v>1165037</v>
      </c>
      <c r="CQ17" s="319">
        <v>670762</v>
      </c>
      <c r="CR17" s="319">
        <v>936947</v>
      </c>
      <c r="CS17" s="319">
        <v>398204</v>
      </c>
      <c r="CT17" s="319">
        <v>288880</v>
      </c>
      <c r="CU17" s="320">
        <v>3459830</v>
      </c>
      <c r="CV17" s="322">
        <v>3459830</v>
      </c>
      <c r="CW17" s="318">
        <v>18513</v>
      </c>
      <c r="CX17" s="319">
        <v>137656</v>
      </c>
      <c r="CY17" s="320">
        <v>156169</v>
      </c>
      <c r="CZ17" s="318">
        <v>0</v>
      </c>
      <c r="DA17" s="319">
        <v>478304</v>
      </c>
      <c r="DB17" s="319">
        <v>140957</v>
      </c>
      <c r="DC17" s="319">
        <v>729400</v>
      </c>
      <c r="DD17" s="319">
        <v>255710</v>
      </c>
      <c r="DE17" s="319">
        <v>187012</v>
      </c>
      <c r="DF17" s="320">
        <v>1791383</v>
      </c>
      <c r="DG17" s="322">
        <v>1947552</v>
      </c>
      <c r="DH17" s="318">
        <v>0</v>
      </c>
      <c r="DI17" s="319">
        <v>12650</v>
      </c>
      <c r="DJ17" s="323">
        <v>12650</v>
      </c>
      <c r="DK17" s="324">
        <v>0</v>
      </c>
      <c r="DL17" s="319">
        <v>150097</v>
      </c>
      <c r="DM17" s="319">
        <v>160852</v>
      </c>
      <c r="DN17" s="319">
        <v>438576</v>
      </c>
      <c r="DO17" s="319">
        <v>730704</v>
      </c>
      <c r="DP17" s="319">
        <v>395972</v>
      </c>
      <c r="DQ17" s="320">
        <v>1876201</v>
      </c>
      <c r="DR17" s="322">
        <v>1888851</v>
      </c>
      <c r="DS17" s="318">
        <v>0</v>
      </c>
      <c r="DT17" s="319">
        <v>12650</v>
      </c>
      <c r="DU17" s="320">
        <v>12650</v>
      </c>
      <c r="DV17" s="318">
        <v>0</v>
      </c>
      <c r="DW17" s="319">
        <v>150097</v>
      </c>
      <c r="DX17" s="319">
        <v>136996</v>
      </c>
      <c r="DY17" s="319">
        <v>277480</v>
      </c>
      <c r="DZ17" s="319">
        <v>544147</v>
      </c>
      <c r="EA17" s="319">
        <v>395972</v>
      </c>
      <c r="EB17" s="320">
        <v>1504692</v>
      </c>
      <c r="EC17" s="322">
        <v>1517342</v>
      </c>
      <c r="ED17" s="318">
        <v>0</v>
      </c>
      <c r="EE17" s="323">
        <v>0</v>
      </c>
      <c r="EF17" s="320">
        <v>0</v>
      </c>
      <c r="EG17" s="318">
        <v>0</v>
      </c>
      <c r="EH17" s="319">
        <v>0</v>
      </c>
      <c r="EI17" s="319">
        <v>23856</v>
      </c>
      <c r="EJ17" s="319">
        <v>161096</v>
      </c>
      <c r="EK17" s="319">
        <v>186557</v>
      </c>
      <c r="EL17" s="319">
        <v>0</v>
      </c>
      <c r="EM17" s="323">
        <v>371509</v>
      </c>
      <c r="EN17" s="322">
        <v>371509</v>
      </c>
      <c r="EO17" s="318">
        <v>0</v>
      </c>
      <c r="EP17" s="319">
        <v>0</v>
      </c>
      <c r="EQ17" s="323">
        <v>0</v>
      </c>
      <c r="ER17" s="324">
        <v>0</v>
      </c>
      <c r="ES17" s="319">
        <v>0</v>
      </c>
      <c r="ET17" s="319">
        <v>0</v>
      </c>
      <c r="EU17" s="319">
        <v>0</v>
      </c>
      <c r="EV17" s="319">
        <v>0</v>
      </c>
      <c r="EW17" s="319">
        <v>0</v>
      </c>
      <c r="EX17" s="320">
        <v>0</v>
      </c>
      <c r="EY17" s="322">
        <v>0</v>
      </c>
      <c r="EZ17" s="318">
        <v>0</v>
      </c>
      <c r="FA17" s="319">
        <v>0</v>
      </c>
      <c r="FB17" s="323">
        <v>0</v>
      </c>
      <c r="FC17" s="325"/>
      <c r="FD17" s="319">
        <v>0</v>
      </c>
      <c r="FE17" s="319">
        <v>0</v>
      </c>
      <c r="FF17" s="319">
        <v>0</v>
      </c>
      <c r="FG17" s="319">
        <v>0</v>
      </c>
      <c r="FH17" s="319">
        <v>0</v>
      </c>
      <c r="FI17" s="320">
        <v>0</v>
      </c>
      <c r="FJ17" s="322">
        <v>0</v>
      </c>
      <c r="FK17" s="318">
        <v>58604</v>
      </c>
      <c r="FL17" s="319">
        <v>103698</v>
      </c>
      <c r="FM17" s="320">
        <v>162302</v>
      </c>
      <c r="FN17" s="318">
        <v>0</v>
      </c>
      <c r="FO17" s="319">
        <v>272363</v>
      </c>
      <c r="FP17" s="319">
        <v>264187</v>
      </c>
      <c r="FQ17" s="319">
        <v>407512</v>
      </c>
      <c r="FR17" s="319">
        <v>232064</v>
      </c>
      <c r="FS17" s="319">
        <v>307258</v>
      </c>
      <c r="FT17" s="320">
        <v>1483384</v>
      </c>
      <c r="FU17" s="322">
        <v>1645686</v>
      </c>
      <c r="FV17" s="326">
        <v>58604</v>
      </c>
      <c r="FW17" s="319">
        <v>103698</v>
      </c>
      <c r="FX17" s="323">
        <v>162302</v>
      </c>
      <c r="FY17" s="324">
        <v>0</v>
      </c>
      <c r="FZ17" s="319">
        <v>272363</v>
      </c>
      <c r="GA17" s="319">
        <v>264187</v>
      </c>
      <c r="GB17" s="319">
        <v>407512</v>
      </c>
      <c r="GC17" s="319">
        <v>232064</v>
      </c>
      <c r="GD17" s="319">
        <v>307258</v>
      </c>
      <c r="GE17" s="320">
        <v>1483384</v>
      </c>
      <c r="GF17" s="327">
        <v>1645686</v>
      </c>
      <c r="GG17" s="326">
        <v>0</v>
      </c>
      <c r="GH17" s="319">
        <v>0</v>
      </c>
      <c r="GI17" s="323">
        <v>0</v>
      </c>
      <c r="GJ17" s="324">
        <v>0</v>
      </c>
      <c r="GK17" s="319">
        <v>0</v>
      </c>
      <c r="GL17" s="319">
        <v>0</v>
      </c>
      <c r="GM17" s="319">
        <v>0</v>
      </c>
      <c r="GN17" s="319">
        <v>0</v>
      </c>
      <c r="GO17" s="319">
        <v>0</v>
      </c>
      <c r="GP17" s="320">
        <v>0</v>
      </c>
      <c r="GQ17" s="322">
        <v>0</v>
      </c>
      <c r="GR17" s="318">
        <v>0</v>
      </c>
      <c r="GS17" s="319">
        <v>0</v>
      </c>
      <c r="GT17" s="320">
        <v>0</v>
      </c>
      <c r="GU17" s="318">
        <v>0</v>
      </c>
      <c r="GV17" s="319">
        <v>0</v>
      </c>
      <c r="GW17" s="319">
        <v>0</v>
      </c>
      <c r="GX17" s="319">
        <v>0</v>
      </c>
      <c r="GY17" s="319">
        <v>0</v>
      </c>
      <c r="GZ17" s="319">
        <v>0</v>
      </c>
      <c r="HA17" s="323">
        <v>0</v>
      </c>
      <c r="HB17" s="322">
        <v>0</v>
      </c>
      <c r="HC17" s="318">
        <v>193223</v>
      </c>
      <c r="HD17" s="319">
        <v>312178</v>
      </c>
      <c r="HE17" s="323">
        <v>505401</v>
      </c>
      <c r="HF17" s="324">
        <v>0</v>
      </c>
      <c r="HG17" s="319">
        <v>2556393</v>
      </c>
      <c r="HH17" s="319">
        <v>953083</v>
      </c>
      <c r="HI17" s="319">
        <v>2183741</v>
      </c>
      <c r="HJ17" s="319">
        <v>2582521</v>
      </c>
      <c r="HK17" s="319">
        <v>2302597</v>
      </c>
      <c r="HL17" s="320">
        <v>10578335</v>
      </c>
      <c r="HM17" s="321">
        <v>11083736</v>
      </c>
      <c r="HN17" s="411"/>
      <c r="HO17" s="411"/>
      <c r="HP17" s="411"/>
      <c r="HQ17" s="411"/>
      <c r="HR17" s="411"/>
      <c r="HS17" s="411"/>
      <c r="HT17" s="411"/>
      <c r="HU17" s="411"/>
      <c r="HV17" s="411"/>
      <c r="HW17" s="411"/>
      <c r="HX17" s="424"/>
      <c r="HY17" s="330">
        <v>30354</v>
      </c>
      <c r="HZ17" s="329">
        <v>0</v>
      </c>
      <c r="IA17" s="330">
        <v>30354</v>
      </c>
      <c r="IB17" s="353">
        <v>0</v>
      </c>
      <c r="IC17" s="329">
        <v>673027</v>
      </c>
      <c r="ID17" s="354">
        <v>1129892</v>
      </c>
      <c r="IE17" s="330">
        <v>711555</v>
      </c>
      <c r="IF17" s="329">
        <v>1300102</v>
      </c>
      <c r="IG17" s="330">
        <v>699782</v>
      </c>
      <c r="IH17" s="355">
        <v>4514358</v>
      </c>
      <c r="II17" s="336">
        <v>4544712</v>
      </c>
      <c r="IJ17" s="337">
        <v>0</v>
      </c>
      <c r="IK17" s="338">
        <v>0</v>
      </c>
      <c r="IL17" s="339">
        <v>0</v>
      </c>
      <c r="IM17" s="411"/>
      <c r="IN17" s="341">
        <v>0</v>
      </c>
      <c r="IO17" s="341">
        <v>108383</v>
      </c>
      <c r="IP17" s="341">
        <v>108038</v>
      </c>
      <c r="IQ17" s="341">
        <v>0</v>
      </c>
      <c r="IR17" s="341">
        <v>247873</v>
      </c>
      <c r="IS17" s="342">
        <v>464294</v>
      </c>
      <c r="IT17" s="343">
        <v>464294</v>
      </c>
      <c r="IU17" s="344">
        <v>0</v>
      </c>
      <c r="IV17" s="341">
        <v>0</v>
      </c>
      <c r="IW17" s="345">
        <v>0</v>
      </c>
      <c r="IX17" s="411"/>
      <c r="IY17" s="341">
        <v>9047</v>
      </c>
      <c r="IZ17" s="341">
        <v>0</v>
      </c>
      <c r="JA17" s="341">
        <v>0</v>
      </c>
      <c r="JB17" s="341">
        <v>0</v>
      </c>
      <c r="JC17" s="341">
        <v>0</v>
      </c>
      <c r="JD17" s="345">
        <v>9047</v>
      </c>
      <c r="JE17" s="347">
        <v>9047</v>
      </c>
      <c r="JF17" s="344">
        <v>0</v>
      </c>
      <c r="JG17" s="341">
        <v>0</v>
      </c>
      <c r="JH17" s="342">
        <v>0</v>
      </c>
      <c r="JI17" s="348">
        <v>0</v>
      </c>
      <c r="JJ17" s="341">
        <v>556226</v>
      </c>
      <c r="JK17" s="341">
        <v>247228</v>
      </c>
      <c r="JL17" s="341">
        <v>391324</v>
      </c>
      <c r="JM17" s="341">
        <v>172563</v>
      </c>
      <c r="JN17" s="341">
        <v>61548</v>
      </c>
      <c r="JO17" s="345">
        <v>1428889</v>
      </c>
      <c r="JP17" s="343">
        <v>1428889</v>
      </c>
      <c r="JQ17" s="344">
        <v>0</v>
      </c>
      <c r="JR17" s="341">
        <v>0</v>
      </c>
      <c r="JS17" s="342">
        <v>0</v>
      </c>
      <c r="JT17" s="348">
        <v>0</v>
      </c>
      <c r="JU17" s="341">
        <v>0</v>
      </c>
      <c r="JV17" s="341">
        <v>0</v>
      </c>
      <c r="JW17" s="341">
        <v>0</v>
      </c>
      <c r="JX17" s="341">
        <v>0</v>
      </c>
      <c r="JY17" s="341">
        <v>168797</v>
      </c>
      <c r="JZ17" s="345">
        <v>168797</v>
      </c>
      <c r="KA17" s="343">
        <v>168797</v>
      </c>
      <c r="KB17" s="349">
        <v>30354</v>
      </c>
      <c r="KC17" s="350">
        <v>0</v>
      </c>
      <c r="KD17" s="345">
        <v>30354</v>
      </c>
      <c r="KE17" s="348">
        <v>0</v>
      </c>
      <c r="KF17" s="341">
        <v>107754</v>
      </c>
      <c r="KG17" s="341">
        <v>147330</v>
      </c>
      <c r="KH17" s="341">
        <v>212193</v>
      </c>
      <c r="KI17" s="341">
        <v>0</v>
      </c>
      <c r="KJ17" s="341">
        <v>0</v>
      </c>
      <c r="KK17" s="345">
        <v>467277</v>
      </c>
      <c r="KL17" s="351">
        <v>497631</v>
      </c>
      <c r="KM17" s="337">
        <v>0</v>
      </c>
      <c r="KN17" s="338">
        <v>0</v>
      </c>
      <c r="KO17" s="339">
        <v>0</v>
      </c>
      <c r="KP17" s="340"/>
      <c r="KQ17" s="341">
        <v>0</v>
      </c>
      <c r="KR17" s="341">
        <v>626951</v>
      </c>
      <c r="KS17" s="341">
        <v>0</v>
      </c>
      <c r="KT17" s="341">
        <v>878134</v>
      </c>
      <c r="KU17" s="341">
        <v>221564</v>
      </c>
      <c r="KV17" s="345">
        <v>1726649</v>
      </c>
      <c r="KW17" s="343">
        <v>1726649</v>
      </c>
      <c r="KX17" s="344">
        <v>0</v>
      </c>
      <c r="KY17" s="341">
        <v>0</v>
      </c>
      <c r="KZ17" s="345">
        <v>0</v>
      </c>
      <c r="LA17" s="352"/>
      <c r="LB17" s="341">
        <v>0</v>
      </c>
      <c r="LC17" s="341">
        <v>0</v>
      </c>
      <c r="LD17" s="341">
        <v>0</v>
      </c>
      <c r="LE17" s="341">
        <v>0</v>
      </c>
      <c r="LF17" s="341">
        <v>0</v>
      </c>
      <c r="LG17" s="345">
        <v>0</v>
      </c>
      <c r="LH17" s="347">
        <v>0</v>
      </c>
      <c r="LI17" s="344">
        <v>0</v>
      </c>
      <c r="LJ17" s="341">
        <v>0</v>
      </c>
      <c r="LK17" s="345">
        <v>0</v>
      </c>
      <c r="LL17" s="352"/>
      <c r="LM17" s="341">
        <v>0</v>
      </c>
      <c r="LN17" s="341">
        <v>0</v>
      </c>
      <c r="LO17" s="341">
        <v>0</v>
      </c>
      <c r="LP17" s="341">
        <v>0</v>
      </c>
      <c r="LQ17" s="341">
        <v>0</v>
      </c>
      <c r="LR17" s="345">
        <v>0</v>
      </c>
      <c r="LS17" s="343">
        <v>0</v>
      </c>
      <c r="LT17" s="344">
        <v>0</v>
      </c>
      <c r="LU17" s="341">
        <v>0</v>
      </c>
      <c r="LV17" s="345">
        <v>0</v>
      </c>
      <c r="LW17" s="352"/>
      <c r="LX17" s="341">
        <v>0</v>
      </c>
      <c r="LY17" s="341">
        <v>0</v>
      </c>
      <c r="LZ17" s="341">
        <v>0</v>
      </c>
      <c r="MA17" s="341">
        <v>249405</v>
      </c>
      <c r="MB17" s="341">
        <v>0</v>
      </c>
      <c r="MC17" s="345">
        <v>249405</v>
      </c>
      <c r="MD17" s="347">
        <v>249405</v>
      </c>
      <c r="ME17" s="344">
        <v>0</v>
      </c>
      <c r="MF17" s="341">
        <v>0</v>
      </c>
      <c r="MG17" s="345">
        <v>0</v>
      </c>
      <c r="MH17" s="352"/>
      <c r="MI17" s="341">
        <v>375440</v>
      </c>
      <c r="MJ17" s="341">
        <v>318246</v>
      </c>
      <c r="MK17" s="341">
        <v>704460</v>
      </c>
      <c r="ML17" s="341">
        <v>2775489</v>
      </c>
      <c r="MM17" s="341">
        <v>1375282</v>
      </c>
      <c r="MN17" s="345">
        <v>5548917</v>
      </c>
      <c r="MO17" s="351">
        <v>5548917</v>
      </c>
      <c r="MP17" s="344">
        <v>0</v>
      </c>
      <c r="MQ17" s="341">
        <v>0</v>
      </c>
      <c r="MR17" s="345">
        <v>0</v>
      </c>
      <c r="MS17" s="352"/>
      <c r="MT17" s="341">
        <v>0</v>
      </c>
      <c r="MU17" s="341">
        <v>0</v>
      </c>
      <c r="MV17" s="341">
        <v>275825</v>
      </c>
      <c r="MW17" s="341">
        <v>1921536</v>
      </c>
      <c r="MX17" s="341">
        <v>894336</v>
      </c>
      <c r="MY17" s="345">
        <v>3091697</v>
      </c>
      <c r="MZ17" s="351">
        <v>3091697</v>
      </c>
      <c r="NA17" s="344">
        <v>0</v>
      </c>
      <c r="NB17" s="341">
        <v>0</v>
      </c>
      <c r="NC17" s="345">
        <v>0</v>
      </c>
      <c r="ND17" s="352"/>
      <c r="NE17" s="341">
        <v>375440</v>
      </c>
      <c r="NF17" s="341">
        <v>318246</v>
      </c>
      <c r="NG17" s="341">
        <v>428635</v>
      </c>
      <c r="NH17" s="341">
        <v>580659</v>
      </c>
      <c r="NI17" s="341">
        <v>480946</v>
      </c>
      <c r="NJ17" s="345">
        <v>2183926</v>
      </c>
      <c r="NK17" s="343">
        <v>2183926</v>
      </c>
      <c r="NL17" s="344">
        <v>0</v>
      </c>
      <c r="NM17" s="341">
        <v>0</v>
      </c>
      <c r="NN17" s="345">
        <v>0</v>
      </c>
      <c r="NO17" s="352"/>
      <c r="NP17" s="341">
        <v>0</v>
      </c>
      <c r="NQ17" s="341">
        <v>0</v>
      </c>
      <c r="NR17" s="341">
        <v>0</v>
      </c>
      <c r="NS17" s="341">
        <v>0</v>
      </c>
      <c r="NT17" s="341">
        <v>0</v>
      </c>
      <c r="NU17" s="345">
        <v>0</v>
      </c>
      <c r="NV17" s="347">
        <v>0</v>
      </c>
      <c r="NW17" s="344">
        <v>0</v>
      </c>
      <c r="NX17" s="341">
        <v>0</v>
      </c>
      <c r="NY17" s="345">
        <v>0</v>
      </c>
      <c r="NZ17" s="352"/>
      <c r="OA17" s="341">
        <v>0</v>
      </c>
      <c r="OB17" s="341">
        <v>0</v>
      </c>
      <c r="OC17" s="341">
        <v>0</v>
      </c>
      <c r="OD17" s="341">
        <v>273294</v>
      </c>
      <c r="OE17" s="341">
        <v>0</v>
      </c>
      <c r="OF17" s="345">
        <v>273294</v>
      </c>
      <c r="OG17" s="347">
        <v>273294</v>
      </c>
      <c r="OH17" s="344">
        <v>433145</v>
      </c>
      <c r="OI17" s="341">
        <v>720032</v>
      </c>
      <c r="OJ17" s="342">
        <v>1153177</v>
      </c>
      <c r="OK17" s="348">
        <v>0</v>
      </c>
      <c r="OL17" s="341">
        <v>7114832</v>
      </c>
      <c r="OM17" s="341">
        <v>4495536</v>
      </c>
      <c r="ON17" s="341">
        <v>7390889</v>
      </c>
      <c r="OO17" s="341">
        <v>9556591</v>
      </c>
      <c r="OP17" s="341">
        <v>7186391</v>
      </c>
      <c r="OQ17" s="345">
        <v>35744239</v>
      </c>
      <c r="OR17" s="351">
        <v>36897416</v>
      </c>
    </row>
    <row r="18" spans="1:408" ht="20.25" customHeight="1" x14ac:dyDescent="0.2">
      <c r="A18" s="111" t="s">
        <v>12</v>
      </c>
      <c r="B18" s="318">
        <v>829307</v>
      </c>
      <c r="C18" s="319">
        <v>1221475</v>
      </c>
      <c r="D18" s="320">
        <v>2050782</v>
      </c>
      <c r="E18" s="321">
        <v>0</v>
      </c>
      <c r="F18" s="319">
        <v>5694847</v>
      </c>
      <c r="G18" s="276">
        <v>4652223</v>
      </c>
      <c r="H18" s="276">
        <v>6399842</v>
      </c>
      <c r="I18" s="276">
        <v>6868790</v>
      </c>
      <c r="J18" s="276">
        <v>7116919</v>
      </c>
      <c r="K18" s="323">
        <v>30732621</v>
      </c>
      <c r="L18" s="322">
        <v>32783403</v>
      </c>
      <c r="M18" s="318">
        <v>273098</v>
      </c>
      <c r="N18" s="319">
        <v>234793</v>
      </c>
      <c r="O18" s="320">
        <v>507891</v>
      </c>
      <c r="P18" s="318">
        <v>0</v>
      </c>
      <c r="Q18" s="319">
        <v>2127465</v>
      </c>
      <c r="R18" s="319">
        <v>2039977</v>
      </c>
      <c r="S18" s="319">
        <v>2258029</v>
      </c>
      <c r="T18" s="319">
        <v>1867070</v>
      </c>
      <c r="U18" s="319">
        <v>3251120</v>
      </c>
      <c r="V18" s="320">
        <v>11543661</v>
      </c>
      <c r="W18" s="322">
        <v>12051552</v>
      </c>
      <c r="X18" s="318">
        <v>0</v>
      </c>
      <c r="Y18" s="319">
        <v>0</v>
      </c>
      <c r="Z18" s="320">
        <v>0</v>
      </c>
      <c r="AA18" s="318">
        <v>0</v>
      </c>
      <c r="AB18" s="319">
        <v>1328558</v>
      </c>
      <c r="AC18" s="319">
        <v>1242167</v>
      </c>
      <c r="AD18" s="319">
        <v>1409112</v>
      </c>
      <c r="AE18" s="319">
        <v>1097932</v>
      </c>
      <c r="AF18" s="319">
        <v>1685346</v>
      </c>
      <c r="AG18" s="320">
        <v>6763115</v>
      </c>
      <c r="AH18" s="322">
        <v>6763115</v>
      </c>
      <c r="AI18" s="318">
        <v>0</v>
      </c>
      <c r="AJ18" s="319">
        <v>0</v>
      </c>
      <c r="AK18" s="320">
        <v>0</v>
      </c>
      <c r="AL18" s="318">
        <v>0</v>
      </c>
      <c r="AM18" s="319">
        <v>0</v>
      </c>
      <c r="AN18" s="319">
        <v>92330</v>
      </c>
      <c r="AO18" s="319">
        <v>59904</v>
      </c>
      <c r="AP18" s="319">
        <v>80536</v>
      </c>
      <c r="AQ18" s="319">
        <v>451586</v>
      </c>
      <c r="AR18" s="320">
        <v>684356</v>
      </c>
      <c r="AS18" s="322">
        <v>684356</v>
      </c>
      <c r="AT18" s="318">
        <v>199878</v>
      </c>
      <c r="AU18" s="319">
        <v>197686</v>
      </c>
      <c r="AV18" s="320">
        <v>397564</v>
      </c>
      <c r="AW18" s="318">
        <v>0</v>
      </c>
      <c r="AX18" s="319">
        <v>576167</v>
      </c>
      <c r="AY18" s="319">
        <v>467662</v>
      </c>
      <c r="AZ18" s="319">
        <v>445617</v>
      </c>
      <c r="BA18" s="319">
        <v>409239</v>
      </c>
      <c r="BB18" s="319">
        <v>777330</v>
      </c>
      <c r="BC18" s="320">
        <v>2676015</v>
      </c>
      <c r="BD18" s="322">
        <v>3073579</v>
      </c>
      <c r="BE18" s="318">
        <v>0</v>
      </c>
      <c r="BF18" s="319">
        <v>0</v>
      </c>
      <c r="BG18" s="323">
        <v>0</v>
      </c>
      <c r="BH18" s="324">
        <v>0</v>
      </c>
      <c r="BI18" s="319">
        <v>0</v>
      </c>
      <c r="BJ18" s="319">
        <v>55475</v>
      </c>
      <c r="BK18" s="319">
        <v>27612</v>
      </c>
      <c r="BL18" s="319">
        <v>0</v>
      </c>
      <c r="BM18" s="319">
        <v>49501</v>
      </c>
      <c r="BN18" s="320">
        <v>132588</v>
      </c>
      <c r="BO18" s="322">
        <v>132588</v>
      </c>
      <c r="BP18" s="318">
        <v>73220</v>
      </c>
      <c r="BQ18" s="319">
        <v>37107</v>
      </c>
      <c r="BR18" s="320">
        <v>110327</v>
      </c>
      <c r="BS18" s="318">
        <v>0</v>
      </c>
      <c r="BT18" s="319">
        <v>222740</v>
      </c>
      <c r="BU18" s="319">
        <v>182343</v>
      </c>
      <c r="BV18" s="319">
        <v>315784</v>
      </c>
      <c r="BW18" s="319">
        <v>279363</v>
      </c>
      <c r="BX18" s="319">
        <v>287357</v>
      </c>
      <c r="BY18" s="320">
        <v>1287587</v>
      </c>
      <c r="BZ18" s="322">
        <v>1397914</v>
      </c>
      <c r="CA18" s="318">
        <v>190419</v>
      </c>
      <c r="CB18" s="319">
        <v>239579</v>
      </c>
      <c r="CC18" s="320">
        <v>429998</v>
      </c>
      <c r="CD18" s="318">
        <v>0</v>
      </c>
      <c r="CE18" s="319">
        <v>2418705</v>
      </c>
      <c r="CF18" s="319">
        <v>1164386</v>
      </c>
      <c r="CG18" s="319">
        <v>1318876</v>
      </c>
      <c r="CH18" s="319">
        <v>1473101</v>
      </c>
      <c r="CI18" s="319">
        <v>655815</v>
      </c>
      <c r="CJ18" s="320">
        <v>7030883</v>
      </c>
      <c r="CK18" s="322">
        <v>7460881</v>
      </c>
      <c r="CL18" s="318">
        <v>0</v>
      </c>
      <c r="CM18" s="319">
        <v>0</v>
      </c>
      <c r="CN18" s="320">
        <v>0</v>
      </c>
      <c r="CO18" s="324">
        <v>0</v>
      </c>
      <c r="CP18" s="319">
        <v>1952779</v>
      </c>
      <c r="CQ18" s="319">
        <v>686879</v>
      </c>
      <c r="CR18" s="319">
        <v>633024</v>
      </c>
      <c r="CS18" s="319">
        <v>1150676</v>
      </c>
      <c r="CT18" s="319">
        <v>438847</v>
      </c>
      <c r="CU18" s="320">
        <v>4862205</v>
      </c>
      <c r="CV18" s="322">
        <v>4862205</v>
      </c>
      <c r="CW18" s="318">
        <v>190419</v>
      </c>
      <c r="CX18" s="319">
        <v>239579</v>
      </c>
      <c r="CY18" s="320">
        <v>429998</v>
      </c>
      <c r="CZ18" s="318">
        <v>0</v>
      </c>
      <c r="DA18" s="319">
        <v>465926</v>
      </c>
      <c r="DB18" s="319">
        <v>477507</v>
      </c>
      <c r="DC18" s="319">
        <v>685852</v>
      </c>
      <c r="DD18" s="319">
        <v>322425</v>
      </c>
      <c r="DE18" s="319">
        <v>216968</v>
      </c>
      <c r="DF18" s="320">
        <v>2168678</v>
      </c>
      <c r="DG18" s="322">
        <v>2598676</v>
      </c>
      <c r="DH18" s="318">
        <v>23502</v>
      </c>
      <c r="DI18" s="319">
        <v>0</v>
      </c>
      <c r="DJ18" s="323">
        <v>23502</v>
      </c>
      <c r="DK18" s="324">
        <v>0</v>
      </c>
      <c r="DL18" s="319">
        <v>320826</v>
      </c>
      <c r="DM18" s="319">
        <v>148963</v>
      </c>
      <c r="DN18" s="319">
        <v>394541</v>
      </c>
      <c r="DO18" s="319">
        <v>648793</v>
      </c>
      <c r="DP18" s="319">
        <v>536860</v>
      </c>
      <c r="DQ18" s="320">
        <v>2049983</v>
      </c>
      <c r="DR18" s="322">
        <v>2073485</v>
      </c>
      <c r="DS18" s="318">
        <v>0</v>
      </c>
      <c r="DT18" s="319">
        <v>0</v>
      </c>
      <c r="DU18" s="320">
        <v>0</v>
      </c>
      <c r="DV18" s="318">
        <v>0</v>
      </c>
      <c r="DW18" s="319">
        <v>320826</v>
      </c>
      <c r="DX18" s="319">
        <v>148963</v>
      </c>
      <c r="DY18" s="319">
        <v>394541</v>
      </c>
      <c r="DZ18" s="319">
        <v>648793</v>
      </c>
      <c r="EA18" s="319">
        <v>399222</v>
      </c>
      <c r="EB18" s="320">
        <v>1912345</v>
      </c>
      <c r="EC18" s="322">
        <v>1912345</v>
      </c>
      <c r="ED18" s="318">
        <v>23502</v>
      </c>
      <c r="EE18" s="323">
        <v>0</v>
      </c>
      <c r="EF18" s="320">
        <v>23502</v>
      </c>
      <c r="EG18" s="318">
        <v>0</v>
      </c>
      <c r="EH18" s="319">
        <v>0</v>
      </c>
      <c r="EI18" s="319">
        <v>0</v>
      </c>
      <c r="EJ18" s="319">
        <v>0</v>
      </c>
      <c r="EK18" s="319">
        <v>0</v>
      </c>
      <c r="EL18" s="319">
        <v>137638</v>
      </c>
      <c r="EM18" s="323">
        <v>137638</v>
      </c>
      <c r="EN18" s="322">
        <v>161140</v>
      </c>
      <c r="EO18" s="318">
        <v>0</v>
      </c>
      <c r="EP18" s="319">
        <v>0</v>
      </c>
      <c r="EQ18" s="323">
        <v>0</v>
      </c>
      <c r="ER18" s="324">
        <v>0</v>
      </c>
      <c r="ES18" s="319">
        <v>0</v>
      </c>
      <c r="ET18" s="319">
        <v>0</v>
      </c>
      <c r="EU18" s="319">
        <v>0</v>
      </c>
      <c r="EV18" s="319">
        <v>0</v>
      </c>
      <c r="EW18" s="319">
        <v>0</v>
      </c>
      <c r="EX18" s="320">
        <v>0</v>
      </c>
      <c r="EY18" s="322">
        <v>0</v>
      </c>
      <c r="EZ18" s="318">
        <v>0</v>
      </c>
      <c r="FA18" s="319">
        <v>0</v>
      </c>
      <c r="FB18" s="323">
        <v>0</v>
      </c>
      <c r="FC18" s="325"/>
      <c r="FD18" s="319">
        <v>0</v>
      </c>
      <c r="FE18" s="319">
        <v>0</v>
      </c>
      <c r="FF18" s="319">
        <v>0</v>
      </c>
      <c r="FG18" s="319">
        <v>0</v>
      </c>
      <c r="FH18" s="319">
        <v>0</v>
      </c>
      <c r="FI18" s="320">
        <v>0</v>
      </c>
      <c r="FJ18" s="322">
        <v>0</v>
      </c>
      <c r="FK18" s="318">
        <v>155064</v>
      </c>
      <c r="FL18" s="319">
        <v>431830</v>
      </c>
      <c r="FM18" s="320">
        <v>586894</v>
      </c>
      <c r="FN18" s="318">
        <v>0</v>
      </c>
      <c r="FO18" s="319">
        <v>145915</v>
      </c>
      <c r="FP18" s="319">
        <v>542162</v>
      </c>
      <c r="FQ18" s="319">
        <v>737282</v>
      </c>
      <c r="FR18" s="319">
        <v>568701</v>
      </c>
      <c r="FS18" s="319">
        <v>653655</v>
      </c>
      <c r="FT18" s="320">
        <v>2647715</v>
      </c>
      <c r="FU18" s="322">
        <v>3234609</v>
      </c>
      <c r="FV18" s="326">
        <v>88564</v>
      </c>
      <c r="FW18" s="319">
        <v>232848</v>
      </c>
      <c r="FX18" s="323">
        <v>321412</v>
      </c>
      <c r="FY18" s="324">
        <v>0</v>
      </c>
      <c r="FZ18" s="319">
        <v>145915</v>
      </c>
      <c r="GA18" s="319">
        <v>542162</v>
      </c>
      <c r="GB18" s="319">
        <v>552867</v>
      </c>
      <c r="GC18" s="319">
        <v>568701</v>
      </c>
      <c r="GD18" s="319">
        <v>513655</v>
      </c>
      <c r="GE18" s="320">
        <v>2323300</v>
      </c>
      <c r="GF18" s="327">
        <v>2644712</v>
      </c>
      <c r="GG18" s="326">
        <v>0</v>
      </c>
      <c r="GH18" s="319">
        <v>58982</v>
      </c>
      <c r="GI18" s="323">
        <v>58982</v>
      </c>
      <c r="GJ18" s="324">
        <v>0</v>
      </c>
      <c r="GK18" s="319">
        <v>0</v>
      </c>
      <c r="GL18" s="319">
        <v>0</v>
      </c>
      <c r="GM18" s="319">
        <v>56665</v>
      </c>
      <c r="GN18" s="319">
        <v>0</v>
      </c>
      <c r="GO18" s="319">
        <v>0</v>
      </c>
      <c r="GP18" s="320">
        <v>56665</v>
      </c>
      <c r="GQ18" s="322">
        <v>115647</v>
      </c>
      <c r="GR18" s="318">
        <v>66500</v>
      </c>
      <c r="GS18" s="319">
        <v>140000</v>
      </c>
      <c r="GT18" s="320">
        <v>206500</v>
      </c>
      <c r="GU18" s="318">
        <v>0</v>
      </c>
      <c r="GV18" s="319">
        <v>0</v>
      </c>
      <c r="GW18" s="319">
        <v>0</v>
      </c>
      <c r="GX18" s="319">
        <v>127750</v>
      </c>
      <c r="GY18" s="319">
        <v>0</v>
      </c>
      <c r="GZ18" s="319">
        <v>140000</v>
      </c>
      <c r="HA18" s="323">
        <v>267750</v>
      </c>
      <c r="HB18" s="322">
        <v>474250</v>
      </c>
      <c r="HC18" s="318">
        <v>187224</v>
      </c>
      <c r="HD18" s="319">
        <v>315273</v>
      </c>
      <c r="HE18" s="323">
        <v>502497</v>
      </c>
      <c r="HF18" s="324">
        <v>0</v>
      </c>
      <c r="HG18" s="319">
        <v>681936</v>
      </c>
      <c r="HH18" s="319">
        <v>756735</v>
      </c>
      <c r="HI18" s="319">
        <v>1691114</v>
      </c>
      <c r="HJ18" s="319">
        <v>2311125</v>
      </c>
      <c r="HK18" s="319">
        <v>2019469</v>
      </c>
      <c r="HL18" s="320">
        <v>7460379</v>
      </c>
      <c r="HM18" s="321">
        <v>7962876</v>
      </c>
      <c r="HN18" s="411"/>
      <c r="HO18" s="411"/>
      <c r="HP18" s="411"/>
      <c r="HQ18" s="411"/>
      <c r="HR18" s="411"/>
      <c r="HS18" s="411"/>
      <c r="HT18" s="411"/>
      <c r="HU18" s="411"/>
      <c r="HV18" s="411"/>
      <c r="HW18" s="411"/>
      <c r="HX18" s="424"/>
      <c r="HY18" s="357">
        <v>0</v>
      </c>
      <c r="HZ18" s="332">
        <v>0</v>
      </c>
      <c r="IA18" s="357">
        <v>0</v>
      </c>
      <c r="IB18" s="331">
        <v>0</v>
      </c>
      <c r="IC18" s="332">
        <v>2179765</v>
      </c>
      <c r="ID18" s="333">
        <v>1238445</v>
      </c>
      <c r="IE18" s="334">
        <v>1425962</v>
      </c>
      <c r="IF18" s="332">
        <v>1237789</v>
      </c>
      <c r="IG18" s="334">
        <v>1159042</v>
      </c>
      <c r="IH18" s="335">
        <v>7241003</v>
      </c>
      <c r="II18" s="357">
        <v>7241003</v>
      </c>
      <c r="IJ18" s="337">
        <v>0</v>
      </c>
      <c r="IK18" s="338">
        <v>0</v>
      </c>
      <c r="IL18" s="339">
        <v>0</v>
      </c>
      <c r="IM18" s="411"/>
      <c r="IN18" s="341">
        <v>0</v>
      </c>
      <c r="IO18" s="341">
        <v>0</v>
      </c>
      <c r="IP18" s="341">
        <v>0</v>
      </c>
      <c r="IQ18" s="341">
        <v>0</v>
      </c>
      <c r="IR18" s="341">
        <v>0</v>
      </c>
      <c r="IS18" s="342">
        <v>0</v>
      </c>
      <c r="IT18" s="343">
        <v>0</v>
      </c>
      <c r="IU18" s="344">
        <v>0</v>
      </c>
      <c r="IV18" s="341">
        <v>0</v>
      </c>
      <c r="IW18" s="345">
        <v>0</v>
      </c>
      <c r="IX18" s="411"/>
      <c r="IY18" s="341">
        <v>0</v>
      </c>
      <c r="IZ18" s="341">
        <v>0</v>
      </c>
      <c r="JA18" s="341">
        <v>0</v>
      </c>
      <c r="JB18" s="341">
        <v>0</v>
      </c>
      <c r="JC18" s="341">
        <v>0</v>
      </c>
      <c r="JD18" s="345">
        <v>0</v>
      </c>
      <c r="JE18" s="347">
        <v>0</v>
      </c>
      <c r="JF18" s="344">
        <v>0</v>
      </c>
      <c r="JG18" s="341">
        <v>0</v>
      </c>
      <c r="JH18" s="342">
        <v>0</v>
      </c>
      <c r="JI18" s="348">
        <v>0</v>
      </c>
      <c r="JJ18" s="341">
        <v>885441</v>
      </c>
      <c r="JK18" s="341">
        <v>573155</v>
      </c>
      <c r="JL18" s="341">
        <v>806173</v>
      </c>
      <c r="JM18" s="341">
        <v>389251</v>
      </c>
      <c r="JN18" s="341">
        <v>-16792</v>
      </c>
      <c r="JO18" s="345">
        <v>2637228</v>
      </c>
      <c r="JP18" s="343">
        <v>2637228</v>
      </c>
      <c r="JQ18" s="344">
        <v>0</v>
      </c>
      <c r="JR18" s="341">
        <v>0</v>
      </c>
      <c r="JS18" s="342">
        <v>0</v>
      </c>
      <c r="JT18" s="348">
        <v>0</v>
      </c>
      <c r="JU18" s="341">
        <v>42072</v>
      </c>
      <c r="JV18" s="341">
        <v>0</v>
      </c>
      <c r="JW18" s="341">
        <v>0</v>
      </c>
      <c r="JX18" s="341">
        <v>0</v>
      </c>
      <c r="JY18" s="341">
        <v>0</v>
      </c>
      <c r="JZ18" s="345">
        <v>42072</v>
      </c>
      <c r="KA18" s="343">
        <v>42072</v>
      </c>
      <c r="KB18" s="349">
        <v>0</v>
      </c>
      <c r="KC18" s="350">
        <v>0</v>
      </c>
      <c r="KD18" s="345">
        <v>0</v>
      </c>
      <c r="KE18" s="348">
        <v>0</v>
      </c>
      <c r="KF18" s="341">
        <v>106801</v>
      </c>
      <c r="KG18" s="341">
        <v>155225</v>
      </c>
      <c r="KH18" s="341">
        <v>404261</v>
      </c>
      <c r="KI18" s="341">
        <v>170400</v>
      </c>
      <c r="KJ18" s="341">
        <v>0</v>
      </c>
      <c r="KK18" s="345">
        <v>836687</v>
      </c>
      <c r="KL18" s="351">
        <v>836687</v>
      </c>
      <c r="KM18" s="337">
        <v>0</v>
      </c>
      <c r="KN18" s="338">
        <v>0</v>
      </c>
      <c r="KO18" s="339">
        <v>0</v>
      </c>
      <c r="KP18" s="340"/>
      <c r="KQ18" s="341">
        <v>1009407</v>
      </c>
      <c r="KR18" s="341">
        <v>205807</v>
      </c>
      <c r="KS18" s="341">
        <v>215528</v>
      </c>
      <c r="KT18" s="341">
        <v>217006</v>
      </c>
      <c r="KU18" s="341">
        <v>0</v>
      </c>
      <c r="KV18" s="345">
        <v>1647748</v>
      </c>
      <c r="KW18" s="343">
        <v>1647748</v>
      </c>
      <c r="KX18" s="344">
        <v>0</v>
      </c>
      <c r="KY18" s="341">
        <v>0</v>
      </c>
      <c r="KZ18" s="345">
        <v>0</v>
      </c>
      <c r="LA18" s="352"/>
      <c r="LB18" s="341">
        <v>136044</v>
      </c>
      <c r="LC18" s="341">
        <v>304258</v>
      </c>
      <c r="LD18" s="341">
        <v>0</v>
      </c>
      <c r="LE18" s="341">
        <v>184542</v>
      </c>
      <c r="LF18" s="341">
        <v>201110</v>
      </c>
      <c r="LG18" s="345">
        <v>825954</v>
      </c>
      <c r="LH18" s="347">
        <v>825954</v>
      </c>
      <c r="LI18" s="344">
        <v>0</v>
      </c>
      <c r="LJ18" s="341">
        <v>0</v>
      </c>
      <c r="LK18" s="345">
        <v>0</v>
      </c>
      <c r="LL18" s="352"/>
      <c r="LM18" s="341">
        <v>0</v>
      </c>
      <c r="LN18" s="341">
        <v>0</v>
      </c>
      <c r="LO18" s="341">
        <v>0</v>
      </c>
      <c r="LP18" s="341">
        <v>0</v>
      </c>
      <c r="LQ18" s="341">
        <v>250413</v>
      </c>
      <c r="LR18" s="345">
        <v>250413</v>
      </c>
      <c r="LS18" s="343">
        <v>250413</v>
      </c>
      <c r="LT18" s="344">
        <v>0</v>
      </c>
      <c r="LU18" s="341">
        <v>0</v>
      </c>
      <c r="LV18" s="345">
        <v>0</v>
      </c>
      <c r="LW18" s="352"/>
      <c r="LX18" s="341">
        <v>0</v>
      </c>
      <c r="LY18" s="341">
        <v>0</v>
      </c>
      <c r="LZ18" s="341">
        <v>0</v>
      </c>
      <c r="MA18" s="341">
        <v>276590</v>
      </c>
      <c r="MB18" s="341">
        <v>724311</v>
      </c>
      <c r="MC18" s="345">
        <v>1000901</v>
      </c>
      <c r="MD18" s="347">
        <v>1000901</v>
      </c>
      <c r="ME18" s="344">
        <v>0</v>
      </c>
      <c r="MF18" s="341">
        <v>0</v>
      </c>
      <c r="MG18" s="345">
        <v>0</v>
      </c>
      <c r="MH18" s="352"/>
      <c r="MI18" s="341">
        <v>0</v>
      </c>
      <c r="MJ18" s="341">
        <v>1020199</v>
      </c>
      <c r="MK18" s="341">
        <v>1917827</v>
      </c>
      <c r="ML18" s="341">
        <v>4349222</v>
      </c>
      <c r="MM18" s="341">
        <v>1937428</v>
      </c>
      <c r="MN18" s="345">
        <v>9224676</v>
      </c>
      <c r="MO18" s="351">
        <v>9224676</v>
      </c>
      <c r="MP18" s="344">
        <v>0</v>
      </c>
      <c r="MQ18" s="341">
        <v>0</v>
      </c>
      <c r="MR18" s="345">
        <v>0</v>
      </c>
      <c r="MS18" s="352"/>
      <c r="MT18" s="341">
        <v>0</v>
      </c>
      <c r="MU18" s="341">
        <v>193167</v>
      </c>
      <c r="MV18" s="341">
        <v>1229853</v>
      </c>
      <c r="MW18" s="341">
        <v>2198762</v>
      </c>
      <c r="MX18" s="341">
        <v>1398533</v>
      </c>
      <c r="MY18" s="345">
        <v>5020315</v>
      </c>
      <c r="MZ18" s="351">
        <v>5020315</v>
      </c>
      <c r="NA18" s="344">
        <v>0</v>
      </c>
      <c r="NB18" s="341">
        <v>0</v>
      </c>
      <c r="NC18" s="345">
        <v>0</v>
      </c>
      <c r="ND18" s="352"/>
      <c r="NE18" s="341">
        <v>0</v>
      </c>
      <c r="NF18" s="341">
        <v>827032</v>
      </c>
      <c r="NG18" s="341">
        <v>687974</v>
      </c>
      <c r="NH18" s="341">
        <v>2150460</v>
      </c>
      <c r="NI18" s="341">
        <v>270258</v>
      </c>
      <c r="NJ18" s="345">
        <v>3935724</v>
      </c>
      <c r="NK18" s="343">
        <v>3935724</v>
      </c>
      <c r="NL18" s="344">
        <v>0</v>
      </c>
      <c r="NM18" s="341">
        <v>0</v>
      </c>
      <c r="NN18" s="345">
        <v>0</v>
      </c>
      <c r="NO18" s="352"/>
      <c r="NP18" s="341">
        <v>0</v>
      </c>
      <c r="NQ18" s="341">
        <v>0</v>
      </c>
      <c r="NR18" s="341">
        <v>0</v>
      </c>
      <c r="NS18" s="341">
        <v>0</v>
      </c>
      <c r="NT18" s="341">
        <v>268637</v>
      </c>
      <c r="NU18" s="345">
        <v>268637</v>
      </c>
      <c r="NV18" s="347">
        <v>268637</v>
      </c>
      <c r="NW18" s="344">
        <v>0</v>
      </c>
      <c r="NX18" s="341">
        <v>0</v>
      </c>
      <c r="NY18" s="345">
        <v>0</v>
      </c>
      <c r="NZ18" s="352"/>
      <c r="OA18" s="341">
        <v>0</v>
      </c>
      <c r="OB18" s="341">
        <v>0</v>
      </c>
      <c r="OC18" s="341">
        <v>0</v>
      </c>
      <c r="OD18" s="341">
        <v>0</v>
      </c>
      <c r="OE18" s="341">
        <v>0</v>
      </c>
      <c r="OF18" s="345">
        <v>0</v>
      </c>
      <c r="OG18" s="347">
        <v>0</v>
      </c>
      <c r="OH18" s="344">
        <v>829307</v>
      </c>
      <c r="OI18" s="341">
        <v>1221475</v>
      </c>
      <c r="OJ18" s="342">
        <v>2050782</v>
      </c>
      <c r="OK18" s="348">
        <v>0</v>
      </c>
      <c r="OL18" s="341">
        <v>7874612</v>
      </c>
      <c r="OM18" s="341">
        <v>6910867</v>
      </c>
      <c r="ON18" s="341">
        <v>9743631</v>
      </c>
      <c r="OO18" s="341">
        <v>12455801</v>
      </c>
      <c r="OP18" s="341">
        <v>10213389</v>
      </c>
      <c r="OQ18" s="345">
        <v>47198300</v>
      </c>
      <c r="OR18" s="351">
        <v>49249082</v>
      </c>
    </row>
    <row r="19" spans="1:408" ht="20.25" customHeight="1" x14ac:dyDescent="0.2">
      <c r="A19" s="111" t="s">
        <v>13</v>
      </c>
      <c r="B19" s="318">
        <v>447307</v>
      </c>
      <c r="C19" s="319">
        <v>840500</v>
      </c>
      <c r="D19" s="320">
        <v>1287807</v>
      </c>
      <c r="E19" s="318">
        <v>0</v>
      </c>
      <c r="F19" s="276">
        <v>3266041</v>
      </c>
      <c r="G19" s="319">
        <v>4856825</v>
      </c>
      <c r="H19" s="319">
        <v>5435515</v>
      </c>
      <c r="I19" s="319">
        <v>3767894</v>
      </c>
      <c r="J19" s="319">
        <v>3289929</v>
      </c>
      <c r="K19" s="323">
        <v>20616204</v>
      </c>
      <c r="L19" s="322">
        <v>21904011</v>
      </c>
      <c r="M19" s="318">
        <v>95619</v>
      </c>
      <c r="N19" s="319">
        <v>192816</v>
      </c>
      <c r="O19" s="320">
        <v>288435</v>
      </c>
      <c r="P19" s="318">
        <v>0</v>
      </c>
      <c r="Q19" s="319">
        <v>763854</v>
      </c>
      <c r="R19" s="319">
        <v>1270407</v>
      </c>
      <c r="S19" s="319">
        <v>2019078</v>
      </c>
      <c r="T19" s="319">
        <v>2109467</v>
      </c>
      <c r="U19" s="319">
        <v>1711984</v>
      </c>
      <c r="V19" s="320">
        <v>7874790</v>
      </c>
      <c r="W19" s="322">
        <v>8163225</v>
      </c>
      <c r="X19" s="318">
        <v>0</v>
      </c>
      <c r="Y19" s="319">
        <v>0</v>
      </c>
      <c r="Z19" s="320">
        <v>0</v>
      </c>
      <c r="AA19" s="318">
        <v>0</v>
      </c>
      <c r="AB19" s="319">
        <v>342302</v>
      </c>
      <c r="AC19" s="319">
        <v>494460</v>
      </c>
      <c r="AD19" s="319">
        <v>1120034</v>
      </c>
      <c r="AE19" s="319">
        <v>1416939</v>
      </c>
      <c r="AF19" s="319">
        <v>1136426</v>
      </c>
      <c r="AG19" s="320">
        <v>4510161</v>
      </c>
      <c r="AH19" s="322">
        <v>4510161</v>
      </c>
      <c r="AI19" s="318">
        <v>0</v>
      </c>
      <c r="AJ19" s="319">
        <v>0</v>
      </c>
      <c r="AK19" s="320">
        <v>0</v>
      </c>
      <c r="AL19" s="318">
        <v>0</v>
      </c>
      <c r="AM19" s="319">
        <v>0</v>
      </c>
      <c r="AN19" s="319">
        <v>0</v>
      </c>
      <c r="AO19" s="319">
        <v>83661</v>
      </c>
      <c r="AP19" s="319">
        <v>30663</v>
      </c>
      <c r="AQ19" s="319">
        <v>0</v>
      </c>
      <c r="AR19" s="320">
        <v>114324</v>
      </c>
      <c r="AS19" s="322">
        <v>114324</v>
      </c>
      <c r="AT19" s="318">
        <v>38513</v>
      </c>
      <c r="AU19" s="319">
        <v>93017</v>
      </c>
      <c r="AV19" s="320">
        <v>131530</v>
      </c>
      <c r="AW19" s="318">
        <v>0</v>
      </c>
      <c r="AX19" s="319">
        <v>204909</v>
      </c>
      <c r="AY19" s="319">
        <v>394386</v>
      </c>
      <c r="AZ19" s="319">
        <v>529056</v>
      </c>
      <c r="BA19" s="319">
        <v>462781</v>
      </c>
      <c r="BB19" s="319">
        <v>342002</v>
      </c>
      <c r="BC19" s="320">
        <v>1933134</v>
      </c>
      <c r="BD19" s="322">
        <v>2064664</v>
      </c>
      <c r="BE19" s="318">
        <v>0</v>
      </c>
      <c r="BF19" s="319">
        <v>0</v>
      </c>
      <c r="BG19" s="323">
        <v>0</v>
      </c>
      <c r="BH19" s="324">
        <v>0</v>
      </c>
      <c r="BI19" s="319">
        <v>50603</v>
      </c>
      <c r="BJ19" s="319">
        <v>126985</v>
      </c>
      <c r="BK19" s="319">
        <v>67472</v>
      </c>
      <c r="BL19" s="319">
        <v>8677</v>
      </c>
      <c r="BM19" s="319">
        <v>91169</v>
      </c>
      <c r="BN19" s="320">
        <v>344906</v>
      </c>
      <c r="BO19" s="322">
        <v>344906</v>
      </c>
      <c r="BP19" s="318">
        <v>57106</v>
      </c>
      <c r="BQ19" s="319">
        <v>99799</v>
      </c>
      <c r="BR19" s="320">
        <v>156905</v>
      </c>
      <c r="BS19" s="318">
        <v>0</v>
      </c>
      <c r="BT19" s="319">
        <v>166040</v>
      </c>
      <c r="BU19" s="319">
        <v>254576</v>
      </c>
      <c r="BV19" s="319">
        <v>218855</v>
      </c>
      <c r="BW19" s="319">
        <v>190407</v>
      </c>
      <c r="BX19" s="319">
        <v>142387</v>
      </c>
      <c r="BY19" s="320">
        <v>972265</v>
      </c>
      <c r="BZ19" s="322">
        <v>1129170</v>
      </c>
      <c r="CA19" s="318">
        <v>0</v>
      </c>
      <c r="CB19" s="319">
        <v>31518</v>
      </c>
      <c r="CC19" s="320">
        <v>31518</v>
      </c>
      <c r="CD19" s="318">
        <v>0</v>
      </c>
      <c r="CE19" s="319">
        <v>476240</v>
      </c>
      <c r="CF19" s="319">
        <v>1243769</v>
      </c>
      <c r="CG19" s="319">
        <v>1129802</v>
      </c>
      <c r="CH19" s="319">
        <v>626048</v>
      </c>
      <c r="CI19" s="319">
        <v>15405</v>
      </c>
      <c r="CJ19" s="320">
        <v>3491264</v>
      </c>
      <c r="CK19" s="322">
        <v>3522782</v>
      </c>
      <c r="CL19" s="318">
        <v>0</v>
      </c>
      <c r="CM19" s="319">
        <v>0</v>
      </c>
      <c r="CN19" s="320">
        <v>0</v>
      </c>
      <c r="CO19" s="324">
        <v>0</v>
      </c>
      <c r="CP19" s="319">
        <v>443147</v>
      </c>
      <c r="CQ19" s="319">
        <v>1139602</v>
      </c>
      <c r="CR19" s="319">
        <v>867324</v>
      </c>
      <c r="CS19" s="319">
        <v>506053</v>
      </c>
      <c r="CT19" s="319">
        <v>15405</v>
      </c>
      <c r="CU19" s="320">
        <v>2971531</v>
      </c>
      <c r="CV19" s="322">
        <v>2971531</v>
      </c>
      <c r="CW19" s="318">
        <v>0</v>
      </c>
      <c r="CX19" s="319">
        <v>31518</v>
      </c>
      <c r="CY19" s="320">
        <v>31518</v>
      </c>
      <c r="CZ19" s="318">
        <v>0</v>
      </c>
      <c r="DA19" s="319">
        <v>33093</v>
      </c>
      <c r="DB19" s="319">
        <v>104167</v>
      </c>
      <c r="DC19" s="319">
        <v>262478</v>
      </c>
      <c r="DD19" s="319">
        <v>119995</v>
      </c>
      <c r="DE19" s="319">
        <v>0</v>
      </c>
      <c r="DF19" s="320">
        <v>519733</v>
      </c>
      <c r="DG19" s="322">
        <v>551251</v>
      </c>
      <c r="DH19" s="318">
        <v>0</v>
      </c>
      <c r="DI19" s="319">
        <v>0</v>
      </c>
      <c r="DJ19" s="323">
        <v>0</v>
      </c>
      <c r="DK19" s="324">
        <v>0</v>
      </c>
      <c r="DL19" s="319">
        <v>51393</v>
      </c>
      <c r="DM19" s="319">
        <v>36853</v>
      </c>
      <c r="DN19" s="319">
        <v>719677</v>
      </c>
      <c r="DO19" s="319">
        <v>187739</v>
      </c>
      <c r="DP19" s="319">
        <v>252289</v>
      </c>
      <c r="DQ19" s="320">
        <v>1247951</v>
      </c>
      <c r="DR19" s="322">
        <v>1247951</v>
      </c>
      <c r="DS19" s="318">
        <v>0</v>
      </c>
      <c r="DT19" s="319">
        <v>0</v>
      </c>
      <c r="DU19" s="320">
        <v>0</v>
      </c>
      <c r="DV19" s="318">
        <v>0</v>
      </c>
      <c r="DW19" s="319">
        <v>51393</v>
      </c>
      <c r="DX19" s="319">
        <v>36853</v>
      </c>
      <c r="DY19" s="319">
        <v>520322</v>
      </c>
      <c r="DZ19" s="319">
        <v>113384</v>
      </c>
      <c r="EA19" s="319">
        <v>252289</v>
      </c>
      <c r="EB19" s="320">
        <v>974241</v>
      </c>
      <c r="EC19" s="322">
        <v>974241</v>
      </c>
      <c r="ED19" s="318">
        <v>0</v>
      </c>
      <c r="EE19" s="323">
        <v>0</v>
      </c>
      <c r="EF19" s="320">
        <v>0</v>
      </c>
      <c r="EG19" s="318">
        <v>0</v>
      </c>
      <c r="EH19" s="319">
        <v>0</v>
      </c>
      <c r="EI19" s="319">
        <v>0</v>
      </c>
      <c r="EJ19" s="319">
        <v>199355</v>
      </c>
      <c r="EK19" s="319">
        <v>74355</v>
      </c>
      <c r="EL19" s="319">
        <v>0</v>
      </c>
      <c r="EM19" s="323">
        <v>273710</v>
      </c>
      <c r="EN19" s="322">
        <v>273710</v>
      </c>
      <c r="EO19" s="318">
        <v>0</v>
      </c>
      <c r="EP19" s="319">
        <v>0</v>
      </c>
      <c r="EQ19" s="323">
        <v>0</v>
      </c>
      <c r="ER19" s="324">
        <v>0</v>
      </c>
      <c r="ES19" s="319">
        <v>0</v>
      </c>
      <c r="ET19" s="319">
        <v>0</v>
      </c>
      <c r="EU19" s="319">
        <v>0</v>
      </c>
      <c r="EV19" s="319">
        <v>0</v>
      </c>
      <c r="EW19" s="319">
        <v>0</v>
      </c>
      <c r="EX19" s="320">
        <v>0</v>
      </c>
      <c r="EY19" s="322">
        <v>0</v>
      </c>
      <c r="EZ19" s="318">
        <v>0</v>
      </c>
      <c r="FA19" s="319">
        <v>0</v>
      </c>
      <c r="FB19" s="323">
        <v>0</v>
      </c>
      <c r="FC19" s="325"/>
      <c r="FD19" s="319">
        <v>0</v>
      </c>
      <c r="FE19" s="319">
        <v>0</v>
      </c>
      <c r="FF19" s="319">
        <v>0</v>
      </c>
      <c r="FG19" s="319">
        <v>0</v>
      </c>
      <c r="FH19" s="319">
        <v>0</v>
      </c>
      <c r="FI19" s="320">
        <v>0</v>
      </c>
      <c r="FJ19" s="322">
        <v>0</v>
      </c>
      <c r="FK19" s="318">
        <v>169806</v>
      </c>
      <c r="FL19" s="319">
        <v>67900</v>
      </c>
      <c r="FM19" s="320">
        <v>237706</v>
      </c>
      <c r="FN19" s="318">
        <v>0</v>
      </c>
      <c r="FO19" s="319">
        <v>85316</v>
      </c>
      <c r="FP19" s="319">
        <v>442477</v>
      </c>
      <c r="FQ19" s="319">
        <v>355271</v>
      </c>
      <c r="FR19" s="319">
        <v>287098</v>
      </c>
      <c r="FS19" s="319">
        <v>162141</v>
      </c>
      <c r="FT19" s="320">
        <v>1332303</v>
      </c>
      <c r="FU19" s="322">
        <v>1570009</v>
      </c>
      <c r="FV19" s="326">
        <v>19460</v>
      </c>
      <c r="FW19" s="319">
        <v>54040</v>
      </c>
      <c r="FX19" s="323">
        <v>73500</v>
      </c>
      <c r="FY19" s="324">
        <v>0</v>
      </c>
      <c r="FZ19" s="319">
        <v>68684</v>
      </c>
      <c r="GA19" s="319">
        <v>403977</v>
      </c>
      <c r="GB19" s="319">
        <v>291571</v>
      </c>
      <c r="GC19" s="319">
        <v>257222</v>
      </c>
      <c r="GD19" s="319">
        <v>162141</v>
      </c>
      <c r="GE19" s="320">
        <v>1183595</v>
      </c>
      <c r="GF19" s="327">
        <v>1257095</v>
      </c>
      <c r="GG19" s="326">
        <v>10360</v>
      </c>
      <c r="GH19" s="319">
        <v>13860</v>
      </c>
      <c r="GI19" s="323">
        <v>24220</v>
      </c>
      <c r="GJ19" s="324">
        <v>0</v>
      </c>
      <c r="GK19" s="319">
        <v>16632</v>
      </c>
      <c r="GL19" s="319">
        <v>0</v>
      </c>
      <c r="GM19" s="319">
        <v>0</v>
      </c>
      <c r="GN19" s="319">
        <v>29876</v>
      </c>
      <c r="GO19" s="319">
        <v>0</v>
      </c>
      <c r="GP19" s="320">
        <v>46508</v>
      </c>
      <c r="GQ19" s="322">
        <v>70728</v>
      </c>
      <c r="GR19" s="318">
        <v>139986</v>
      </c>
      <c r="GS19" s="319">
        <v>0</v>
      </c>
      <c r="GT19" s="320">
        <v>139986</v>
      </c>
      <c r="GU19" s="318">
        <v>0</v>
      </c>
      <c r="GV19" s="319">
        <v>0</v>
      </c>
      <c r="GW19" s="319">
        <v>38500</v>
      </c>
      <c r="GX19" s="319">
        <v>63700</v>
      </c>
      <c r="GY19" s="319">
        <v>0</v>
      </c>
      <c r="GZ19" s="319">
        <v>0</v>
      </c>
      <c r="HA19" s="323">
        <v>102200</v>
      </c>
      <c r="HB19" s="322">
        <v>242186</v>
      </c>
      <c r="HC19" s="318">
        <v>181882</v>
      </c>
      <c r="HD19" s="319">
        <v>548266</v>
      </c>
      <c r="HE19" s="323">
        <v>730148</v>
      </c>
      <c r="HF19" s="324">
        <v>0</v>
      </c>
      <c r="HG19" s="319">
        <v>1889238</v>
      </c>
      <c r="HH19" s="319">
        <v>1863319</v>
      </c>
      <c r="HI19" s="319">
        <v>1211687</v>
      </c>
      <c r="HJ19" s="319">
        <v>557542</v>
      </c>
      <c r="HK19" s="319">
        <v>1148110</v>
      </c>
      <c r="HL19" s="320">
        <v>6669896</v>
      </c>
      <c r="HM19" s="321">
        <v>7400044</v>
      </c>
      <c r="HN19" s="411"/>
      <c r="HO19" s="411"/>
      <c r="HP19" s="411"/>
      <c r="HQ19" s="411"/>
      <c r="HR19" s="411"/>
      <c r="HS19" s="411"/>
      <c r="HT19" s="411"/>
      <c r="HU19" s="411"/>
      <c r="HV19" s="411"/>
      <c r="HW19" s="411"/>
      <c r="HX19" s="424"/>
      <c r="HY19" s="330">
        <v>0</v>
      </c>
      <c r="HZ19" s="329">
        <v>0</v>
      </c>
      <c r="IA19" s="330">
        <v>0</v>
      </c>
      <c r="IB19" s="353">
        <v>0</v>
      </c>
      <c r="IC19" s="329">
        <v>249541</v>
      </c>
      <c r="ID19" s="354">
        <v>706448</v>
      </c>
      <c r="IE19" s="330">
        <v>1069630</v>
      </c>
      <c r="IF19" s="329">
        <v>486309</v>
      </c>
      <c r="IG19" s="330">
        <v>0</v>
      </c>
      <c r="IH19" s="355">
        <v>2511928</v>
      </c>
      <c r="II19" s="336">
        <v>2511928</v>
      </c>
      <c r="IJ19" s="337">
        <v>0</v>
      </c>
      <c r="IK19" s="338">
        <v>0</v>
      </c>
      <c r="IL19" s="339">
        <v>0</v>
      </c>
      <c r="IM19" s="411"/>
      <c r="IN19" s="341">
        <v>0</v>
      </c>
      <c r="IO19" s="341">
        <v>0</v>
      </c>
      <c r="IP19" s="341">
        <v>0</v>
      </c>
      <c r="IQ19" s="341">
        <v>0</v>
      </c>
      <c r="IR19" s="341">
        <v>0</v>
      </c>
      <c r="IS19" s="342">
        <v>0</v>
      </c>
      <c r="IT19" s="343">
        <v>0</v>
      </c>
      <c r="IU19" s="344">
        <v>0</v>
      </c>
      <c r="IV19" s="341">
        <v>0</v>
      </c>
      <c r="IW19" s="345">
        <v>0</v>
      </c>
      <c r="IX19" s="411"/>
      <c r="IY19" s="341">
        <v>0</v>
      </c>
      <c r="IZ19" s="341">
        <v>0</v>
      </c>
      <c r="JA19" s="341">
        <v>0</v>
      </c>
      <c r="JB19" s="341">
        <v>0</v>
      </c>
      <c r="JC19" s="341">
        <v>0</v>
      </c>
      <c r="JD19" s="345">
        <v>0</v>
      </c>
      <c r="JE19" s="347">
        <v>0</v>
      </c>
      <c r="JF19" s="344">
        <v>0</v>
      </c>
      <c r="JG19" s="341">
        <v>0</v>
      </c>
      <c r="JH19" s="342">
        <v>0</v>
      </c>
      <c r="JI19" s="348">
        <v>0</v>
      </c>
      <c r="JJ19" s="341">
        <v>249541</v>
      </c>
      <c r="JK19" s="341">
        <v>344582</v>
      </c>
      <c r="JL19" s="341">
        <v>517192</v>
      </c>
      <c r="JM19" s="341">
        <v>84011</v>
      </c>
      <c r="JN19" s="341">
        <v>0</v>
      </c>
      <c r="JO19" s="345">
        <v>1195326</v>
      </c>
      <c r="JP19" s="343">
        <v>1195326</v>
      </c>
      <c r="JQ19" s="344">
        <v>0</v>
      </c>
      <c r="JR19" s="341">
        <v>0</v>
      </c>
      <c r="JS19" s="342">
        <v>0</v>
      </c>
      <c r="JT19" s="348">
        <v>0</v>
      </c>
      <c r="JU19" s="341">
        <v>0</v>
      </c>
      <c r="JV19" s="341">
        <v>0</v>
      </c>
      <c r="JW19" s="341">
        <v>0</v>
      </c>
      <c r="JX19" s="341">
        <v>0</v>
      </c>
      <c r="JY19" s="341">
        <v>0</v>
      </c>
      <c r="JZ19" s="345">
        <v>0</v>
      </c>
      <c r="KA19" s="343">
        <v>0</v>
      </c>
      <c r="KB19" s="349">
        <v>0</v>
      </c>
      <c r="KC19" s="350">
        <v>0</v>
      </c>
      <c r="KD19" s="345">
        <v>0</v>
      </c>
      <c r="KE19" s="348">
        <v>0</v>
      </c>
      <c r="KF19" s="341">
        <v>0</v>
      </c>
      <c r="KG19" s="341">
        <v>151866</v>
      </c>
      <c r="KH19" s="341">
        <v>0</v>
      </c>
      <c r="KI19" s="341">
        <v>0</v>
      </c>
      <c r="KJ19" s="341">
        <v>0</v>
      </c>
      <c r="KK19" s="345">
        <v>151866</v>
      </c>
      <c r="KL19" s="351">
        <v>151866</v>
      </c>
      <c r="KM19" s="337">
        <v>0</v>
      </c>
      <c r="KN19" s="338">
        <v>0</v>
      </c>
      <c r="KO19" s="339">
        <v>0</v>
      </c>
      <c r="KP19" s="340"/>
      <c r="KQ19" s="341">
        <v>0</v>
      </c>
      <c r="KR19" s="341">
        <v>210000</v>
      </c>
      <c r="KS19" s="341">
        <v>219398</v>
      </c>
      <c r="KT19" s="341">
        <v>220040</v>
      </c>
      <c r="KU19" s="341">
        <v>0</v>
      </c>
      <c r="KV19" s="345">
        <v>649438</v>
      </c>
      <c r="KW19" s="343">
        <v>649438</v>
      </c>
      <c r="KX19" s="344">
        <v>0</v>
      </c>
      <c r="KY19" s="341">
        <v>0</v>
      </c>
      <c r="KZ19" s="345">
        <v>0</v>
      </c>
      <c r="LA19" s="352"/>
      <c r="LB19" s="341">
        <v>0</v>
      </c>
      <c r="LC19" s="341">
        <v>0</v>
      </c>
      <c r="LD19" s="341">
        <v>333040</v>
      </c>
      <c r="LE19" s="341">
        <v>182258</v>
      </c>
      <c r="LF19" s="341">
        <v>0</v>
      </c>
      <c r="LG19" s="345">
        <v>515298</v>
      </c>
      <c r="LH19" s="347">
        <v>515298</v>
      </c>
      <c r="LI19" s="344">
        <v>0</v>
      </c>
      <c r="LJ19" s="341">
        <v>0</v>
      </c>
      <c r="LK19" s="345">
        <v>0</v>
      </c>
      <c r="LL19" s="352"/>
      <c r="LM19" s="341">
        <v>0</v>
      </c>
      <c r="LN19" s="341">
        <v>0</v>
      </c>
      <c r="LO19" s="341">
        <v>0</v>
      </c>
      <c r="LP19" s="341">
        <v>0</v>
      </c>
      <c r="LQ19" s="341">
        <v>0</v>
      </c>
      <c r="LR19" s="345">
        <v>0</v>
      </c>
      <c r="LS19" s="343">
        <v>0</v>
      </c>
      <c r="LT19" s="344">
        <v>0</v>
      </c>
      <c r="LU19" s="341">
        <v>0</v>
      </c>
      <c r="LV19" s="345">
        <v>0</v>
      </c>
      <c r="LW19" s="352"/>
      <c r="LX19" s="341">
        <v>0</v>
      </c>
      <c r="LY19" s="341">
        <v>0</v>
      </c>
      <c r="LZ19" s="341">
        <v>0</v>
      </c>
      <c r="MA19" s="341">
        <v>0</v>
      </c>
      <c r="MB19" s="341">
        <v>0</v>
      </c>
      <c r="MC19" s="345">
        <v>0</v>
      </c>
      <c r="MD19" s="347">
        <v>0</v>
      </c>
      <c r="ME19" s="344">
        <v>0</v>
      </c>
      <c r="MF19" s="341">
        <v>0</v>
      </c>
      <c r="MG19" s="345">
        <v>0</v>
      </c>
      <c r="MH19" s="352"/>
      <c r="MI19" s="341">
        <v>0</v>
      </c>
      <c r="MJ19" s="341">
        <v>21425</v>
      </c>
      <c r="MK19" s="341">
        <v>1060720</v>
      </c>
      <c r="ML19" s="341">
        <v>1146237</v>
      </c>
      <c r="MM19" s="341">
        <v>1745422</v>
      </c>
      <c r="MN19" s="345">
        <v>3973804</v>
      </c>
      <c r="MO19" s="351">
        <v>3973804</v>
      </c>
      <c r="MP19" s="344">
        <v>0</v>
      </c>
      <c r="MQ19" s="341">
        <v>0</v>
      </c>
      <c r="MR19" s="345">
        <v>0</v>
      </c>
      <c r="MS19" s="352"/>
      <c r="MT19" s="341">
        <v>0</v>
      </c>
      <c r="MU19" s="341">
        <v>0</v>
      </c>
      <c r="MV19" s="341">
        <v>598050</v>
      </c>
      <c r="MW19" s="341">
        <v>1146237</v>
      </c>
      <c r="MX19" s="341">
        <v>1476780</v>
      </c>
      <c r="MY19" s="345">
        <v>3221067</v>
      </c>
      <c r="MZ19" s="351">
        <v>3221067</v>
      </c>
      <c r="NA19" s="344">
        <v>0</v>
      </c>
      <c r="NB19" s="341">
        <v>0</v>
      </c>
      <c r="NC19" s="345">
        <v>0</v>
      </c>
      <c r="ND19" s="352"/>
      <c r="NE19" s="341">
        <v>0</v>
      </c>
      <c r="NF19" s="341">
        <v>21425</v>
      </c>
      <c r="NG19" s="341">
        <v>462670</v>
      </c>
      <c r="NH19" s="341">
        <v>0</v>
      </c>
      <c r="NI19" s="341">
        <v>268642</v>
      </c>
      <c r="NJ19" s="345">
        <v>752737</v>
      </c>
      <c r="NK19" s="343">
        <v>752737</v>
      </c>
      <c r="NL19" s="344">
        <v>0</v>
      </c>
      <c r="NM19" s="341">
        <v>0</v>
      </c>
      <c r="NN19" s="345">
        <v>0</v>
      </c>
      <c r="NO19" s="352"/>
      <c r="NP19" s="341">
        <v>0</v>
      </c>
      <c r="NQ19" s="341">
        <v>0</v>
      </c>
      <c r="NR19" s="341">
        <v>0</v>
      </c>
      <c r="NS19" s="341">
        <v>0</v>
      </c>
      <c r="NT19" s="341">
        <v>0</v>
      </c>
      <c r="NU19" s="345">
        <v>0</v>
      </c>
      <c r="NV19" s="347">
        <v>0</v>
      </c>
      <c r="NW19" s="344">
        <v>0</v>
      </c>
      <c r="NX19" s="341">
        <v>0</v>
      </c>
      <c r="NY19" s="345">
        <v>0</v>
      </c>
      <c r="NZ19" s="352"/>
      <c r="OA19" s="341">
        <v>0</v>
      </c>
      <c r="OB19" s="341">
        <v>0</v>
      </c>
      <c r="OC19" s="341">
        <v>0</v>
      </c>
      <c r="OD19" s="341">
        <v>0</v>
      </c>
      <c r="OE19" s="341">
        <v>0</v>
      </c>
      <c r="OF19" s="345">
        <v>0</v>
      </c>
      <c r="OG19" s="347">
        <v>0</v>
      </c>
      <c r="OH19" s="344">
        <v>447307</v>
      </c>
      <c r="OI19" s="341">
        <v>840500</v>
      </c>
      <c r="OJ19" s="342">
        <v>1287807</v>
      </c>
      <c r="OK19" s="348">
        <v>0</v>
      </c>
      <c r="OL19" s="341">
        <v>3515582</v>
      </c>
      <c r="OM19" s="341">
        <v>5584698</v>
      </c>
      <c r="ON19" s="341">
        <v>7565865</v>
      </c>
      <c r="OO19" s="341">
        <v>5400440</v>
      </c>
      <c r="OP19" s="341">
        <v>5035351</v>
      </c>
      <c r="OQ19" s="345">
        <v>27101936</v>
      </c>
      <c r="OR19" s="351">
        <v>28389743</v>
      </c>
    </row>
    <row r="20" spans="1:408" ht="20.25" customHeight="1" x14ac:dyDescent="0.2">
      <c r="A20" s="111" t="s">
        <v>15</v>
      </c>
      <c r="B20" s="318">
        <v>121959</v>
      </c>
      <c r="C20" s="319">
        <v>323961</v>
      </c>
      <c r="D20" s="320">
        <v>445920</v>
      </c>
      <c r="E20" s="321">
        <v>0</v>
      </c>
      <c r="F20" s="319">
        <v>1364866</v>
      </c>
      <c r="G20" s="319">
        <v>783657</v>
      </c>
      <c r="H20" s="319">
        <v>1210806</v>
      </c>
      <c r="I20" s="319">
        <v>890643</v>
      </c>
      <c r="J20" s="319">
        <v>1044489</v>
      </c>
      <c r="K20" s="321">
        <v>5294461</v>
      </c>
      <c r="L20" s="322">
        <v>5740381</v>
      </c>
      <c r="M20" s="318">
        <v>0</v>
      </c>
      <c r="N20" s="319">
        <v>30450</v>
      </c>
      <c r="O20" s="320">
        <v>30450</v>
      </c>
      <c r="P20" s="318">
        <v>0</v>
      </c>
      <c r="Q20" s="319">
        <v>174763</v>
      </c>
      <c r="R20" s="319">
        <v>189443</v>
      </c>
      <c r="S20" s="319">
        <v>295334</v>
      </c>
      <c r="T20" s="319">
        <v>314293</v>
      </c>
      <c r="U20" s="319">
        <v>677821</v>
      </c>
      <c r="V20" s="320">
        <v>1651654</v>
      </c>
      <c r="W20" s="322">
        <v>1682104</v>
      </c>
      <c r="X20" s="318">
        <v>0</v>
      </c>
      <c r="Y20" s="319">
        <v>0</v>
      </c>
      <c r="Z20" s="320">
        <v>0</v>
      </c>
      <c r="AA20" s="318">
        <v>0</v>
      </c>
      <c r="AB20" s="319">
        <v>78501</v>
      </c>
      <c r="AC20" s="319">
        <v>67935</v>
      </c>
      <c r="AD20" s="319">
        <v>0</v>
      </c>
      <c r="AE20" s="319">
        <v>83117</v>
      </c>
      <c r="AF20" s="319">
        <v>237601</v>
      </c>
      <c r="AG20" s="320">
        <v>467154</v>
      </c>
      <c r="AH20" s="322">
        <v>467154</v>
      </c>
      <c r="AI20" s="318">
        <v>0</v>
      </c>
      <c r="AJ20" s="319">
        <v>0</v>
      </c>
      <c r="AK20" s="320">
        <v>0</v>
      </c>
      <c r="AL20" s="318">
        <v>0</v>
      </c>
      <c r="AM20" s="319">
        <v>0</v>
      </c>
      <c r="AN20" s="319">
        <v>0</v>
      </c>
      <c r="AO20" s="319">
        <v>0</v>
      </c>
      <c r="AP20" s="319">
        <v>0</v>
      </c>
      <c r="AQ20" s="319">
        <v>233917</v>
      </c>
      <c r="AR20" s="320">
        <v>233917</v>
      </c>
      <c r="AS20" s="322">
        <v>233917</v>
      </c>
      <c r="AT20" s="318">
        <v>0</v>
      </c>
      <c r="AU20" s="319">
        <v>0</v>
      </c>
      <c r="AV20" s="320">
        <v>0</v>
      </c>
      <c r="AW20" s="318">
        <v>0</v>
      </c>
      <c r="AX20" s="319">
        <v>38948</v>
      </c>
      <c r="AY20" s="319">
        <v>59845</v>
      </c>
      <c r="AZ20" s="319">
        <v>203214</v>
      </c>
      <c r="BA20" s="319">
        <v>156652</v>
      </c>
      <c r="BB20" s="319">
        <v>155536</v>
      </c>
      <c r="BC20" s="320">
        <v>614195</v>
      </c>
      <c r="BD20" s="322">
        <v>614195</v>
      </c>
      <c r="BE20" s="318">
        <v>0</v>
      </c>
      <c r="BF20" s="319">
        <v>0</v>
      </c>
      <c r="BG20" s="323">
        <v>0</v>
      </c>
      <c r="BH20" s="324">
        <v>0</v>
      </c>
      <c r="BI20" s="319">
        <v>9245</v>
      </c>
      <c r="BJ20" s="319">
        <v>0</v>
      </c>
      <c r="BK20" s="319">
        <v>0</v>
      </c>
      <c r="BL20" s="319">
        <v>48540</v>
      </c>
      <c r="BM20" s="319">
        <v>27737</v>
      </c>
      <c r="BN20" s="320">
        <v>85522</v>
      </c>
      <c r="BO20" s="322">
        <v>85522</v>
      </c>
      <c r="BP20" s="318">
        <v>0</v>
      </c>
      <c r="BQ20" s="319">
        <v>30450</v>
      </c>
      <c r="BR20" s="320">
        <v>30450</v>
      </c>
      <c r="BS20" s="318">
        <v>0</v>
      </c>
      <c r="BT20" s="319">
        <v>48069</v>
      </c>
      <c r="BU20" s="319">
        <v>61663</v>
      </c>
      <c r="BV20" s="319">
        <v>92120</v>
      </c>
      <c r="BW20" s="319">
        <v>25984</v>
      </c>
      <c r="BX20" s="319">
        <v>23030</v>
      </c>
      <c r="BY20" s="320">
        <v>250866</v>
      </c>
      <c r="BZ20" s="322">
        <v>281316</v>
      </c>
      <c r="CA20" s="318">
        <v>0</v>
      </c>
      <c r="CB20" s="319">
        <v>33949</v>
      </c>
      <c r="CC20" s="320">
        <v>33949</v>
      </c>
      <c r="CD20" s="318">
        <v>0</v>
      </c>
      <c r="CE20" s="319">
        <v>183976</v>
      </c>
      <c r="CF20" s="319">
        <v>149675</v>
      </c>
      <c r="CG20" s="319">
        <v>276371</v>
      </c>
      <c r="CH20" s="319">
        <v>58747</v>
      </c>
      <c r="CI20" s="319">
        <v>84378</v>
      </c>
      <c r="CJ20" s="320">
        <v>753147</v>
      </c>
      <c r="CK20" s="322">
        <v>787096</v>
      </c>
      <c r="CL20" s="318">
        <v>0</v>
      </c>
      <c r="CM20" s="319">
        <v>0</v>
      </c>
      <c r="CN20" s="320">
        <v>0</v>
      </c>
      <c r="CO20" s="324">
        <v>0</v>
      </c>
      <c r="CP20" s="319">
        <v>107380</v>
      </c>
      <c r="CQ20" s="319">
        <v>99449</v>
      </c>
      <c r="CR20" s="319">
        <v>194590</v>
      </c>
      <c r="CS20" s="319">
        <v>58747</v>
      </c>
      <c r="CT20" s="319">
        <v>0</v>
      </c>
      <c r="CU20" s="320">
        <v>460166</v>
      </c>
      <c r="CV20" s="322">
        <v>460166</v>
      </c>
      <c r="CW20" s="318">
        <v>0</v>
      </c>
      <c r="CX20" s="319">
        <v>33949</v>
      </c>
      <c r="CY20" s="320">
        <v>33949</v>
      </c>
      <c r="CZ20" s="318">
        <v>0</v>
      </c>
      <c r="DA20" s="319">
        <v>76596</v>
      </c>
      <c r="DB20" s="319">
        <v>50226</v>
      </c>
      <c r="DC20" s="319">
        <v>81781</v>
      </c>
      <c r="DD20" s="319">
        <v>0</v>
      </c>
      <c r="DE20" s="319">
        <v>84378</v>
      </c>
      <c r="DF20" s="320">
        <v>292981</v>
      </c>
      <c r="DG20" s="322">
        <v>326930</v>
      </c>
      <c r="DH20" s="318">
        <v>0</v>
      </c>
      <c r="DI20" s="319">
        <v>0</v>
      </c>
      <c r="DJ20" s="323">
        <v>0</v>
      </c>
      <c r="DK20" s="324">
        <v>0</v>
      </c>
      <c r="DL20" s="319">
        <v>0</v>
      </c>
      <c r="DM20" s="319">
        <v>53494</v>
      </c>
      <c r="DN20" s="319">
        <v>0</v>
      </c>
      <c r="DO20" s="319">
        <v>344164</v>
      </c>
      <c r="DP20" s="319">
        <v>165929</v>
      </c>
      <c r="DQ20" s="320">
        <v>563587</v>
      </c>
      <c r="DR20" s="322">
        <v>563587</v>
      </c>
      <c r="DS20" s="318">
        <v>0</v>
      </c>
      <c r="DT20" s="319">
        <v>0</v>
      </c>
      <c r="DU20" s="320">
        <v>0</v>
      </c>
      <c r="DV20" s="318">
        <v>0</v>
      </c>
      <c r="DW20" s="319">
        <v>0</v>
      </c>
      <c r="DX20" s="319">
        <v>53494</v>
      </c>
      <c r="DY20" s="319">
        <v>0</v>
      </c>
      <c r="DZ20" s="319">
        <v>344164</v>
      </c>
      <c r="EA20" s="319">
        <v>165929</v>
      </c>
      <c r="EB20" s="320">
        <v>563587</v>
      </c>
      <c r="EC20" s="322">
        <v>563587</v>
      </c>
      <c r="ED20" s="318">
        <v>0</v>
      </c>
      <c r="EE20" s="323">
        <v>0</v>
      </c>
      <c r="EF20" s="320">
        <v>0</v>
      </c>
      <c r="EG20" s="318">
        <v>0</v>
      </c>
      <c r="EH20" s="319">
        <v>0</v>
      </c>
      <c r="EI20" s="319">
        <v>0</v>
      </c>
      <c r="EJ20" s="319">
        <v>0</v>
      </c>
      <c r="EK20" s="319">
        <v>0</v>
      </c>
      <c r="EL20" s="319">
        <v>0</v>
      </c>
      <c r="EM20" s="323">
        <v>0</v>
      </c>
      <c r="EN20" s="322">
        <v>0</v>
      </c>
      <c r="EO20" s="318">
        <v>0</v>
      </c>
      <c r="EP20" s="319">
        <v>0</v>
      </c>
      <c r="EQ20" s="323">
        <v>0</v>
      </c>
      <c r="ER20" s="324">
        <v>0</v>
      </c>
      <c r="ES20" s="319">
        <v>0</v>
      </c>
      <c r="ET20" s="319">
        <v>0</v>
      </c>
      <c r="EU20" s="319">
        <v>0</v>
      </c>
      <c r="EV20" s="319">
        <v>0</v>
      </c>
      <c r="EW20" s="319">
        <v>0</v>
      </c>
      <c r="EX20" s="320">
        <v>0</v>
      </c>
      <c r="EY20" s="322">
        <v>0</v>
      </c>
      <c r="EZ20" s="318">
        <v>0</v>
      </c>
      <c r="FA20" s="319">
        <v>0</v>
      </c>
      <c r="FB20" s="323">
        <v>0</v>
      </c>
      <c r="FC20" s="325"/>
      <c r="FD20" s="319">
        <v>0</v>
      </c>
      <c r="FE20" s="319">
        <v>0</v>
      </c>
      <c r="FF20" s="319">
        <v>0</v>
      </c>
      <c r="FG20" s="319">
        <v>0</v>
      </c>
      <c r="FH20" s="319">
        <v>0</v>
      </c>
      <c r="FI20" s="320">
        <v>0</v>
      </c>
      <c r="FJ20" s="322">
        <v>0</v>
      </c>
      <c r="FK20" s="318">
        <v>0</v>
      </c>
      <c r="FL20" s="319">
        <v>22400</v>
      </c>
      <c r="FM20" s="320">
        <v>22400</v>
      </c>
      <c r="FN20" s="318">
        <v>0</v>
      </c>
      <c r="FO20" s="319">
        <v>43067</v>
      </c>
      <c r="FP20" s="319">
        <v>91210</v>
      </c>
      <c r="FQ20" s="319">
        <v>122787</v>
      </c>
      <c r="FR20" s="319">
        <v>173439</v>
      </c>
      <c r="FS20" s="319">
        <v>116361</v>
      </c>
      <c r="FT20" s="320">
        <v>546864</v>
      </c>
      <c r="FU20" s="322">
        <v>569264</v>
      </c>
      <c r="FV20" s="326">
        <v>0</v>
      </c>
      <c r="FW20" s="319">
        <v>22400</v>
      </c>
      <c r="FX20" s="323">
        <v>22400</v>
      </c>
      <c r="FY20" s="324">
        <v>0</v>
      </c>
      <c r="FZ20" s="319">
        <v>18004</v>
      </c>
      <c r="GA20" s="319">
        <v>91210</v>
      </c>
      <c r="GB20" s="319">
        <v>122787</v>
      </c>
      <c r="GC20" s="319">
        <v>173439</v>
      </c>
      <c r="GD20" s="319">
        <v>116361</v>
      </c>
      <c r="GE20" s="320">
        <v>521801</v>
      </c>
      <c r="GF20" s="327">
        <v>544201</v>
      </c>
      <c r="GG20" s="326">
        <v>0</v>
      </c>
      <c r="GH20" s="319">
        <v>0</v>
      </c>
      <c r="GI20" s="323">
        <v>0</v>
      </c>
      <c r="GJ20" s="324">
        <v>0</v>
      </c>
      <c r="GK20" s="319">
        <v>25063</v>
      </c>
      <c r="GL20" s="319">
        <v>0</v>
      </c>
      <c r="GM20" s="319">
        <v>0</v>
      </c>
      <c r="GN20" s="319">
        <v>0</v>
      </c>
      <c r="GO20" s="319">
        <v>0</v>
      </c>
      <c r="GP20" s="320">
        <v>25063</v>
      </c>
      <c r="GQ20" s="322">
        <v>25063</v>
      </c>
      <c r="GR20" s="318">
        <v>0</v>
      </c>
      <c r="GS20" s="319">
        <v>0</v>
      </c>
      <c r="GT20" s="320">
        <v>0</v>
      </c>
      <c r="GU20" s="318">
        <v>0</v>
      </c>
      <c r="GV20" s="319">
        <v>0</v>
      </c>
      <c r="GW20" s="319">
        <v>0</v>
      </c>
      <c r="GX20" s="319">
        <v>0</v>
      </c>
      <c r="GY20" s="319">
        <v>0</v>
      </c>
      <c r="GZ20" s="319">
        <v>0</v>
      </c>
      <c r="HA20" s="323">
        <v>0</v>
      </c>
      <c r="HB20" s="322">
        <v>0</v>
      </c>
      <c r="HC20" s="318">
        <v>121959</v>
      </c>
      <c r="HD20" s="319">
        <v>237162</v>
      </c>
      <c r="HE20" s="323">
        <v>359121</v>
      </c>
      <c r="HF20" s="324">
        <v>0</v>
      </c>
      <c r="HG20" s="319">
        <v>963060</v>
      </c>
      <c r="HH20" s="319">
        <v>299835</v>
      </c>
      <c r="HI20" s="319">
        <v>516314</v>
      </c>
      <c r="HJ20" s="319">
        <v>0</v>
      </c>
      <c r="HK20" s="319">
        <v>0</v>
      </c>
      <c r="HL20" s="320">
        <v>1779209</v>
      </c>
      <c r="HM20" s="321">
        <v>2138330</v>
      </c>
      <c r="HN20" s="411"/>
      <c r="HO20" s="411"/>
      <c r="HP20" s="411"/>
      <c r="HQ20" s="411"/>
      <c r="HR20" s="411"/>
      <c r="HS20" s="411"/>
      <c r="HT20" s="411"/>
      <c r="HU20" s="411"/>
      <c r="HV20" s="411"/>
      <c r="HW20" s="411"/>
      <c r="HX20" s="424"/>
      <c r="HY20" s="357">
        <v>0</v>
      </c>
      <c r="HZ20" s="332">
        <v>0</v>
      </c>
      <c r="IA20" s="357">
        <v>0</v>
      </c>
      <c r="IB20" s="331">
        <v>0</v>
      </c>
      <c r="IC20" s="332">
        <v>587762</v>
      </c>
      <c r="ID20" s="333">
        <v>557610</v>
      </c>
      <c r="IE20" s="334">
        <v>508812</v>
      </c>
      <c r="IF20" s="332">
        <v>653201</v>
      </c>
      <c r="IG20" s="334">
        <v>44003</v>
      </c>
      <c r="IH20" s="335">
        <v>2351388</v>
      </c>
      <c r="II20" s="357">
        <v>2351388</v>
      </c>
      <c r="IJ20" s="337">
        <v>0</v>
      </c>
      <c r="IK20" s="338">
        <v>0</v>
      </c>
      <c r="IL20" s="339">
        <v>0</v>
      </c>
      <c r="IM20" s="411"/>
      <c r="IN20" s="341">
        <v>0</v>
      </c>
      <c r="IO20" s="341">
        <v>36652</v>
      </c>
      <c r="IP20" s="341">
        <v>0</v>
      </c>
      <c r="IQ20" s="341">
        <v>0</v>
      </c>
      <c r="IR20" s="341">
        <v>0</v>
      </c>
      <c r="IS20" s="342">
        <v>36652</v>
      </c>
      <c r="IT20" s="343">
        <v>36652</v>
      </c>
      <c r="IU20" s="344">
        <v>0</v>
      </c>
      <c r="IV20" s="341">
        <v>0</v>
      </c>
      <c r="IW20" s="345">
        <v>0</v>
      </c>
      <c r="IX20" s="411"/>
      <c r="IY20" s="341">
        <v>0</v>
      </c>
      <c r="IZ20" s="341">
        <v>0</v>
      </c>
      <c r="JA20" s="341">
        <v>0</v>
      </c>
      <c r="JB20" s="341">
        <v>0</v>
      </c>
      <c r="JC20" s="341">
        <v>0</v>
      </c>
      <c r="JD20" s="345">
        <v>0</v>
      </c>
      <c r="JE20" s="347">
        <v>0</v>
      </c>
      <c r="JF20" s="344">
        <v>0</v>
      </c>
      <c r="JG20" s="341">
        <v>0</v>
      </c>
      <c r="JH20" s="342">
        <v>0</v>
      </c>
      <c r="JI20" s="348">
        <v>0</v>
      </c>
      <c r="JJ20" s="341">
        <v>205280</v>
      </c>
      <c r="JK20" s="341">
        <v>315275</v>
      </c>
      <c r="JL20" s="341">
        <v>33744</v>
      </c>
      <c r="JM20" s="341">
        <v>440831</v>
      </c>
      <c r="JN20" s="341">
        <v>44003</v>
      </c>
      <c r="JO20" s="345">
        <v>1039133</v>
      </c>
      <c r="JP20" s="343">
        <v>1039133</v>
      </c>
      <c r="JQ20" s="344">
        <v>0</v>
      </c>
      <c r="JR20" s="341">
        <v>0</v>
      </c>
      <c r="JS20" s="342">
        <v>0</v>
      </c>
      <c r="JT20" s="348">
        <v>0</v>
      </c>
      <c r="JU20" s="341">
        <v>0</v>
      </c>
      <c r="JV20" s="341">
        <v>0</v>
      </c>
      <c r="JW20" s="341">
        <v>58245</v>
      </c>
      <c r="JX20" s="341">
        <v>0</v>
      </c>
      <c r="JY20" s="341">
        <v>0</v>
      </c>
      <c r="JZ20" s="345">
        <v>58245</v>
      </c>
      <c r="KA20" s="343">
        <v>58245</v>
      </c>
      <c r="KB20" s="349">
        <v>0</v>
      </c>
      <c r="KC20" s="350">
        <v>0</v>
      </c>
      <c r="KD20" s="345">
        <v>0</v>
      </c>
      <c r="KE20" s="348">
        <v>0</v>
      </c>
      <c r="KF20" s="341">
        <v>0</v>
      </c>
      <c r="KG20" s="341">
        <v>0</v>
      </c>
      <c r="KH20" s="341">
        <v>0</v>
      </c>
      <c r="KI20" s="341">
        <v>0</v>
      </c>
      <c r="KJ20" s="341">
        <v>0</v>
      </c>
      <c r="KK20" s="345">
        <v>0</v>
      </c>
      <c r="KL20" s="351">
        <v>0</v>
      </c>
      <c r="KM20" s="337">
        <v>0</v>
      </c>
      <c r="KN20" s="338">
        <v>0</v>
      </c>
      <c r="KO20" s="339">
        <v>0</v>
      </c>
      <c r="KP20" s="340"/>
      <c r="KQ20" s="341">
        <v>382482</v>
      </c>
      <c r="KR20" s="341">
        <v>205683</v>
      </c>
      <c r="KS20" s="341">
        <v>416823</v>
      </c>
      <c r="KT20" s="341">
        <v>212370</v>
      </c>
      <c r="KU20" s="341">
        <v>0</v>
      </c>
      <c r="KV20" s="345">
        <v>1217358</v>
      </c>
      <c r="KW20" s="343">
        <v>1217358</v>
      </c>
      <c r="KX20" s="344">
        <v>0</v>
      </c>
      <c r="KY20" s="341">
        <v>0</v>
      </c>
      <c r="KZ20" s="345">
        <v>0</v>
      </c>
      <c r="LA20" s="352"/>
      <c r="LB20" s="341">
        <v>0</v>
      </c>
      <c r="LC20" s="341">
        <v>0</v>
      </c>
      <c r="LD20" s="341">
        <v>0</v>
      </c>
      <c r="LE20" s="341">
        <v>0</v>
      </c>
      <c r="LF20" s="341">
        <v>0</v>
      </c>
      <c r="LG20" s="345">
        <v>0</v>
      </c>
      <c r="LH20" s="347">
        <v>0</v>
      </c>
      <c r="LI20" s="344">
        <v>0</v>
      </c>
      <c r="LJ20" s="341">
        <v>0</v>
      </c>
      <c r="LK20" s="345">
        <v>0</v>
      </c>
      <c r="LL20" s="352"/>
      <c r="LM20" s="341">
        <v>0</v>
      </c>
      <c r="LN20" s="341">
        <v>0</v>
      </c>
      <c r="LO20" s="341">
        <v>0</v>
      </c>
      <c r="LP20" s="341">
        <v>0</v>
      </c>
      <c r="LQ20" s="341">
        <v>0</v>
      </c>
      <c r="LR20" s="345">
        <v>0</v>
      </c>
      <c r="LS20" s="343">
        <v>0</v>
      </c>
      <c r="LT20" s="344">
        <v>0</v>
      </c>
      <c r="LU20" s="341">
        <v>0</v>
      </c>
      <c r="LV20" s="345">
        <v>0</v>
      </c>
      <c r="LW20" s="352"/>
      <c r="LX20" s="341">
        <v>0</v>
      </c>
      <c r="LY20" s="341">
        <v>0</v>
      </c>
      <c r="LZ20" s="341">
        <v>0</v>
      </c>
      <c r="MA20" s="341">
        <v>0</v>
      </c>
      <c r="MB20" s="341">
        <v>0</v>
      </c>
      <c r="MC20" s="345">
        <v>0</v>
      </c>
      <c r="MD20" s="347">
        <v>0</v>
      </c>
      <c r="ME20" s="344">
        <v>0</v>
      </c>
      <c r="MF20" s="341">
        <v>0</v>
      </c>
      <c r="MG20" s="345">
        <v>0</v>
      </c>
      <c r="MH20" s="352"/>
      <c r="MI20" s="341">
        <v>183693</v>
      </c>
      <c r="MJ20" s="341">
        <v>0</v>
      </c>
      <c r="MK20" s="341">
        <v>225755</v>
      </c>
      <c r="ML20" s="341">
        <v>446339</v>
      </c>
      <c r="MM20" s="341">
        <v>488398</v>
      </c>
      <c r="MN20" s="345">
        <v>1344185</v>
      </c>
      <c r="MO20" s="351">
        <v>1344185</v>
      </c>
      <c r="MP20" s="344">
        <v>0</v>
      </c>
      <c r="MQ20" s="341">
        <v>0</v>
      </c>
      <c r="MR20" s="345">
        <v>0</v>
      </c>
      <c r="MS20" s="352"/>
      <c r="MT20" s="341">
        <v>0</v>
      </c>
      <c r="MU20" s="341">
        <v>0</v>
      </c>
      <c r="MV20" s="341">
        <v>0</v>
      </c>
      <c r="MW20" s="341">
        <v>208923</v>
      </c>
      <c r="MX20" s="341">
        <v>488398</v>
      </c>
      <c r="MY20" s="345">
        <v>697321</v>
      </c>
      <c r="MZ20" s="351">
        <v>697321</v>
      </c>
      <c r="NA20" s="344">
        <v>0</v>
      </c>
      <c r="NB20" s="341">
        <v>0</v>
      </c>
      <c r="NC20" s="345">
        <v>0</v>
      </c>
      <c r="ND20" s="352"/>
      <c r="NE20" s="341">
        <v>183693</v>
      </c>
      <c r="NF20" s="341">
        <v>0</v>
      </c>
      <c r="NG20" s="341">
        <v>225755</v>
      </c>
      <c r="NH20" s="341">
        <v>237416</v>
      </c>
      <c r="NI20" s="341">
        <v>0</v>
      </c>
      <c r="NJ20" s="345">
        <v>646864</v>
      </c>
      <c r="NK20" s="343">
        <v>646864</v>
      </c>
      <c r="NL20" s="344">
        <v>0</v>
      </c>
      <c r="NM20" s="341">
        <v>0</v>
      </c>
      <c r="NN20" s="345">
        <v>0</v>
      </c>
      <c r="NO20" s="352"/>
      <c r="NP20" s="341">
        <v>0</v>
      </c>
      <c r="NQ20" s="341">
        <v>0</v>
      </c>
      <c r="NR20" s="341">
        <v>0</v>
      </c>
      <c r="NS20" s="341">
        <v>0</v>
      </c>
      <c r="NT20" s="341">
        <v>0</v>
      </c>
      <c r="NU20" s="345">
        <v>0</v>
      </c>
      <c r="NV20" s="347">
        <v>0</v>
      </c>
      <c r="NW20" s="344">
        <v>0</v>
      </c>
      <c r="NX20" s="341">
        <v>0</v>
      </c>
      <c r="NY20" s="345">
        <v>0</v>
      </c>
      <c r="NZ20" s="352"/>
      <c r="OA20" s="341">
        <v>0</v>
      </c>
      <c r="OB20" s="341">
        <v>0</v>
      </c>
      <c r="OC20" s="341">
        <v>0</v>
      </c>
      <c r="OD20" s="341">
        <v>0</v>
      </c>
      <c r="OE20" s="341">
        <v>0</v>
      </c>
      <c r="OF20" s="345">
        <v>0</v>
      </c>
      <c r="OG20" s="347">
        <v>0</v>
      </c>
      <c r="OH20" s="344">
        <v>121959</v>
      </c>
      <c r="OI20" s="341">
        <v>323961</v>
      </c>
      <c r="OJ20" s="342">
        <v>445920</v>
      </c>
      <c r="OK20" s="348">
        <v>0</v>
      </c>
      <c r="OL20" s="341">
        <v>2136321</v>
      </c>
      <c r="OM20" s="341">
        <v>1341267</v>
      </c>
      <c r="ON20" s="341">
        <v>1945373</v>
      </c>
      <c r="OO20" s="341">
        <v>1990183</v>
      </c>
      <c r="OP20" s="341">
        <v>1576890</v>
      </c>
      <c r="OQ20" s="345">
        <v>8990034</v>
      </c>
      <c r="OR20" s="351">
        <v>9435954</v>
      </c>
    </row>
    <row r="21" spans="1:408" ht="20.25" customHeight="1" x14ac:dyDescent="0.2">
      <c r="A21" s="111" t="s">
        <v>16</v>
      </c>
      <c r="B21" s="318">
        <v>712594</v>
      </c>
      <c r="C21" s="319">
        <v>318415</v>
      </c>
      <c r="D21" s="320">
        <v>1031009</v>
      </c>
      <c r="E21" s="321">
        <v>0</v>
      </c>
      <c r="F21" s="319">
        <v>3826563</v>
      </c>
      <c r="G21" s="319">
        <v>4822136</v>
      </c>
      <c r="H21" s="319">
        <v>2774552</v>
      </c>
      <c r="I21" s="319">
        <v>2676501</v>
      </c>
      <c r="J21" s="319">
        <v>2746346</v>
      </c>
      <c r="K21" s="321">
        <v>16846098</v>
      </c>
      <c r="L21" s="322">
        <v>17877107</v>
      </c>
      <c r="M21" s="318">
        <v>113165</v>
      </c>
      <c r="N21" s="319">
        <v>15827</v>
      </c>
      <c r="O21" s="320">
        <v>128992</v>
      </c>
      <c r="P21" s="318">
        <v>0</v>
      </c>
      <c r="Q21" s="319">
        <v>574792</v>
      </c>
      <c r="R21" s="319">
        <v>1003852</v>
      </c>
      <c r="S21" s="319">
        <v>1082203</v>
      </c>
      <c r="T21" s="319">
        <v>673126</v>
      </c>
      <c r="U21" s="319">
        <v>825593</v>
      </c>
      <c r="V21" s="320">
        <v>4159566</v>
      </c>
      <c r="W21" s="322">
        <v>4288558</v>
      </c>
      <c r="X21" s="318">
        <v>0</v>
      </c>
      <c r="Y21" s="319">
        <v>0</v>
      </c>
      <c r="Z21" s="320">
        <v>0</v>
      </c>
      <c r="AA21" s="318">
        <v>0</v>
      </c>
      <c r="AB21" s="319">
        <v>173471</v>
      </c>
      <c r="AC21" s="319">
        <v>397234</v>
      </c>
      <c r="AD21" s="319">
        <v>509032</v>
      </c>
      <c r="AE21" s="319">
        <v>356867</v>
      </c>
      <c r="AF21" s="319">
        <v>437518</v>
      </c>
      <c r="AG21" s="320">
        <v>1874122</v>
      </c>
      <c r="AH21" s="322">
        <v>1874122</v>
      </c>
      <c r="AI21" s="318">
        <v>0</v>
      </c>
      <c r="AJ21" s="319">
        <v>0</v>
      </c>
      <c r="AK21" s="320">
        <v>0</v>
      </c>
      <c r="AL21" s="318">
        <v>0</v>
      </c>
      <c r="AM21" s="319">
        <v>0</v>
      </c>
      <c r="AN21" s="319">
        <v>39445</v>
      </c>
      <c r="AO21" s="319">
        <v>19722</v>
      </c>
      <c r="AP21" s="319">
        <v>29584</v>
      </c>
      <c r="AQ21" s="319">
        <v>153341</v>
      </c>
      <c r="AR21" s="320">
        <v>242092</v>
      </c>
      <c r="AS21" s="322">
        <v>242092</v>
      </c>
      <c r="AT21" s="318">
        <v>70843</v>
      </c>
      <c r="AU21" s="319">
        <v>15827</v>
      </c>
      <c r="AV21" s="320">
        <v>86670</v>
      </c>
      <c r="AW21" s="318">
        <v>0</v>
      </c>
      <c r="AX21" s="319">
        <v>243562</v>
      </c>
      <c r="AY21" s="319">
        <v>456797</v>
      </c>
      <c r="AZ21" s="319">
        <v>446709</v>
      </c>
      <c r="BA21" s="319">
        <v>144309</v>
      </c>
      <c r="BB21" s="319">
        <v>71809</v>
      </c>
      <c r="BC21" s="320">
        <v>1363186</v>
      </c>
      <c r="BD21" s="322">
        <v>1449856</v>
      </c>
      <c r="BE21" s="318">
        <v>0</v>
      </c>
      <c r="BF21" s="319">
        <v>0</v>
      </c>
      <c r="BG21" s="323">
        <v>0</v>
      </c>
      <c r="BH21" s="324">
        <v>0</v>
      </c>
      <c r="BI21" s="319">
        <v>0</v>
      </c>
      <c r="BJ21" s="319">
        <v>0</v>
      </c>
      <c r="BK21" s="319">
        <v>52546</v>
      </c>
      <c r="BL21" s="319">
        <v>0</v>
      </c>
      <c r="BM21" s="319">
        <v>0</v>
      </c>
      <c r="BN21" s="320">
        <v>52546</v>
      </c>
      <c r="BO21" s="322">
        <v>52546</v>
      </c>
      <c r="BP21" s="318">
        <v>42322</v>
      </c>
      <c r="BQ21" s="319">
        <v>0</v>
      </c>
      <c r="BR21" s="320">
        <v>42322</v>
      </c>
      <c r="BS21" s="318">
        <v>0</v>
      </c>
      <c r="BT21" s="319">
        <v>157759</v>
      </c>
      <c r="BU21" s="319">
        <v>110376</v>
      </c>
      <c r="BV21" s="319">
        <v>54194</v>
      </c>
      <c r="BW21" s="319">
        <v>142366</v>
      </c>
      <c r="BX21" s="319">
        <v>162925</v>
      </c>
      <c r="BY21" s="320">
        <v>627620</v>
      </c>
      <c r="BZ21" s="322">
        <v>669942</v>
      </c>
      <c r="CA21" s="318">
        <v>148878</v>
      </c>
      <c r="CB21" s="319">
        <v>103387</v>
      </c>
      <c r="CC21" s="320">
        <v>252265</v>
      </c>
      <c r="CD21" s="318">
        <v>0</v>
      </c>
      <c r="CE21" s="319">
        <v>1336155</v>
      </c>
      <c r="CF21" s="319">
        <v>1778136</v>
      </c>
      <c r="CG21" s="319">
        <v>841646</v>
      </c>
      <c r="CH21" s="319">
        <v>456349</v>
      </c>
      <c r="CI21" s="319">
        <v>50143</v>
      </c>
      <c r="CJ21" s="320">
        <v>4462429</v>
      </c>
      <c r="CK21" s="322">
        <v>4714694</v>
      </c>
      <c r="CL21" s="318">
        <v>0</v>
      </c>
      <c r="CM21" s="319">
        <v>0</v>
      </c>
      <c r="CN21" s="320">
        <v>0</v>
      </c>
      <c r="CO21" s="324">
        <v>0</v>
      </c>
      <c r="CP21" s="319">
        <v>899851</v>
      </c>
      <c r="CQ21" s="319">
        <v>860253</v>
      </c>
      <c r="CR21" s="319">
        <v>527190</v>
      </c>
      <c r="CS21" s="319">
        <v>403940</v>
      </c>
      <c r="CT21" s="319">
        <v>50143</v>
      </c>
      <c r="CU21" s="320">
        <v>2741377</v>
      </c>
      <c r="CV21" s="322">
        <v>2741377</v>
      </c>
      <c r="CW21" s="318">
        <v>148878</v>
      </c>
      <c r="CX21" s="319">
        <v>103387</v>
      </c>
      <c r="CY21" s="320">
        <v>252265</v>
      </c>
      <c r="CZ21" s="318">
        <v>0</v>
      </c>
      <c r="DA21" s="319">
        <v>436304</v>
      </c>
      <c r="DB21" s="319">
        <v>917883</v>
      </c>
      <c r="DC21" s="319">
        <v>314456</v>
      </c>
      <c r="DD21" s="319">
        <v>52409</v>
      </c>
      <c r="DE21" s="319">
        <v>0</v>
      </c>
      <c r="DF21" s="320">
        <v>1721052</v>
      </c>
      <c r="DG21" s="322">
        <v>1973317</v>
      </c>
      <c r="DH21" s="318">
        <v>0</v>
      </c>
      <c r="DI21" s="319">
        <v>0</v>
      </c>
      <c r="DJ21" s="323">
        <v>0</v>
      </c>
      <c r="DK21" s="324">
        <v>0</v>
      </c>
      <c r="DL21" s="319">
        <v>18344</v>
      </c>
      <c r="DM21" s="319">
        <v>96018</v>
      </c>
      <c r="DN21" s="319">
        <v>197501</v>
      </c>
      <c r="DO21" s="319">
        <v>39596</v>
      </c>
      <c r="DP21" s="319">
        <v>97502</v>
      </c>
      <c r="DQ21" s="320">
        <v>448961</v>
      </c>
      <c r="DR21" s="322">
        <v>448961</v>
      </c>
      <c r="DS21" s="318">
        <v>0</v>
      </c>
      <c r="DT21" s="319">
        <v>0</v>
      </c>
      <c r="DU21" s="320">
        <v>0</v>
      </c>
      <c r="DV21" s="318">
        <v>0</v>
      </c>
      <c r="DW21" s="319">
        <v>18344</v>
      </c>
      <c r="DX21" s="319">
        <v>96018</v>
      </c>
      <c r="DY21" s="319">
        <v>63197</v>
      </c>
      <c r="DZ21" s="319">
        <v>0</v>
      </c>
      <c r="EA21" s="319">
        <v>97502</v>
      </c>
      <c r="EB21" s="320">
        <v>275061</v>
      </c>
      <c r="EC21" s="322">
        <v>275061</v>
      </c>
      <c r="ED21" s="318">
        <v>0</v>
      </c>
      <c r="EE21" s="323">
        <v>0</v>
      </c>
      <c r="EF21" s="320">
        <v>0</v>
      </c>
      <c r="EG21" s="318">
        <v>0</v>
      </c>
      <c r="EH21" s="319">
        <v>0</v>
      </c>
      <c r="EI21" s="319">
        <v>0</v>
      </c>
      <c r="EJ21" s="319">
        <v>134304</v>
      </c>
      <c r="EK21" s="319">
        <v>39596</v>
      </c>
      <c r="EL21" s="319">
        <v>0</v>
      </c>
      <c r="EM21" s="323">
        <v>173900</v>
      </c>
      <c r="EN21" s="322">
        <v>173900</v>
      </c>
      <c r="EO21" s="318">
        <v>0</v>
      </c>
      <c r="EP21" s="319">
        <v>0</v>
      </c>
      <c r="EQ21" s="323">
        <v>0</v>
      </c>
      <c r="ER21" s="324">
        <v>0</v>
      </c>
      <c r="ES21" s="319">
        <v>0</v>
      </c>
      <c r="ET21" s="319">
        <v>0</v>
      </c>
      <c r="EU21" s="319">
        <v>0</v>
      </c>
      <c r="EV21" s="319">
        <v>0</v>
      </c>
      <c r="EW21" s="319">
        <v>0</v>
      </c>
      <c r="EX21" s="320">
        <v>0</v>
      </c>
      <c r="EY21" s="322">
        <v>0</v>
      </c>
      <c r="EZ21" s="318">
        <v>0</v>
      </c>
      <c r="FA21" s="319">
        <v>0</v>
      </c>
      <c r="FB21" s="323">
        <v>0</v>
      </c>
      <c r="FC21" s="325"/>
      <c r="FD21" s="319">
        <v>0</v>
      </c>
      <c r="FE21" s="319">
        <v>0</v>
      </c>
      <c r="FF21" s="319">
        <v>0</v>
      </c>
      <c r="FG21" s="319">
        <v>0</v>
      </c>
      <c r="FH21" s="319">
        <v>0</v>
      </c>
      <c r="FI21" s="320">
        <v>0</v>
      </c>
      <c r="FJ21" s="322">
        <v>0</v>
      </c>
      <c r="FK21" s="318">
        <v>185080</v>
      </c>
      <c r="FL21" s="319">
        <v>199201</v>
      </c>
      <c r="FM21" s="320">
        <v>384281</v>
      </c>
      <c r="FN21" s="318">
        <v>0</v>
      </c>
      <c r="FO21" s="319">
        <v>240527</v>
      </c>
      <c r="FP21" s="319">
        <v>444843</v>
      </c>
      <c r="FQ21" s="319">
        <v>309519</v>
      </c>
      <c r="FR21" s="319">
        <v>104286</v>
      </c>
      <c r="FS21" s="319">
        <v>191590</v>
      </c>
      <c r="FT21" s="320">
        <v>1290765</v>
      </c>
      <c r="FU21" s="322">
        <v>1675046</v>
      </c>
      <c r="FV21" s="326">
        <v>18480</v>
      </c>
      <c r="FW21" s="319">
        <v>101605</v>
      </c>
      <c r="FX21" s="323">
        <v>120085</v>
      </c>
      <c r="FY21" s="324">
        <v>0</v>
      </c>
      <c r="FZ21" s="319">
        <v>106967</v>
      </c>
      <c r="GA21" s="319">
        <v>338653</v>
      </c>
      <c r="GB21" s="319">
        <v>293195</v>
      </c>
      <c r="GC21" s="319">
        <v>104286</v>
      </c>
      <c r="GD21" s="319">
        <v>191590</v>
      </c>
      <c r="GE21" s="320">
        <v>1034691</v>
      </c>
      <c r="GF21" s="327">
        <v>1154776</v>
      </c>
      <c r="GG21" s="326">
        <v>0</v>
      </c>
      <c r="GH21" s="319">
        <v>0</v>
      </c>
      <c r="GI21" s="323">
        <v>0</v>
      </c>
      <c r="GJ21" s="324">
        <v>0</v>
      </c>
      <c r="GK21" s="319">
        <v>10360</v>
      </c>
      <c r="GL21" s="319">
        <v>27790</v>
      </c>
      <c r="GM21" s="319">
        <v>16324</v>
      </c>
      <c r="GN21" s="319">
        <v>0</v>
      </c>
      <c r="GO21" s="319">
        <v>0</v>
      </c>
      <c r="GP21" s="320">
        <v>54474</v>
      </c>
      <c r="GQ21" s="322">
        <v>54474</v>
      </c>
      <c r="GR21" s="318">
        <v>166600</v>
      </c>
      <c r="GS21" s="319">
        <v>97596</v>
      </c>
      <c r="GT21" s="320">
        <v>264196</v>
      </c>
      <c r="GU21" s="318">
        <v>0</v>
      </c>
      <c r="GV21" s="319">
        <v>123200</v>
      </c>
      <c r="GW21" s="319">
        <v>78400</v>
      </c>
      <c r="GX21" s="319">
        <v>0</v>
      </c>
      <c r="GY21" s="319">
        <v>0</v>
      </c>
      <c r="GZ21" s="319">
        <v>0</v>
      </c>
      <c r="HA21" s="323">
        <v>201600</v>
      </c>
      <c r="HB21" s="322">
        <v>465796</v>
      </c>
      <c r="HC21" s="318">
        <v>265471</v>
      </c>
      <c r="HD21" s="319">
        <v>0</v>
      </c>
      <c r="HE21" s="323">
        <v>265471</v>
      </c>
      <c r="HF21" s="324">
        <v>0</v>
      </c>
      <c r="HG21" s="319">
        <v>1656745</v>
      </c>
      <c r="HH21" s="319">
        <v>1499287</v>
      </c>
      <c r="HI21" s="319">
        <v>343683</v>
      </c>
      <c r="HJ21" s="319">
        <v>1403144</v>
      </c>
      <c r="HK21" s="319">
        <v>1581518</v>
      </c>
      <c r="HL21" s="320">
        <v>6484377</v>
      </c>
      <c r="HM21" s="321">
        <v>6749848</v>
      </c>
      <c r="HN21" s="411"/>
      <c r="HO21" s="411"/>
      <c r="HP21" s="411"/>
      <c r="HQ21" s="411"/>
      <c r="HR21" s="411"/>
      <c r="HS21" s="411"/>
      <c r="HT21" s="411"/>
      <c r="HU21" s="411"/>
      <c r="HV21" s="411"/>
      <c r="HW21" s="411"/>
      <c r="HX21" s="424"/>
      <c r="HY21" s="330">
        <v>0</v>
      </c>
      <c r="HZ21" s="329">
        <v>0</v>
      </c>
      <c r="IA21" s="330">
        <v>0</v>
      </c>
      <c r="IB21" s="353">
        <v>0</v>
      </c>
      <c r="IC21" s="329">
        <v>308813</v>
      </c>
      <c r="ID21" s="354">
        <v>760913</v>
      </c>
      <c r="IE21" s="330">
        <v>533441</v>
      </c>
      <c r="IF21" s="329">
        <v>608579</v>
      </c>
      <c r="IG21" s="330">
        <v>950003</v>
      </c>
      <c r="IH21" s="355">
        <v>3161749</v>
      </c>
      <c r="II21" s="336">
        <v>3161749</v>
      </c>
      <c r="IJ21" s="337">
        <v>0</v>
      </c>
      <c r="IK21" s="338">
        <v>0</v>
      </c>
      <c r="IL21" s="339">
        <v>0</v>
      </c>
      <c r="IM21" s="411"/>
      <c r="IN21" s="341">
        <v>0</v>
      </c>
      <c r="IO21" s="341">
        <v>0</v>
      </c>
      <c r="IP21" s="341">
        <v>0</v>
      </c>
      <c r="IQ21" s="341">
        <v>192262</v>
      </c>
      <c r="IR21" s="341">
        <v>0</v>
      </c>
      <c r="IS21" s="342">
        <v>192262</v>
      </c>
      <c r="IT21" s="343">
        <v>192262</v>
      </c>
      <c r="IU21" s="344">
        <v>0</v>
      </c>
      <c r="IV21" s="341">
        <v>0</v>
      </c>
      <c r="IW21" s="345">
        <v>0</v>
      </c>
      <c r="IX21" s="411"/>
      <c r="IY21" s="341">
        <v>0</v>
      </c>
      <c r="IZ21" s="341">
        <v>0</v>
      </c>
      <c r="JA21" s="341">
        <v>14062</v>
      </c>
      <c r="JB21" s="341">
        <v>0</v>
      </c>
      <c r="JC21" s="341">
        <v>0</v>
      </c>
      <c r="JD21" s="345">
        <v>14062</v>
      </c>
      <c r="JE21" s="347">
        <v>14062</v>
      </c>
      <c r="JF21" s="344">
        <v>0</v>
      </c>
      <c r="JG21" s="341">
        <v>0</v>
      </c>
      <c r="JH21" s="342">
        <v>0</v>
      </c>
      <c r="JI21" s="348">
        <v>0</v>
      </c>
      <c r="JJ21" s="341">
        <v>308813</v>
      </c>
      <c r="JK21" s="341">
        <v>198684</v>
      </c>
      <c r="JL21" s="341">
        <v>198169</v>
      </c>
      <c r="JM21" s="341">
        <v>35534</v>
      </c>
      <c r="JN21" s="341">
        <v>276910</v>
      </c>
      <c r="JO21" s="345">
        <v>1018110</v>
      </c>
      <c r="JP21" s="343">
        <v>1018110</v>
      </c>
      <c r="JQ21" s="344">
        <v>0</v>
      </c>
      <c r="JR21" s="341">
        <v>0</v>
      </c>
      <c r="JS21" s="342">
        <v>0</v>
      </c>
      <c r="JT21" s="348">
        <v>0</v>
      </c>
      <c r="JU21" s="341">
        <v>0</v>
      </c>
      <c r="JV21" s="341">
        <v>155024</v>
      </c>
      <c r="JW21" s="341">
        <v>102744</v>
      </c>
      <c r="JX21" s="341">
        <v>0</v>
      </c>
      <c r="JY21" s="341">
        <v>0</v>
      </c>
      <c r="JZ21" s="345">
        <v>257768</v>
      </c>
      <c r="KA21" s="343">
        <v>257768</v>
      </c>
      <c r="KB21" s="349">
        <v>0</v>
      </c>
      <c r="KC21" s="350">
        <v>0</v>
      </c>
      <c r="KD21" s="345">
        <v>0</v>
      </c>
      <c r="KE21" s="348">
        <v>0</v>
      </c>
      <c r="KF21" s="341">
        <v>0</v>
      </c>
      <c r="KG21" s="341">
        <v>0</v>
      </c>
      <c r="KH21" s="341">
        <v>0</v>
      </c>
      <c r="KI21" s="341">
        <v>0</v>
      </c>
      <c r="KJ21" s="341">
        <v>246894</v>
      </c>
      <c r="KK21" s="345">
        <v>246894</v>
      </c>
      <c r="KL21" s="351">
        <v>246894</v>
      </c>
      <c r="KM21" s="337">
        <v>0</v>
      </c>
      <c r="KN21" s="338">
        <v>0</v>
      </c>
      <c r="KO21" s="339">
        <v>0</v>
      </c>
      <c r="KP21" s="340"/>
      <c r="KQ21" s="341">
        <v>0</v>
      </c>
      <c r="KR21" s="341">
        <v>407205</v>
      </c>
      <c r="KS21" s="341">
        <v>218466</v>
      </c>
      <c r="KT21" s="341">
        <v>216604</v>
      </c>
      <c r="KU21" s="341">
        <v>426199</v>
      </c>
      <c r="KV21" s="345">
        <v>1268474</v>
      </c>
      <c r="KW21" s="343">
        <v>1268474</v>
      </c>
      <c r="KX21" s="344">
        <v>0</v>
      </c>
      <c r="KY21" s="341">
        <v>0</v>
      </c>
      <c r="KZ21" s="345">
        <v>0</v>
      </c>
      <c r="LA21" s="352"/>
      <c r="LB21" s="341">
        <v>0</v>
      </c>
      <c r="LC21" s="341">
        <v>0</v>
      </c>
      <c r="LD21" s="341">
        <v>0</v>
      </c>
      <c r="LE21" s="341">
        <v>0</v>
      </c>
      <c r="LF21" s="341">
        <v>0</v>
      </c>
      <c r="LG21" s="345">
        <v>0</v>
      </c>
      <c r="LH21" s="347">
        <v>0</v>
      </c>
      <c r="LI21" s="344">
        <v>0</v>
      </c>
      <c r="LJ21" s="341">
        <v>0</v>
      </c>
      <c r="LK21" s="345">
        <v>0</v>
      </c>
      <c r="LL21" s="352"/>
      <c r="LM21" s="341">
        <v>0</v>
      </c>
      <c r="LN21" s="341">
        <v>0</v>
      </c>
      <c r="LO21" s="341">
        <v>0</v>
      </c>
      <c r="LP21" s="341">
        <v>0</v>
      </c>
      <c r="LQ21" s="341">
        <v>0</v>
      </c>
      <c r="LR21" s="345">
        <v>0</v>
      </c>
      <c r="LS21" s="343">
        <v>0</v>
      </c>
      <c r="LT21" s="344">
        <v>0</v>
      </c>
      <c r="LU21" s="341">
        <v>0</v>
      </c>
      <c r="LV21" s="345">
        <v>0</v>
      </c>
      <c r="LW21" s="352"/>
      <c r="LX21" s="341">
        <v>0</v>
      </c>
      <c r="LY21" s="341">
        <v>0</v>
      </c>
      <c r="LZ21" s="341">
        <v>0</v>
      </c>
      <c r="MA21" s="341">
        <v>164179</v>
      </c>
      <c r="MB21" s="341">
        <v>0</v>
      </c>
      <c r="MC21" s="345">
        <v>164179</v>
      </c>
      <c r="MD21" s="347">
        <v>164179</v>
      </c>
      <c r="ME21" s="344">
        <v>0</v>
      </c>
      <c r="MF21" s="341">
        <v>0</v>
      </c>
      <c r="MG21" s="345">
        <v>0</v>
      </c>
      <c r="MH21" s="352"/>
      <c r="MI21" s="341">
        <v>605527</v>
      </c>
      <c r="MJ21" s="341">
        <v>427279</v>
      </c>
      <c r="MK21" s="341">
        <v>2955139</v>
      </c>
      <c r="ML21" s="341">
        <v>2047884</v>
      </c>
      <c r="MM21" s="341">
        <v>1005013</v>
      </c>
      <c r="MN21" s="345">
        <v>7040842</v>
      </c>
      <c r="MO21" s="351">
        <v>7040842</v>
      </c>
      <c r="MP21" s="344">
        <v>0</v>
      </c>
      <c r="MQ21" s="341">
        <v>0</v>
      </c>
      <c r="MR21" s="345">
        <v>0</v>
      </c>
      <c r="MS21" s="352"/>
      <c r="MT21" s="341">
        <v>0</v>
      </c>
      <c r="MU21" s="341">
        <v>0</v>
      </c>
      <c r="MV21" s="341">
        <v>1769109</v>
      </c>
      <c r="MW21" s="341">
        <v>459085</v>
      </c>
      <c r="MX21" s="341">
        <v>0</v>
      </c>
      <c r="MY21" s="345">
        <v>2228194</v>
      </c>
      <c r="MZ21" s="351">
        <v>2228194</v>
      </c>
      <c r="NA21" s="344">
        <v>0</v>
      </c>
      <c r="NB21" s="341">
        <v>0</v>
      </c>
      <c r="NC21" s="345">
        <v>0</v>
      </c>
      <c r="ND21" s="352"/>
      <c r="NE21" s="341">
        <v>605527</v>
      </c>
      <c r="NF21" s="341">
        <v>427279</v>
      </c>
      <c r="NG21" s="341">
        <v>1186030</v>
      </c>
      <c r="NH21" s="341">
        <v>1272148</v>
      </c>
      <c r="NI21" s="341">
        <v>1005013</v>
      </c>
      <c r="NJ21" s="345">
        <v>4495997</v>
      </c>
      <c r="NK21" s="343">
        <v>4495997</v>
      </c>
      <c r="NL21" s="344">
        <v>0</v>
      </c>
      <c r="NM21" s="341">
        <v>0</v>
      </c>
      <c r="NN21" s="345">
        <v>0</v>
      </c>
      <c r="NO21" s="352"/>
      <c r="NP21" s="341">
        <v>0</v>
      </c>
      <c r="NQ21" s="341">
        <v>0</v>
      </c>
      <c r="NR21" s="341">
        <v>0</v>
      </c>
      <c r="NS21" s="341">
        <v>0</v>
      </c>
      <c r="NT21" s="341">
        <v>0</v>
      </c>
      <c r="NU21" s="345">
        <v>0</v>
      </c>
      <c r="NV21" s="347">
        <v>0</v>
      </c>
      <c r="NW21" s="344">
        <v>0</v>
      </c>
      <c r="NX21" s="341">
        <v>0</v>
      </c>
      <c r="NY21" s="345">
        <v>0</v>
      </c>
      <c r="NZ21" s="352"/>
      <c r="OA21" s="341">
        <v>0</v>
      </c>
      <c r="OB21" s="341">
        <v>0</v>
      </c>
      <c r="OC21" s="341">
        <v>0</v>
      </c>
      <c r="OD21" s="341">
        <v>316651</v>
      </c>
      <c r="OE21" s="341">
        <v>0</v>
      </c>
      <c r="OF21" s="345">
        <v>316651</v>
      </c>
      <c r="OG21" s="347">
        <v>316651</v>
      </c>
      <c r="OH21" s="344">
        <v>712594</v>
      </c>
      <c r="OI21" s="341">
        <v>318415</v>
      </c>
      <c r="OJ21" s="342">
        <v>1031009</v>
      </c>
      <c r="OK21" s="348">
        <v>0</v>
      </c>
      <c r="OL21" s="341">
        <v>4740903</v>
      </c>
      <c r="OM21" s="341">
        <v>6010328</v>
      </c>
      <c r="ON21" s="341">
        <v>6263132</v>
      </c>
      <c r="OO21" s="341">
        <v>5332964</v>
      </c>
      <c r="OP21" s="341">
        <v>4701362</v>
      </c>
      <c r="OQ21" s="345">
        <v>27048689</v>
      </c>
      <c r="OR21" s="351">
        <v>28079698</v>
      </c>
    </row>
    <row r="22" spans="1:408" ht="20.25" customHeight="1" x14ac:dyDescent="0.2">
      <c r="A22" s="111" t="s">
        <v>17</v>
      </c>
      <c r="B22" s="318">
        <v>309505</v>
      </c>
      <c r="C22" s="319">
        <v>967496</v>
      </c>
      <c r="D22" s="320">
        <v>1277001</v>
      </c>
      <c r="E22" s="321">
        <v>0</v>
      </c>
      <c r="F22" s="319">
        <v>4158478</v>
      </c>
      <c r="G22" s="319">
        <v>6759927</v>
      </c>
      <c r="H22" s="319">
        <v>5874233</v>
      </c>
      <c r="I22" s="319">
        <v>5431137</v>
      </c>
      <c r="J22" s="319">
        <v>3344942</v>
      </c>
      <c r="K22" s="321">
        <v>25568717</v>
      </c>
      <c r="L22" s="322">
        <v>26845718</v>
      </c>
      <c r="M22" s="318">
        <v>102122</v>
      </c>
      <c r="N22" s="319">
        <v>255379</v>
      </c>
      <c r="O22" s="320">
        <v>357501</v>
      </c>
      <c r="P22" s="318">
        <v>0</v>
      </c>
      <c r="Q22" s="319">
        <v>767158</v>
      </c>
      <c r="R22" s="319">
        <v>2153660</v>
      </c>
      <c r="S22" s="319">
        <v>1727774</v>
      </c>
      <c r="T22" s="319">
        <v>1231879</v>
      </c>
      <c r="U22" s="319">
        <v>1639166</v>
      </c>
      <c r="V22" s="320">
        <v>7519637</v>
      </c>
      <c r="W22" s="322">
        <v>7877138</v>
      </c>
      <c r="X22" s="318">
        <v>0</v>
      </c>
      <c r="Y22" s="319">
        <v>0</v>
      </c>
      <c r="Z22" s="320">
        <v>0</v>
      </c>
      <c r="AA22" s="318">
        <v>0</v>
      </c>
      <c r="AB22" s="319">
        <v>232112</v>
      </c>
      <c r="AC22" s="319">
        <v>992850</v>
      </c>
      <c r="AD22" s="319">
        <v>967807</v>
      </c>
      <c r="AE22" s="319">
        <v>496076</v>
      </c>
      <c r="AF22" s="319">
        <v>776846</v>
      </c>
      <c r="AG22" s="320">
        <v>3465691</v>
      </c>
      <c r="AH22" s="322">
        <v>3465691</v>
      </c>
      <c r="AI22" s="318">
        <v>0</v>
      </c>
      <c r="AJ22" s="319">
        <v>0</v>
      </c>
      <c r="AK22" s="320">
        <v>0</v>
      </c>
      <c r="AL22" s="318">
        <v>0</v>
      </c>
      <c r="AM22" s="319">
        <v>0</v>
      </c>
      <c r="AN22" s="319">
        <v>142345</v>
      </c>
      <c r="AO22" s="319">
        <v>0</v>
      </c>
      <c r="AP22" s="319">
        <v>30631</v>
      </c>
      <c r="AQ22" s="319">
        <v>295161</v>
      </c>
      <c r="AR22" s="320">
        <v>468137</v>
      </c>
      <c r="AS22" s="322">
        <v>468137</v>
      </c>
      <c r="AT22" s="318">
        <v>83509</v>
      </c>
      <c r="AU22" s="319">
        <v>191021</v>
      </c>
      <c r="AV22" s="320">
        <v>274530</v>
      </c>
      <c r="AW22" s="318">
        <v>0</v>
      </c>
      <c r="AX22" s="319">
        <v>305866</v>
      </c>
      <c r="AY22" s="319">
        <v>665780</v>
      </c>
      <c r="AZ22" s="319">
        <v>431683</v>
      </c>
      <c r="BA22" s="319">
        <v>310539</v>
      </c>
      <c r="BB22" s="319">
        <v>371166</v>
      </c>
      <c r="BC22" s="320">
        <v>2085034</v>
      </c>
      <c r="BD22" s="322">
        <v>2359564</v>
      </c>
      <c r="BE22" s="318">
        <v>0</v>
      </c>
      <c r="BF22" s="319">
        <v>0</v>
      </c>
      <c r="BG22" s="323">
        <v>0</v>
      </c>
      <c r="BH22" s="324">
        <v>0</v>
      </c>
      <c r="BI22" s="319">
        <v>0</v>
      </c>
      <c r="BJ22" s="319">
        <v>58664</v>
      </c>
      <c r="BK22" s="319">
        <v>88751</v>
      </c>
      <c r="BL22" s="319">
        <v>24242</v>
      </c>
      <c r="BM22" s="319">
        <v>0</v>
      </c>
      <c r="BN22" s="320">
        <v>171657</v>
      </c>
      <c r="BO22" s="322">
        <v>171657</v>
      </c>
      <c r="BP22" s="318">
        <v>18613</v>
      </c>
      <c r="BQ22" s="319">
        <v>64358</v>
      </c>
      <c r="BR22" s="320">
        <v>82971</v>
      </c>
      <c r="BS22" s="318">
        <v>0</v>
      </c>
      <c r="BT22" s="319">
        <v>229180</v>
      </c>
      <c r="BU22" s="319">
        <v>294021</v>
      </c>
      <c r="BV22" s="319">
        <v>239533</v>
      </c>
      <c r="BW22" s="319">
        <v>370391</v>
      </c>
      <c r="BX22" s="319">
        <v>195993</v>
      </c>
      <c r="BY22" s="320">
        <v>1329118</v>
      </c>
      <c r="BZ22" s="322">
        <v>1412089</v>
      </c>
      <c r="CA22" s="318">
        <v>36363</v>
      </c>
      <c r="CB22" s="319">
        <v>263148</v>
      </c>
      <c r="CC22" s="320">
        <v>299511</v>
      </c>
      <c r="CD22" s="318">
        <v>0</v>
      </c>
      <c r="CE22" s="319">
        <v>1692890</v>
      </c>
      <c r="CF22" s="319">
        <v>2364329</v>
      </c>
      <c r="CG22" s="319">
        <v>1866523</v>
      </c>
      <c r="CH22" s="319">
        <v>700809</v>
      </c>
      <c r="CI22" s="319">
        <v>237357</v>
      </c>
      <c r="CJ22" s="320">
        <v>6861908</v>
      </c>
      <c r="CK22" s="322">
        <v>7161419</v>
      </c>
      <c r="CL22" s="318">
        <v>0</v>
      </c>
      <c r="CM22" s="319">
        <v>0</v>
      </c>
      <c r="CN22" s="320">
        <v>0</v>
      </c>
      <c r="CO22" s="324">
        <v>0</v>
      </c>
      <c r="CP22" s="319">
        <v>1287202</v>
      </c>
      <c r="CQ22" s="319">
        <v>2134067</v>
      </c>
      <c r="CR22" s="319">
        <v>1352058</v>
      </c>
      <c r="CS22" s="319">
        <v>523580</v>
      </c>
      <c r="CT22" s="319">
        <v>237357</v>
      </c>
      <c r="CU22" s="320">
        <v>5534264</v>
      </c>
      <c r="CV22" s="322">
        <v>5534264</v>
      </c>
      <c r="CW22" s="318">
        <v>36363</v>
      </c>
      <c r="CX22" s="319">
        <v>263148</v>
      </c>
      <c r="CY22" s="320">
        <v>299511</v>
      </c>
      <c r="CZ22" s="318">
        <v>0</v>
      </c>
      <c r="DA22" s="319">
        <v>405688</v>
      </c>
      <c r="DB22" s="319">
        <v>230262</v>
      </c>
      <c r="DC22" s="319">
        <v>514465</v>
      </c>
      <c r="DD22" s="319">
        <v>177229</v>
      </c>
      <c r="DE22" s="319">
        <v>0</v>
      </c>
      <c r="DF22" s="320">
        <v>1327644</v>
      </c>
      <c r="DG22" s="322">
        <v>1627155</v>
      </c>
      <c r="DH22" s="318">
        <v>0</v>
      </c>
      <c r="DI22" s="319">
        <v>0</v>
      </c>
      <c r="DJ22" s="323">
        <v>0</v>
      </c>
      <c r="DK22" s="324">
        <v>0</v>
      </c>
      <c r="DL22" s="319">
        <v>105250</v>
      </c>
      <c r="DM22" s="319">
        <v>383907</v>
      </c>
      <c r="DN22" s="319">
        <v>676987</v>
      </c>
      <c r="DO22" s="319">
        <v>322474</v>
      </c>
      <c r="DP22" s="319">
        <v>0</v>
      </c>
      <c r="DQ22" s="320">
        <v>1488618</v>
      </c>
      <c r="DR22" s="322">
        <v>1488618</v>
      </c>
      <c r="DS22" s="318">
        <v>0</v>
      </c>
      <c r="DT22" s="319">
        <v>0</v>
      </c>
      <c r="DU22" s="320">
        <v>0</v>
      </c>
      <c r="DV22" s="318">
        <v>0</v>
      </c>
      <c r="DW22" s="319">
        <v>105250</v>
      </c>
      <c r="DX22" s="319">
        <v>365566</v>
      </c>
      <c r="DY22" s="319">
        <v>427214</v>
      </c>
      <c r="DZ22" s="319">
        <v>322474</v>
      </c>
      <c r="EA22" s="319">
        <v>0</v>
      </c>
      <c r="EB22" s="320">
        <v>1220504</v>
      </c>
      <c r="EC22" s="322">
        <v>1220504</v>
      </c>
      <c r="ED22" s="318">
        <v>0</v>
      </c>
      <c r="EE22" s="323">
        <v>0</v>
      </c>
      <c r="EF22" s="320">
        <v>0</v>
      </c>
      <c r="EG22" s="318">
        <v>0</v>
      </c>
      <c r="EH22" s="319">
        <v>0</v>
      </c>
      <c r="EI22" s="319">
        <v>18341</v>
      </c>
      <c r="EJ22" s="319">
        <v>249773</v>
      </c>
      <c r="EK22" s="319">
        <v>0</v>
      </c>
      <c r="EL22" s="319">
        <v>0</v>
      </c>
      <c r="EM22" s="323">
        <v>268114</v>
      </c>
      <c r="EN22" s="322">
        <v>268114</v>
      </c>
      <c r="EO22" s="318">
        <v>0</v>
      </c>
      <c r="EP22" s="319">
        <v>0</v>
      </c>
      <c r="EQ22" s="323">
        <v>0</v>
      </c>
      <c r="ER22" s="324">
        <v>0</v>
      </c>
      <c r="ES22" s="319">
        <v>0</v>
      </c>
      <c r="ET22" s="319">
        <v>0</v>
      </c>
      <c r="EU22" s="319">
        <v>0</v>
      </c>
      <c r="EV22" s="319">
        <v>0</v>
      </c>
      <c r="EW22" s="319">
        <v>0</v>
      </c>
      <c r="EX22" s="320">
        <v>0</v>
      </c>
      <c r="EY22" s="322">
        <v>0</v>
      </c>
      <c r="EZ22" s="318">
        <v>0</v>
      </c>
      <c r="FA22" s="319">
        <v>0</v>
      </c>
      <c r="FB22" s="323">
        <v>0</v>
      </c>
      <c r="FC22" s="325"/>
      <c r="FD22" s="319">
        <v>0</v>
      </c>
      <c r="FE22" s="319">
        <v>0</v>
      </c>
      <c r="FF22" s="319">
        <v>0</v>
      </c>
      <c r="FG22" s="319">
        <v>0</v>
      </c>
      <c r="FH22" s="319">
        <v>0</v>
      </c>
      <c r="FI22" s="320">
        <v>0</v>
      </c>
      <c r="FJ22" s="322">
        <v>0</v>
      </c>
      <c r="FK22" s="318">
        <v>74858</v>
      </c>
      <c r="FL22" s="319">
        <v>142758</v>
      </c>
      <c r="FM22" s="320">
        <v>217616</v>
      </c>
      <c r="FN22" s="318">
        <v>0</v>
      </c>
      <c r="FO22" s="319">
        <v>215243</v>
      </c>
      <c r="FP22" s="319">
        <v>768390</v>
      </c>
      <c r="FQ22" s="319">
        <v>603554</v>
      </c>
      <c r="FR22" s="319">
        <v>466151</v>
      </c>
      <c r="FS22" s="319">
        <v>210833</v>
      </c>
      <c r="FT22" s="320">
        <v>2264171</v>
      </c>
      <c r="FU22" s="322">
        <v>2481787</v>
      </c>
      <c r="FV22" s="326">
        <v>60998</v>
      </c>
      <c r="FW22" s="319">
        <v>142758</v>
      </c>
      <c r="FX22" s="323">
        <v>203756</v>
      </c>
      <c r="FY22" s="324">
        <v>0</v>
      </c>
      <c r="FZ22" s="319">
        <v>215243</v>
      </c>
      <c r="GA22" s="319">
        <v>589778</v>
      </c>
      <c r="GB22" s="319">
        <v>493374</v>
      </c>
      <c r="GC22" s="319">
        <v>420847</v>
      </c>
      <c r="GD22" s="319">
        <v>210833</v>
      </c>
      <c r="GE22" s="320">
        <v>1930075</v>
      </c>
      <c r="GF22" s="327">
        <v>2133831</v>
      </c>
      <c r="GG22" s="326">
        <v>13860</v>
      </c>
      <c r="GH22" s="319">
        <v>0</v>
      </c>
      <c r="GI22" s="323">
        <v>13860</v>
      </c>
      <c r="GJ22" s="324">
        <v>0</v>
      </c>
      <c r="GK22" s="319">
        <v>0</v>
      </c>
      <c r="GL22" s="319">
        <v>35112</v>
      </c>
      <c r="GM22" s="319">
        <v>59080</v>
      </c>
      <c r="GN22" s="319">
        <v>11704</v>
      </c>
      <c r="GO22" s="319">
        <v>0</v>
      </c>
      <c r="GP22" s="320">
        <v>105896</v>
      </c>
      <c r="GQ22" s="322">
        <v>119756</v>
      </c>
      <c r="GR22" s="318">
        <v>0</v>
      </c>
      <c r="GS22" s="319">
        <v>0</v>
      </c>
      <c r="GT22" s="320">
        <v>0</v>
      </c>
      <c r="GU22" s="318">
        <v>0</v>
      </c>
      <c r="GV22" s="319">
        <v>0</v>
      </c>
      <c r="GW22" s="319">
        <v>143500</v>
      </c>
      <c r="GX22" s="319">
        <v>51100</v>
      </c>
      <c r="GY22" s="319">
        <v>33600</v>
      </c>
      <c r="GZ22" s="319">
        <v>0</v>
      </c>
      <c r="HA22" s="323">
        <v>228200</v>
      </c>
      <c r="HB22" s="322">
        <v>228200</v>
      </c>
      <c r="HC22" s="318">
        <v>96162</v>
      </c>
      <c r="HD22" s="319">
        <v>306211</v>
      </c>
      <c r="HE22" s="323">
        <v>402373</v>
      </c>
      <c r="HF22" s="324">
        <v>0</v>
      </c>
      <c r="HG22" s="319">
        <v>1377937</v>
      </c>
      <c r="HH22" s="319">
        <v>1089641</v>
      </c>
      <c r="HI22" s="319">
        <v>999395</v>
      </c>
      <c r="HJ22" s="319">
        <v>2709824</v>
      </c>
      <c r="HK22" s="319">
        <v>1257586</v>
      </c>
      <c r="HL22" s="320">
        <v>7434383</v>
      </c>
      <c r="HM22" s="321">
        <v>7836756</v>
      </c>
      <c r="HN22" s="411"/>
      <c r="HO22" s="411"/>
      <c r="HP22" s="411"/>
      <c r="HQ22" s="411"/>
      <c r="HR22" s="411"/>
      <c r="HS22" s="411"/>
      <c r="HT22" s="411"/>
      <c r="HU22" s="411"/>
      <c r="HV22" s="411"/>
      <c r="HW22" s="411"/>
      <c r="HX22" s="424"/>
      <c r="HY22" s="357">
        <v>0</v>
      </c>
      <c r="HZ22" s="332">
        <v>0</v>
      </c>
      <c r="IA22" s="357">
        <v>0</v>
      </c>
      <c r="IB22" s="331">
        <v>0</v>
      </c>
      <c r="IC22" s="332">
        <v>932585</v>
      </c>
      <c r="ID22" s="333">
        <v>1987698</v>
      </c>
      <c r="IE22" s="334">
        <v>1636769</v>
      </c>
      <c r="IF22" s="332">
        <v>1909393</v>
      </c>
      <c r="IG22" s="334">
        <v>1072527</v>
      </c>
      <c r="IH22" s="335">
        <v>7538972</v>
      </c>
      <c r="II22" s="357">
        <v>7538972</v>
      </c>
      <c r="IJ22" s="337">
        <v>0</v>
      </c>
      <c r="IK22" s="338">
        <v>0</v>
      </c>
      <c r="IL22" s="339">
        <v>0</v>
      </c>
      <c r="IM22" s="411"/>
      <c r="IN22" s="341">
        <v>0</v>
      </c>
      <c r="IO22" s="341">
        <v>0</v>
      </c>
      <c r="IP22" s="341">
        <v>0</v>
      </c>
      <c r="IQ22" s="341">
        <v>0</v>
      </c>
      <c r="IR22" s="341">
        <v>0</v>
      </c>
      <c r="IS22" s="342">
        <v>0</v>
      </c>
      <c r="IT22" s="343">
        <v>0</v>
      </c>
      <c r="IU22" s="344">
        <v>0</v>
      </c>
      <c r="IV22" s="341">
        <v>0</v>
      </c>
      <c r="IW22" s="345">
        <v>0</v>
      </c>
      <c r="IX22" s="411"/>
      <c r="IY22" s="341">
        <v>0</v>
      </c>
      <c r="IZ22" s="341">
        <v>0</v>
      </c>
      <c r="JA22" s="341">
        <v>0</v>
      </c>
      <c r="JB22" s="341">
        <v>0</v>
      </c>
      <c r="JC22" s="341">
        <v>0</v>
      </c>
      <c r="JD22" s="345">
        <v>0</v>
      </c>
      <c r="JE22" s="347">
        <v>0</v>
      </c>
      <c r="JF22" s="344">
        <v>0</v>
      </c>
      <c r="JG22" s="341">
        <v>0</v>
      </c>
      <c r="JH22" s="342">
        <v>0</v>
      </c>
      <c r="JI22" s="348">
        <v>0</v>
      </c>
      <c r="JJ22" s="341">
        <v>456406</v>
      </c>
      <c r="JK22" s="341">
        <v>550883</v>
      </c>
      <c r="JL22" s="341">
        <v>338807</v>
      </c>
      <c r="JM22" s="341">
        <v>273050</v>
      </c>
      <c r="JN22" s="341">
        <v>127910</v>
      </c>
      <c r="JO22" s="345">
        <v>1747056</v>
      </c>
      <c r="JP22" s="343">
        <v>1747056</v>
      </c>
      <c r="JQ22" s="344">
        <v>0</v>
      </c>
      <c r="JR22" s="341">
        <v>0</v>
      </c>
      <c r="JS22" s="342">
        <v>0</v>
      </c>
      <c r="JT22" s="348">
        <v>0</v>
      </c>
      <c r="JU22" s="341">
        <v>76507</v>
      </c>
      <c r="JV22" s="341">
        <v>0</v>
      </c>
      <c r="JW22" s="341">
        <v>0</v>
      </c>
      <c r="JX22" s="341">
        <v>0</v>
      </c>
      <c r="JY22" s="341">
        <v>0</v>
      </c>
      <c r="JZ22" s="345">
        <v>76507</v>
      </c>
      <c r="KA22" s="343">
        <v>76507</v>
      </c>
      <c r="KB22" s="349">
        <v>0</v>
      </c>
      <c r="KC22" s="350">
        <v>0</v>
      </c>
      <c r="KD22" s="345">
        <v>0</v>
      </c>
      <c r="KE22" s="348">
        <v>0</v>
      </c>
      <c r="KF22" s="341">
        <v>0</v>
      </c>
      <c r="KG22" s="341">
        <v>477790</v>
      </c>
      <c r="KH22" s="341">
        <v>0</v>
      </c>
      <c r="KI22" s="341">
        <v>534000</v>
      </c>
      <c r="KJ22" s="341">
        <v>0</v>
      </c>
      <c r="KK22" s="345">
        <v>1011790</v>
      </c>
      <c r="KL22" s="351">
        <v>1011790</v>
      </c>
      <c r="KM22" s="337">
        <v>0</v>
      </c>
      <c r="KN22" s="338">
        <v>0</v>
      </c>
      <c r="KO22" s="339">
        <v>0</v>
      </c>
      <c r="KP22" s="340"/>
      <c r="KQ22" s="341">
        <v>399672</v>
      </c>
      <c r="KR22" s="341">
        <v>959025</v>
      </c>
      <c r="KS22" s="341">
        <v>657621</v>
      </c>
      <c r="KT22" s="341">
        <v>879831</v>
      </c>
      <c r="KU22" s="341">
        <v>450625</v>
      </c>
      <c r="KV22" s="345">
        <v>3346774</v>
      </c>
      <c r="KW22" s="343">
        <v>3346774</v>
      </c>
      <c r="KX22" s="344">
        <v>0</v>
      </c>
      <c r="KY22" s="341">
        <v>0</v>
      </c>
      <c r="KZ22" s="345">
        <v>0</v>
      </c>
      <c r="LA22" s="352"/>
      <c r="LB22" s="341">
        <v>0</v>
      </c>
      <c r="LC22" s="341">
        <v>0</v>
      </c>
      <c r="LD22" s="341">
        <v>0</v>
      </c>
      <c r="LE22" s="341">
        <v>0</v>
      </c>
      <c r="LF22" s="341">
        <v>0</v>
      </c>
      <c r="LG22" s="345">
        <v>0</v>
      </c>
      <c r="LH22" s="347">
        <v>0</v>
      </c>
      <c r="LI22" s="344">
        <v>0</v>
      </c>
      <c r="LJ22" s="341">
        <v>0</v>
      </c>
      <c r="LK22" s="345">
        <v>0</v>
      </c>
      <c r="LL22" s="352"/>
      <c r="LM22" s="341">
        <v>0</v>
      </c>
      <c r="LN22" s="341">
        <v>0</v>
      </c>
      <c r="LO22" s="341">
        <v>640341</v>
      </c>
      <c r="LP22" s="341">
        <v>222512</v>
      </c>
      <c r="LQ22" s="341">
        <v>493992</v>
      </c>
      <c r="LR22" s="345">
        <v>1356845</v>
      </c>
      <c r="LS22" s="343">
        <v>1356845</v>
      </c>
      <c r="LT22" s="344">
        <v>0</v>
      </c>
      <c r="LU22" s="341">
        <v>0</v>
      </c>
      <c r="LV22" s="345">
        <v>0</v>
      </c>
      <c r="LW22" s="352"/>
      <c r="LX22" s="341">
        <v>0</v>
      </c>
      <c r="LY22" s="341">
        <v>0</v>
      </c>
      <c r="LZ22" s="341">
        <v>0</v>
      </c>
      <c r="MA22" s="341">
        <v>0</v>
      </c>
      <c r="MB22" s="341">
        <v>0</v>
      </c>
      <c r="MC22" s="345">
        <v>0</v>
      </c>
      <c r="MD22" s="347">
        <v>0</v>
      </c>
      <c r="ME22" s="344">
        <v>0</v>
      </c>
      <c r="MF22" s="341">
        <v>0</v>
      </c>
      <c r="MG22" s="345">
        <v>0</v>
      </c>
      <c r="MH22" s="352"/>
      <c r="MI22" s="341">
        <v>186537</v>
      </c>
      <c r="MJ22" s="341">
        <v>1093623</v>
      </c>
      <c r="MK22" s="341">
        <v>3183014</v>
      </c>
      <c r="ML22" s="341">
        <v>3386155</v>
      </c>
      <c r="MM22" s="341">
        <v>2289439</v>
      </c>
      <c r="MN22" s="345">
        <v>10138768</v>
      </c>
      <c r="MO22" s="351">
        <v>10138768</v>
      </c>
      <c r="MP22" s="344">
        <v>0</v>
      </c>
      <c r="MQ22" s="341">
        <v>0</v>
      </c>
      <c r="MR22" s="345">
        <v>0</v>
      </c>
      <c r="MS22" s="352"/>
      <c r="MT22" s="341">
        <v>186537</v>
      </c>
      <c r="MU22" s="341">
        <v>385728</v>
      </c>
      <c r="MV22" s="341">
        <v>1326562</v>
      </c>
      <c r="MW22" s="341">
        <v>1531964</v>
      </c>
      <c r="MX22" s="341">
        <v>1647434</v>
      </c>
      <c r="MY22" s="345">
        <v>5078225</v>
      </c>
      <c r="MZ22" s="351">
        <v>5078225</v>
      </c>
      <c r="NA22" s="344">
        <v>0</v>
      </c>
      <c r="NB22" s="341">
        <v>0</v>
      </c>
      <c r="NC22" s="345">
        <v>0</v>
      </c>
      <c r="ND22" s="352"/>
      <c r="NE22" s="341">
        <v>0</v>
      </c>
      <c r="NF22" s="341">
        <v>707895</v>
      </c>
      <c r="NG22" s="341">
        <v>1856452</v>
      </c>
      <c r="NH22" s="341">
        <v>1854191</v>
      </c>
      <c r="NI22" s="341">
        <v>339851</v>
      </c>
      <c r="NJ22" s="345">
        <v>4758389</v>
      </c>
      <c r="NK22" s="343">
        <v>4758389</v>
      </c>
      <c r="NL22" s="344">
        <v>0</v>
      </c>
      <c r="NM22" s="341">
        <v>0</v>
      </c>
      <c r="NN22" s="345">
        <v>0</v>
      </c>
      <c r="NO22" s="352"/>
      <c r="NP22" s="341">
        <v>0</v>
      </c>
      <c r="NQ22" s="341">
        <v>0</v>
      </c>
      <c r="NR22" s="341">
        <v>0</v>
      </c>
      <c r="NS22" s="341">
        <v>0</v>
      </c>
      <c r="NT22" s="341">
        <v>302154</v>
      </c>
      <c r="NU22" s="345">
        <v>302154</v>
      </c>
      <c r="NV22" s="347">
        <v>302154</v>
      </c>
      <c r="NW22" s="344">
        <v>0</v>
      </c>
      <c r="NX22" s="341">
        <v>0</v>
      </c>
      <c r="NY22" s="345">
        <v>0</v>
      </c>
      <c r="NZ22" s="352"/>
      <c r="OA22" s="341">
        <v>0</v>
      </c>
      <c r="OB22" s="341">
        <v>0</v>
      </c>
      <c r="OC22" s="341">
        <v>0</v>
      </c>
      <c r="OD22" s="341">
        <v>0</v>
      </c>
      <c r="OE22" s="341">
        <v>0</v>
      </c>
      <c r="OF22" s="345">
        <v>0</v>
      </c>
      <c r="OG22" s="347">
        <v>0</v>
      </c>
      <c r="OH22" s="344">
        <v>309505</v>
      </c>
      <c r="OI22" s="341">
        <v>967496</v>
      </c>
      <c r="OJ22" s="342">
        <v>1277001</v>
      </c>
      <c r="OK22" s="348">
        <v>0</v>
      </c>
      <c r="OL22" s="341">
        <v>5277600</v>
      </c>
      <c r="OM22" s="341">
        <v>9841248</v>
      </c>
      <c r="ON22" s="341">
        <v>10694016</v>
      </c>
      <c r="OO22" s="341">
        <v>10726685</v>
      </c>
      <c r="OP22" s="341">
        <v>6706908</v>
      </c>
      <c r="OQ22" s="345">
        <v>43246457</v>
      </c>
      <c r="OR22" s="351">
        <v>44523458</v>
      </c>
    </row>
    <row r="23" spans="1:408" ht="20.25" customHeight="1" x14ac:dyDescent="0.2">
      <c r="A23" s="111" t="s">
        <v>18</v>
      </c>
      <c r="B23" s="318">
        <v>400462</v>
      </c>
      <c r="C23" s="319">
        <v>414335</v>
      </c>
      <c r="D23" s="320">
        <v>814797</v>
      </c>
      <c r="E23" s="321">
        <v>0</v>
      </c>
      <c r="F23" s="319">
        <v>5258392</v>
      </c>
      <c r="G23" s="319">
        <v>9537106</v>
      </c>
      <c r="H23" s="319">
        <v>6416801</v>
      </c>
      <c r="I23" s="319">
        <v>7344161</v>
      </c>
      <c r="J23" s="319">
        <v>6383532</v>
      </c>
      <c r="K23" s="321">
        <v>34939992</v>
      </c>
      <c r="L23" s="322">
        <v>35754789</v>
      </c>
      <c r="M23" s="318">
        <v>182653</v>
      </c>
      <c r="N23" s="319">
        <v>226698</v>
      </c>
      <c r="O23" s="320">
        <v>409351</v>
      </c>
      <c r="P23" s="318">
        <v>0</v>
      </c>
      <c r="Q23" s="319">
        <v>1595848</v>
      </c>
      <c r="R23" s="319">
        <v>2889691</v>
      </c>
      <c r="S23" s="319">
        <v>2161242</v>
      </c>
      <c r="T23" s="319">
        <v>2731838</v>
      </c>
      <c r="U23" s="319">
        <v>2041958</v>
      </c>
      <c r="V23" s="320">
        <v>11420577</v>
      </c>
      <c r="W23" s="322">
        <v>11829928</v>
      </c>
      <c r="X23" s="318">
        <v>0</v>
      </c>
      <c r="Y23" s="319">
        <v>0</v>
      </c>
      <c r="Z23" s="320">
        <v>0</v>
      </c>
      <c r="AA23" s="318">
        <v>0</v>
      </c>
      <c r="AB23" s="319">
        <v>693480</v>
      </c>
      <c r="AC23" s="319">
        <v>1277838</v>
      </c>
      <c r="AD23" s="319">
        <v>1361018</v>
      </c>
      <c r="AE23" s="319">
        <v>1247046</v>
      </c>
      <c r="AF23" s="319">
        <v>845247</v>
      </c>
      <c r="AG23" s="320">
        <v>5424629</v>
      </c>
      <c r="AH23" s="322">
        <v>5424629</v>
      </c>
      <c r="AI23" s="318">
        <v>0</v>
      </c>
      <c r="AJ23" s="319">
        <v>0</v>
      </c>
      <c r="AK23" s="320">
        <v>0</v>
      </c>
      <c r="AL23" s="318">
        <v>0</v>
      </c>
      <c r="AM23" s="319">
        <v>0</v>
      </c>
      <c r="AN23" s="319">
        <v>104237</v>
      </c>
      <c r="AO23" s="319">
        <v>29952</v>
      </c>
      <c r="AP23" s="319">
        <v>232325</v>
      </c>
      <c r="AQ23" s="319">
        <v>180139</v>
      </c>
      <c r="AR23" s="320">
        <v>546653</v>
      </c>
      <c r="AS23" s="322">
        <v>546653</v>
      </c>
      <c r="AT23" s="318">
        <v>129782</v>
      </c>
      <c r="AU23" s="319">
        <v>184723</v>
      </c>
      <c r="AV23" s="320">
        <v>314505</v>
      </c>
      <c r="AW23" s="318">
        <v>0</v>
      </c>
      <c r="AX23" s="319">
        <v>499313</v>
      </c>
      <c r="AY23" s="319">
        <v>1004591</v>
      </c>
      <c r="AZ23" s="319">
        <v>441865</v>
      </c>
      <c r="BA23" s="319">
        <v>831291</v>
      </c>
      <c r="BB23" s="319">
        <v>547172</v>
      </c>
      <c r="BC23" s="320">
        <v>3324232</v>
      </c>
      <c r="BD23" s="322">
        <v>3638737</v>
      </c>
      <c r="BE23" s="318">
        <v>0</v>
      </c>
      <c r="BF23" s="319">
        <v>27737</v>
      </c>
      <c r="BG23" s="323">
        <v>27737</v>
      </c>
      <c r="BH23" s="324">
        <v>0</v>
      </c>
      <c r="BI23" s="319">
        <v>71493</v>
      </c>
      <c r="BJ23" s="319">
        <v>118711</v>
      </c>
      <c r="BK23" s="319">
        <v>45173</v>
      </c>
      <c r="BL23" s="319">
        <v>0</v>
      </c>
      <c r="BM23" s="319">
        <v>29310</v>
      </c>
      <c r="BN23" s="320">
        <v>264687</v>
      </c>
      <c r="BO23" s="322">
        <v>292424</v>
      </c>
      <c r="BP23" s="318">
        <v>52871</v>
      </c>
      <c r="BQ23" s="319">
        <v>14238</v>
      </c>
      <c r="BR23" s="320">
        <v>67109</v>
      </c>
      <c r="BS23" s="318">
        <v>0</v>
      </c>
      <c r="BT23" s="319">
        <v>331562</v>
      </c>
      <c r="BU23" s="319">
        <v>384314</v>
      </c>
      <c r="BV23" s="319">
        <v>283234</v>
      </c>
      <c r="BW23" s="319">
        <v>421176</v>
      </c>
      <c r="BX23" s="319">
        <v>440090</v>
      </c>
      <c r="BY23" s="320">
        <v>1860376</v>
      </c>
      <c r="BZ23" s="322">
        <v>1927485</v>
      </c>
      <c r="CA23" s="318">
        <v>19592</v>
      </c>
      <c r="CB23" s="319">
        <v>102699</v>
      </c>
      <c r="CC23" s="320">
        <v>122291</v>
      </c>
      <c r="CD23" s="318">
        <v>0</v>
      </c>
      <c r="CE23" s="319">
        <v>1647524</v>
      </c>
      <c r="CF23" s="319">
        <v>3653228</v>
      </c>
      <c r="CG23" s="319">
        <v>1498741</v>
      </c>
      <c r="CH23" s="319">
        <v>1143676</v>
      </c>
      <c r="CI23" s="319">
        <v>339286</v>
      </c>
      <c r="CJ23" s="320">
        <v>8282455</v>
      </c>
      <c r="CK23" s="322">
        <v>8404746</v>
      </c>
      <c r="CL23" s="318">
        <v>0</v>
      </c>
      <c r="CM23" s="319">
        <v>0</v>
      </c>
      <c r="CN23" s="320">
        <v>0</v>
      </c>
      <c r="CO23" s="324">
        <v>0</v>
      </c>
      <c r="CP23" s="319">
        <v>1409087</v>
      </c>
      <c r="CQ23" s="319">
        <v>3037112</v>
      </c>
      <c r="CR23" s="319">
        <v>1135405</v>
      </c>
      <c r="CS23" s="319">
        <v>904316</v>
      </c>
      <c r="CT23" s="319">
        <v>264921</v>
      </c>
      <c r="CU23" s="320">
        <v>6750841</v>
      </c>
      <c r="CV23" s="322">
        <v>6750841</v>
      </c>
      <c r="CW23" s="318">
        <v>19592</v>
      </c>
      <c r="CX23" s="319">
        <v>102699</v>
      </c>
      <c r="CY23" s="320">
        <v>122291</v>
      </c>
      <c r="CZ23" s="318">
        <v>0</v>
      </c>
      <c r="DA23" s="319">
        <v>238437</v>
      </c>
      <c r="DB23" s="319">
        <v>616116</v>
      </c>
      <c r="DC23" s="319">
        <v>363336</v>
      </c>
      <c r="DD23" s="319">
        <v>239360</v>
      </c>
      <c r="DE23" s="319">
        <v>74365</v>
      </c>
      <c r="DF23" s="320">
        <v>1531614</v>
      </c>
      <c r="DG23" s="322">
        <v>1653905</v>
      </c>
      <c r="DH23" s="318">
        <v>0</v>
      </c>
      <c r="DI23" s="319">
        <v>0</v>
      </c>
      <c r="DJ23" s="323">
        <v>0</v>
      </c>
      <c r="DK23" s="324">
        <v>0</v>
      </c>
      <c r="DL23" s="319">
        <v>63693</v>
      </c>
      <c r="DM23" s="319">
        <v>492230</v>
      </c>
      <c r="DN23" s="319">
        <v>584113</v>
      </c>
      <c r="DO23" s="319">
        <v>529018</v>
      </c>
      <c r="DP23" s="319">
        <v>310126</v>
      </c>
      <c r="DQ23" s="320">
        <v>1979180</v>
      </c>
      <c r="DR23" s="322">
        <v>1979180</v>
      </c>
      <c r="DS23" s="318">
        <v>0</v>
      </c>
      <c r="DT23" s="319">
        <v>0</v>
      </c>
      <c r="DU23" s="320">
        <v>0</v>
      </c>
      <c r="DV23" s="318">
        <v>0</v>
      </c>
      <c r="DW23" s="319">
        <v>63693</v>
      </c>
      <c r="DX23" s="319">
        <v>492230</v>
      </c>
      <c r="DY23" s="319">
        <v>529698</v>
      </c>
      <c r="DZ23" s="319">
        <v>529018</v>
      </c>
      <c r="EA23" s="319">
        <v>264247</v>
      </c>
      <c r="EB23" s="320">
        <v>1878886</v>
      </c>
      <c r="EC23" s="322">
        <v>1878886</v>
      </c>
      <c r="ED23" s="318">
        <v>0</v>
      </c>
      <c r="EE23" s="323">
        <v>0</v>
      </c>
      <c r="EF23" s="320">
        <v>0</v>
      </c>
      <c r="EG23" s="318">
        <v>0</v>
      </c>
      <c r="EH23" s="319">
        <v>0</v>
      </c>
      <c r="EI23" s="319">
        <v>0</v>
      </c>
      <c r="EJ23" s="319">
        <v>54415</v>
      </c>
      <c r="EK23" s="319">
        <v>0</v>
      </c>
      <c r="EL23" s="319">
        <v>45879</v>
      </c>
      <c r="EM23" s="323">
        <v>100294</v>
      </c>
      <c r="EN23" s="322">
        <v>100294</v>
      </c>
      <c r="EO23" s="318">
        <v>0</v>
      </c>
      <c r="EP23" s="319">
        <v>0</v>
      </c>
      <c r="EQ23" s="323">
        <v>0</v>
      </c>
      <c r="ER23" s="324">
        <v>0</v>
      </c>
      <c r="ES23" s="319">
        <v>0</v>
      </c>
      <c r="ET23" s="319">
        <v>0</v>
      </c>
      <c r="EU23" s="319">
        <v>0</v>
      </c>
      <c r="EV23" s="319">
        <v>0</v>
      </c>
      <c r="EW23" s="319">
        <v>0</v>
      </c>
      <c r="EX23" s="320">
        <v>0</v>
      </c>
      <c r="EY23" s="322">
        <v>0</v>
      </c>
      <c r="EZ23" s="318">
        <v>0</v>
      </c>
      <c r="FA23" s="319">
        <v>0</v>
      </c>
      <c r="FB23" s="323">
        <v>0</v>
      </c>
      <c r="FC23" s="325"/>
      <c r="FD23" s="319">
        <v>0</v>
      </c>
      <c r="FE23" s="319">
        <v>0</v>
      </c>
      <c r="FF23" s="319">
        <v>0</v>
      </c>
      <c r="FG23" s="319">
        <v>0</v>
      </c>
      <c r="FH23" s="319">
        <v>0</v>
      </c>
      <c r="FI23" s="320">
        <v>0</v>
      </c>
      <c r="FJ23" s="322">
        <v>0</v>
      </c>
      <c r="FK23" s="318">
        <v>67536</v>
      </c>
      <c r="FL23" s="319">
        <v>84938</v>
      </c>
      <c r="FM23" s="320">
        <v>152474</v>
      </c>
      <c r="FN23" s="318">
        <v>0</v>
      </c>
      <c r="FO23" s="319">
        <v>203609</v>
      </c>
      <c r="FP23" s="319">
        <v>851529</v>
      </c>
      <c r="FQ23" s="319">
        <v>347522</v>
      </c>
      <c r="FR23" s="319">
        <v>617498</v>
      </c>
      <c r="FS23" s="319">
        <v>377867</v>
      </c>
      <c r="FT23" s="320">
        <v>2398025</v>
      </c>
      <c r="FU23" s="322">
        <v>2550499</v>
      </c>
      <c r="FV23" s="326">
        <v>44436</v>
      </c>
      <c r="FW23" s="319">
        <v>84938</v>
      </c>
      <c r="FX23" s="323">
        <v>129374</v>
      </c>
      <c r="FY23" s="324">
        <v>0</v>
      </c>
      <c r="FZ23" s="319">
        <v>203609</v>
      </c>
      <c r="GA23" s="319">
        <v>699279</v>
      </c>
      <c r="GB23" s="319">
        <v>339052</v>
      </c>
      <c r="GC23" s="319">
        <v>617498</v>
      </c>
      <c r="GD23" s="319">
        <v>307867</v>
      </c>
      <c r="GE23" s="320">
        <v>2167305</v>
      </c>
      <c r="GF23" s="327">
        <v>2296679</v>
      </c>
      <c r="GG23" s="326">
        <v>0</v>
      </c>
      <c r="GH23" s="319">
        <v>0</v>
      </c>
      <c r="GI23" s="323">
        <v>0</v>
      </c>
      <c r="GJ23" s="324">
        <v>0</v>
      </c>
      <c r="GK23" s="319">
        <v>0</v>
      </c>
      <c r="GL23" s="319">
        <v>12250</v>
      </c>
      <c r="GM23" s="319">
        <v>0</v>
      </c>
      <c r="GN23" s="319">
        <v>0</v>
      </c>
      <c r="GO23" s="319">
        <v>70000</v>
      </c>
      <c r="GP23" s="320">
        <v>82250</v>
      </c>
      <c r="GQ23" s="322">
        <v>82250</v>
      </c>
      <c r="GR23" s="318">
        <v>23100</v>
      </c>
      <c r="GS23" s="319">
        <v>0</v>
      </c>
      <c r="GT23" s="320">
        <v>23100</v>
      </c>
      <c r="GU23" s="318">
        <v>0</v>
      </c>
      <c r="GV23" s="319">
        <v>0</v>
      </c>
      <c r="GW23" s="319">
        <v>140000</v>
      </c>
      <c r="GX23" s="319">
        <v>8470</v>
      </c>
      <c r="GY23" s="319">
        <v>0</v>
      </c>
      <c r="GZ23" s="319">
        <v>0</v>
      </c>
      <c r="HA23" s="323">
        <v>148470</v>
      </c>
      <c r="HB23" s="322">
        <v>171570</v>
      </c>
      <c r="HC23" s="318">
        <v>130681</v>
      </c>
      <c r="HD23" s="319">
        <v>0</v>
      </c>
      <c r="HE23" s="323">
        <v>130681</v>
      </c>
      <c r="HF23" s="324">
        <v>0</v>
      </c>
      <c r="HG23" s="319">
        <v>1747718</v>
      </c>
      <c r="HH23" s="319">
        <v>1650428</v>
      </c>
      <c r="HI23" s="319">
        <v>1825183</v>
      </c>
      <c r="HJ23" s="319">
        <v>2322131</v>
      </c>
      <c r="HK23" s="319">
        <v>3314295</v>
      </c>
      <c r="HL23" s="320">
        <v>10859755</v>
      </c>
      <c r="HM23" s="321">
        <v>10990436</v>
      </c>
      <c r="HN23" s="411"/>
      <c r="HO23" s="411"/>
      <c r="HP23" s="411"/>
      <c r="HQ23" s="411"/>
      <c r="HR23" s="411"/>
      <c r="HS23" s="411"/>
      <c r="HT23" s="411"/>
      <c r="HU23" s="411"/>
      <c r="HV23" s="411"/>
      <c r="HW23" s="411"/>
      <c r="HX23" s="424"/>
      <c r="HY23" s="330">
        <v>0</v>
      </c>
      <c r="HZ23" s="329">
        <v>0</v>
      </c>
      <c r="IA23" s="330">
        <v>0</v>
      </c>
      <c r="IB23" s="353">
        <v>0</v>
      </c>
      <c r="IC23" s="329">
        <v>1059826</v>
      </c>
      <c r="ID23" s="354">
        <v>1240607</v>
      </c>
      <c r="IE23" s="330">
        <v>720601</v>
      </c>
      <c r="IF23" s="329">
        <v>783170</v>
      </c>
      <c r="IG23" s="330">
        <v>1053580</v>
      </c>
      <c r="IH23" s="355">
        <v>4857784</v>
      </c>
      <c r="II23" s="336">
        <v>4857784</v>
      </c>
      <c r="IJ23" s="337">
        <v>0</v>
      </c>
      <c r="IK23" s="338">
        <v>0</v>
      </c>
      <c r="IL23" s="339">
        <v>0</v>
      </c>
      <c r="IM23" s="411"/>
      <c r="IN23" s="341">
        <v>0</v>
      </c>
      <c r="IO23" s="341">
        <v>0</v>
      </c>
      <c r="IP23" s="341">
        <v>0</v>
      </c>
      <c r="IQ23" s="341">
        <v>0</v>
      </c>
      <c r="IR23" s="341">
        <v>237450</v>
      </c>
      <c r="IS23" s="342">
        <v>237450</v>
      </c>
      <c r="IT23" s="343">
        <v>237450</v>
      </c>
      <c r="IU23" s="344">
        <v>0</v>
      </c>
      <c r="IV23" s="341">
        <v>0</v>
      </c>
      <c r="IW23" s="345">
        <v>0</v>
      </c>
      <c r="IX23" s="411"/>
      <c r="IY23" s="341">
        <v>0</v>
      </c>
      <c r="IZ23" s="341">
        <v>0</v>
      </c>
      <c r="JA23" s="341">
        <v>0</v>
      </c>
      <c r="JB23" s="341">
        <v>0</v>
      </c>
      <c r="JC23" s="341">
        <v>0</v>
      </c>
      <c r="JD23" s="345">
        <v>0</v>
      </c>
      <c r="JE23" s="347">
        <v>0</v>
      </c>
      <c r="JF23" s="344">
        <v>0</v>
      </c>
      <c r="JG23" s="341">
        <v>0</v>
      </c>
      <c r="JH23" s="342">
        <v>0</v>
      </c>
      <c r="JI23" s="348">
        <v>0</v>
      </c>
      <c r="JJ23" s="341">
        <v>857560</v>
      </c>
      <c r="JK23" s="341">
        <v>567261</v>
      </c>
      <c r="JL23" s="341">
        <v>335358</v>
      </c>
      <c r="JM23" s="341">
        <v>58497</v>
      </c>
      <c r="JN23" s="341">
        <v>0</v>
      </c>
      <c r="JO23" s="345">
        <v>1818676</v>
      </c>
      <c r="JP23" s="343">
        <v>1818676</v>
      </c>
      <c r="JQ23" s="344">
        <v>0</v>
      </c>
      <c r="JR23" s="341">
        <v>0</v>
      </c>
      <c r="JS23" s="342">
        <v>0</v>
      </c>
      <c r="JT23" s="348">
        <v>0</v>
      </c>
      <c r="JU23" s="341">
        <v>0</v>
      </c>
      <c r="JV23" s="341">
        <v>0</v>
      </c>
      <c r="JW23" s="341">
        <v>301992</v>
      </c>
      <c r="JX23" s="341">
        <v>0</v>
      </c>
      <c r="JY23" s="341">
        <v>0</v>
      </c>
      <c r="JZ23" s="345">
        <v>301992</v>
      </c>
      <c r="KA23" s="343">
        <v>301992</v>
      </c>
      <c r="KB23" s="349">
        <v>0</v>
      </c>
      <c r="KC23" s="350">
        <v>0</v>
      </c>
      <c r="KD23" s="345">
        <v>0</v>
      </c>
      <c r="KE23" s="348">
        <v>0</v>
      </c>
      <c r="KF23" s="341">
        <v>202266</v>
      </c>
      <c r="KG23" s="341">
        <v>461826</v>
      </c>
      <c r="KH23" s="341">
        <v>0</v>
      </c>
      <c r="KI23" s="341">
        <v>0</v>
      </c>
      <c r="KJ23" s="341">
        <v>0</v>
      </c>
      <c r="KK23" s="345">
        <v>664092</v>
      </c>
      <c r="KL23" s="351">
        <v>664092</v>
      </c>
      <c r="KM23" s="337">
        <v>0</v>
      </c>
      <c r="KN23" s="338">
        <v>0</v>
      </c>
      <c r="KO23" s="339">
        <v>0</v>
      </c>
      <c r="KP23" s="340"/>
      <c r="KQ23" s="341">
        <v>0</v>
      </c>
      <c r="KR23" s="341">
        <v>211520</v>
      </c>
      <c r="KS23" s="341">
        <v>83251</v>
      </c>
      <c r="KT23" s="341">
        <v>216092</v>
      </c>
      <c r="KU23" s="341">
        <v>219734</v>
      </c>
      <c r="KV23" s="345">
        <v>730597</v>
      </c>
      <c r="KW23" s="343">
        <v>730597</v>
      </c>
      <c r="KX23" s="344">
        <v>0</v>
      </c>
      <c r="KY23" s="341">
        <v>0</v>
      </c>
      <c r="KZ23" s="345">
        <v>0</v>
      </c>
      <c r="LA23" s="352"/>
      <c r="LB23" s="341">
        <v>0</v>
      </c>
      <c r="LC23" s="341">
        <v>0</v>
      </c>
      <c r="LD23" s="341">
        <v>0</v>
      </c>
      <c r="LE23" s="341">
        <v>0</v>
      </c>
      <c r="LF23" s="341">
        <v>0</v>
      </c>
      <c r="LG23" s="345">
        <v>0</v>
      </c>
      <c r="LH23" s="347">
        <v>0</v>
      </c>
      <c r="LI23" s="344">
        <v>0</v>
      </c>
      <c r="LJ23" s="341">
        <v>0</v>
      </c>
      <c r="LK23" s="345">
        <v>0</v>
      </c>
      <c r="LL23" s="352"/>
      <c r="LM23" s="341">
        <v>0</v>
      </c>
      <c r="LN23" s="341">
        <v>0</v>
      </c>
      <c r="LO23" s="341">
        <v>0</v>
      </c>
      <c r="LP23" s="341">
        <v>0</v>
      </c>
      <c r="LQ23" s="341">
        <v>0</v>
      </c>
      <c r="LR23" s="345">
        <v>0</v>
      </c>
      <c r="LS23" s="343">
        <v>0</v>
      </c>
      <c r="LT23" s="344">
        <v>0</v>
      </c>
      <c r="LU23" s="341">
        <v>0</v>
      </c>
      <c r="LV23" s="345">
        <v>0</v>
      </c>
      <c r="LW23" s="352"/>
      <c r="LX23" s="341">
        <v>0</v>
      </c>
      <c r="LY23" s="341">
        <v>0</v>
      </c>
      <c r="LZ23" s="341">
        <v>0</v>
      </c>
      <c r="MA23" s="341">
        <v>508581</v>
      </c>
      <c r="MB23" s="341">
        <v>596396</v>
      </c>
      <c r="MC23" s="345">
        <v>1104977</v>
      </c>
      <c r="MD23" s="347">
        <v>1104977</v>
      </c>
      <c r="ME23" s="344">
        <v>0</v>
      </c>
      <c r="MF23" s="341">
        <v>0</v>
      </c>
      <c r="MG23" s="345">
        <v>0</v>
      </c>
      <c r="MH23" s="352"/>
      <c r="MI23" s="341">
        <v>394892</v>
      </c>
      <c r="MJ23" s="341">
        <v>315386</v>
      </c>
      <c r="MK23" s="341">
        <v>2390425</v>
      </c>
      <c r="ML23" s="341">
        <v>4909295</v>
      </c>
      <c r="MM23" s="341">
        <v>2358896</v>
      </c>
      <c r="MN23" s="345">
        <v>10368894</v>
      </c>
      <c r="MO23" s="351">
        <v>10368894</v>
      </c>
      <c r="MP23" s="344">
        <v>0</v>
      </c>
      <c r="MQ23" s="341">
        <v>0</v>
      </c>
      <c r="MR23" s="345">
        <v>0</v>
      </c>
      <c r="MS23" s="352"/>
      <c r="MT23" s="341">
        <v>0</v>
      </c>
      <c r="MU23" s="341">
        <v>0</v>
      </c>
      <c r="MV23" s="341">
        <v>1039890</v>
      </c>
      <c r="MW23" s="341">
        <v>3975543</v>
      </c>
      <c r="MX23" s="341">
        <v>742075</v>
      </c>
      <c r="MY23" s="345">
        <v>5757508</v>
      </c>
      <c r="MZ23" s="351">
        <v>5757508</v>
      </c>
      <c r="NA23" s="344">
        <v>0</v>
      </c>
      <c r="NB23" s="341">
        <v>0</v>
      </c>
      <c r="NC23" s="345">
        <v>0</v>
      </c>
      <c r="ND23" s="352"/>
      <c r="NE23" s="341">
        <v>394892</v>
      </c>
      <c r="NF23" s="341">
        <v>315386</v>
      </c>
      <c r="NG23" s="341">
        <v>1350535</v>
      </c>
      <c r="NH23" s="341">
        <v>933752</v>
      </c>
      <c r="NI23" s="341">
        <v>1353342</v>
      </c>
      <c r="NJ23" s="345">
        <v>4347907</v>
      </c>
      <c r="NK23" s="343">
        <v>4347907</v>
      </c>
      <c r="NL23" s="344">
        <v>0</v>
      </c>
      <c r="NM23" s="341">
        <v>0</v>
      </c>
      <c r="NN23" s="345">
        <v>0</v>
      </c>
      <c r="NO23" s="352"/>
      <c r="NP23" s="341">
        <v>0</v>
      </c>
      <c r="NQ23" s="341">
        <v>0</v>
      </c>
      <c r="NR23" s="341">
        <v>0</v>
      </c>
      <c r="NS23" s="341">
        <v>0</v>
      </c>
      <c r="NT23" s="341">
        <v>263479</v>
      </c>
      <c r="NU23" s="345">
        <v>263479</v>
      </c>
      <c r="NV23" s="347">
        <v>263479</v>
      </c>
      <c r="NW23" s="344">
        <v>0</v>
      </c>
      <c r="NX23" s="341">
        <v>0</v>
      </c>
      <c r="NY23" s="345">
        <v>0</v>
      </c>
      <c r="NZ23" s="352"/>
      <c r="OA23" s="341">
        <v>0</v>
      </c>
      <c r="OB23" s="341">
        <v>0</v>
      </c>
      <c r="OC23" s="341">
        <v>0</v>
      </c>
      <c r="OD23" s="341">
        <v>0</v>
      </c>
      <c r="OE23" s="341">
        <v>0</v>
      </c>
      <c r="OF23" s="345">
        <v>0</v>
      </c>
      <c r="OG23" s="347">
        <v>0</v>
      </c>
      <c r="OH23" s="344">
        <v>400462</v>
      </c>
      <c r="OI23" s="341">
        <v>414335</v>
      </c>
      <c r="OJ23" s="342">
        <v>814797</v>
      </c>
      <c r="OK23" s="348">
        <v>0</v>
      </c>
      <c r="OL23" s="341">
        <v>6713110</v>
      </c>
      <c r="OM23" s="341">
        <v>11093099</v>
      </c>
      <c r="ON23" s="341">
        <v>9527827</v>
      </c>
      <c r="OO23" s="341">
        <v>13036626</v>
      </c>
      <c r="OP23" s="341">
        <v>9796008</v>
      </c>
      <c r="OQ23" s="345">
        <v>50166670</v>
      </c>
      <c r="OR23" s="351">
        <v>50981467</v>
      </c>
    </row>
    <row r="24" spans="1:408" ht="20.25" customHeight="1" x14ac:dyDescent="0.2">
      <c r="A24" s="111" t="s">
        <v>19</v>
      </c>
      <c r="B24" s="318">
        <v>127854</v>
      </c>
      <c r="C24" s="319">
        <v>680132</v>
      </c>
      <c r="D24" s="320">
        <v>807986</v>
      </c>
      <c r="E24" s="321">
        <v>0</v>
      </c>
      <c r="F24" s="319">
        <v>2831884</v>
      </c>
      <c r="G24" s="319">
        <v>2243096</v>
      </c>
      <c r="H24" s="319">
        <v>3544440</v>
      </c>
      <c r="I24" s="319">
        <v>1483574</v>
      </c>
      <c r="J24" s="319">
        <v>1552974</v>
      </c>
      <c r="K24" s="321">
        <v>11655968</v>
      </c>
      <c r="L24" s="322">
        <v>12463954</v>
      </c>
      <c r="M24" s="318">
        <v>51603</v>
      </c>
      <c r="N24" s="319">
        <v>177576</v>
      </c>
      <c r="O24" s="320">
        <v>229179</v>
      </c>
      <c r="P24" s="318">
        <v>0</v>
      </c>
      <c r="Q24" s="319">
        <v>676414</v>
      </c>
      <c r="R24" s="319">
        <v>820748</v>
      </c>
      <c r="S24" s="319">
        <v>1109348</v>
      </c>
      <c r="T24" s="319">
        <v>561705</v>
      </c>
      <c r="U24" s="319">
        <v>470480</v>
      </c>
      <c r="V24" s="320">
        <v>3638695</v>
      </c>
      <c r="W24" s="322">
        <v>3867874</v>
      </c>
      <c r="X24" s="318">
        <v>0</v>
      </c>
      <c r="Y24" s="319">
        <v>0</v>
      </c>
      <c r="Z24" s="320">
        <v>0</v>
      </c>
      <c r="AA24" s="318">
        <v>0</v>
      </c>
      <c r="AB24" s="319">
        <v>199169</v>
      </c>
      <c r="AC24" s="319">
        <v>278823</v>
      </c>
      <c r="AD24" s="319">
        <v>529499</v>
      </c>
      <c r="AE24" s="319">
        <v>192607</v>
      </c>
      <c r="AF24" s="319">
        <v>254666</v>
      </c>
      <c r="AG24" s="320">
        <v>1454764</v>
      </c>
      <c r="AH24" s="322">
        <v>1454764</v>
      </c>
      <c r="AI24" s="318">
        <v>0</v>
      </c>
      <c r="AJ24" s="319">
        <v>0</v>
      </c>
      <c r="AK24" s="320">
        <v>0</v>
      </c>
      <c r="AL24" s="318">
        <v>0</v>
      </c>
      <c r="AM24" s="319">
        <v>0</v>
      </c>
      <c r="AN24" s="319">
        <v>0</v>
      </c>
      <c r="AO24" s="319">
        <v>49920</v>
      </c>
      <c r="AP24" s="319">
        <v>39445</v>
      </c>
      <c r="AQ24" s="319">
        <v>40887</v>
      </c>
      <c r="AR24" s="320">
        <v>130252</v>
      </c>
      <c r="AS24" s="322">
        <v>130252</v>
      </c>
      <c r="AT24" s="318">
        <v>31562</v>
      </c>
      <c r="AU24" s="319">
        <v>118154</v>
      </c>
      <c r="AV24" s="320">
        <v>149716</v>
      </c>
      <c r="AW24" s="318">
        <v>0</v>
      </c>
      <c r="AX24" s="319">
        <v>346499</v>
      </c>
      <c r="AY24" s="319">
        <v>391930</v>
      </c>
      <c r="AZ24" s="319">
        <v>242129</v>
      </c>
      <c r="BA24" s="319">
        <v>229147</v>
      </c>
      <c r="BB24" s="319">
        <v>99999</v>
      </c>
      <c r="BC24" s="320">
        <v>1309704</v>
      </c>
      <c r="BD24" s="322">
        <v>1459420</v>
      </c>
      <c r="BE24" s="318">
        <v>0</v>
      </c>
      <c r="BF24" s="319">
        <v>13579</v>
      </c>
      <c r="BG24" s="323">
        <v>13579</v>
      </c>
      <c r="BH24" s="324">
        <v>0</v>
      </c>
      <c r="BI24" s="319">
        <v>41895</v>
      </c>
      <c r="BJ24" s="319">
        <v>37988</v>
      </c>
      <c r="BK24" s="319">
        <v>68119</v>
      </c>
      <c r="BL24" s="319">
        <v>0</v>
      </c>
      <c r="BM24" s="319">
        <v>0</v>
      </c>
      <c r="BN24" s="320">
        <v>148002</v>
      </c>
      <c r="BO24" s="322">
        <v>161581</v>
      </c>
      <c r="BP24" s="318">
        <v>20041</v>
      </c>
      <c r="BQ24" s="319">
        <v>45843</v>
      </c>
      <c r="BR24" s="320">
        <v>65884</v>
      </c>
      <c r="BS24" s="318">
        <v>0</v>
      </c>
      <c r="BT24" s="319">
        <v>88851</v>
      </c>
      <c r="BU24" s="319">
        <v>112007</v>
      </c>
      <c r="BV24" s="319">
        <v>219681</v>
      </c>
      <c r="BW24" s="319">
        <v>100506</v>
      </c>
      <c r="BX24" s="319">
        <v>74928</v>
      </c>
      <c r="BY24" s="320">
        <v>595973</v>
      </c>
      <c r="BZ24" s="322">
        <v>661857</v>
      </c>
      <c r="CA24" s="318">
        <v>18513</v>
      </c>
      <c r="CB24" s="319">
        <v>104784</v>
      </c>
      <c r="CC24" s="320">
        <v>123297</v>
      </c>
      <c r="CD24" s="318">
        <v>0</v>
      </c>
      <c r="CE24" s="319">
        <v>1121528</v>
      </c>
      <c r="CF24" s="319">
        <v>550905</v>
      </c>
      <c r="CG24" s="319">
        <v>568312</v>
      </c>
      <c r="CH24" s="319">
        <v>519330</v>
      </c>
      <c r="CI24" s="319">
        <v>379475</v>
      </c>
      <c r="CJ24" s="320">
        <v>3139550</v>
      </c>
      <c r="CK24" s="322">
        <v>3262847</v>
      </c>
      <c r="CL24" s="318">
        <v>0</v>
      </c>
      <c r="CM24" s="319">
        <v>0</v>
      </c>
      <c r="CN24" s="320">
        <v>0</v>
      </c>
      <c r="CO24" s="324">
        <v>0</v>
      </c>
      <c r="CP24" s="319">
        <v>833085</v>
      </c>
      <c r="CQ24" s="319">
        <v>369474</v>
      </c>
      <c r="CR24" s="319">
        <v>383763</v>
      </c>
      <c r="CS24" s="319">
        <v>26370</v>
      </c>
      <c r="CT24" s="319">
        <v>247107</v>
      </c>
      <c r="CU24" s="320">
        <v>1859799</v>
      </c>
      <c r="CV24" s="322">
        <v>1859799</v>
      </c>
      <c r="CW24" s="318">
        <v>18513</v>
      </c>
      <c r="CX24" s="319">
        <v>104784</v>
      </c>
      <c r="CY24" s="320">
        <v>123297</v>
      </c>
      <c r="CZ24" s="318">
        <v>0</v>
      </c>
      <c r="DA24" s="319">
        <v>288443</v>
      </c>
      <c r="DB24" s="319">
        <v>181431</v>
      </c>
      <c r="DC24" s="319">
        <v>184549</v>
      </c>
      <c r="DD24" s="319">
        <v>492960</v>
      </c>
      <c r="DE24" s="319">
        <v>132368</v>
      </c>
      <c r="DF24" s="320">
        <v>1279751</v>
      </c>
      <c r="DG24" s="322">
        <v>1403048</v>
      </c>
      <c r="DH24" s="318">
        <v>0</v>
      </c>
      <c r="DI24" s="319">
        <v>27209</v>
      </c>
      <c r="DJ24" s="323">
        <v>27209</v>
      </c>
      <c r="DK24" s="324">
        <v>0</v>
      </c>
      <c r="DL24" s="319">
        <v>0</v>
      </c>
      <c r="DM24" s="319">
        <v>161002</v>
      </c>
      <c r="DN24" s="319">
        <v>159178</v>
      </c>
      <c r="DO24" s="319">
        <v>55746</v>
      </c>
      <c r="DP24" s="319">
        <v>21366</v>
      </c>
      <c r="DQ24" s="320">
        <v>397292</v>
      </c>
      <c r="DR24" s="322">
        <v>424501</v>
      </c>
      <c r="DS24" s="318">
        <v>0</v>
      </c>
      <c r="DT24" s="319">
        <v>27209</v>
      </c>
      <c r="DU24" s="320">
        <v>27209</v>
      </c>
      <c r="DV24" s="318">
        <v>0</v>
      </c>
      <c r="DW24" s="319">
        <v>0</v>
      </c>
      <c r="DX24" s="319">
        <v>125298</v>
      </c>
      <c r="DY24" s="319">
        <v>159178</v>
      </c>
      <c r="DZ24" s="319">
        <v>0</v>
      </c>
      <c r="EA24" s="319">
        <v>0</v>
      </c>
      <c r="EB24" s="320">
        <v>284476</v>
      </c>
      <c r="EC24" s="322">
        <v>311685</v>
      </c>
      <c r="ED24" s="318">
        <v>0</v>
      </c>
      <c r="EE24" s="323">
        <v>0</v>
      </c>
      <c r="EF24" s="320">
        <v>0</v>
      </c>
      <c r="EG24" s="318">
        <v>0</v>
      </c>
      <c r="EH24" s="319">
        <v>0</v>
      </c>
      <c r="EI24" s="319">
        <v>35704</v>
      </c>
      <c r="EJ24" s="319">
        <v>0</v>
      </c>
      <c r="EK24" s="319">
        <v>55746</v>
      </c>
      <c r="EL24" s="319">
        <v>21366</v>
      </c>
      <c r="EM24" s="323">
        <v>112816</v>
      </c>
      <c r="EN24" s="322">
        <v>112816</v>
      </c>
      <c r="EO24" s="318">
        <v>0</v>
      </c>
      <c r="EP24" s="319">
        <v>0</v>
      </c>
      <c r="EQ24" s="323">
        <v>0</v>
      </c>
      <c r="ER24" s="324">
        <v>0</v>
      </c>
      <c r="ES24" s="319">
        <v>0</v>
      </c>
      <c r="ET24" s="319">
        <v>0</v>
      </c>
      <c r="EU24" s="319">
        <v>0</v>
      </c>
      <c r="EV24" s="319">
        <v>0</v>
      </c>
      <c r="EW24" s="319">
        <v>0</v>
      </c>
      <c r="EX24" s="320">
        <v>0</v>
      </c>
      <c r="EY24" s="322">
        <v>0</v>
      </c>
      <c r="EZ24" s="318">
        <v>0</v>
      </c>
      <c r="FA24" s="319">
        <v>0</v>
      </c>
      <c r="FB24" s="323">
        <v>0</v>
      </c>
      <c r="FC24" s="325"/>
      <c r="FD24" s="319">
        <v>0</v>
      </c>
      <c r="FE24" s="319">
        <v>0</v>
      </c>
      <c r="FF24" s="319">
        <v>0</v>
      </c>
      <c r="FG24" s="319">
        <v>0</v>
      </c>
      <c r="FH24" s="319">
        <v>0</v>
      </c>
      <c r="FI24" s="320">
        <v>0</v>
      </c>
      <c r="FJ24" s="322">
        <v>0</v>
      </c>
      <c r="FK24" s="318">
        <v>12460</v>
      </c>
      <c r="FL24" s="319">
        <v>54040</v>
      </c>
      <c r="FM24" s="320">
        <v>66500</v>
      </c>
      <c r="FN24" s="318">
        <v>0</v>
      </c>
      <c r="FO24" s="319">
        <v>224980</v>
      </c>
      <c r="FP24" s="319">
        <v>261765</v>
      </c>
      <c r="FQ24" s="319">
        <v>253722</v>
      </c>
      <c r="FR24" s="319">
        <v>164416</v>
      </c>
      <c r="FS24" s="319">
        <v>81102</v>
      </c>
      <c r="FT24" s="320">
        <v>985985</v>
      </c>
      <c r="FU24" s="322">
        <v>1052485</v>
      </c>
      <c r="FV24" s="326">
        <v>12460</v>
      </c>
      <c r="FW24" s="319">
        <v>54040</v>
      </c>
      <c r="FX24" s="323">
        <v>66500</v>
      </c>
      <c r="FY24" s="324">
        <v>0</v>
      </c>
      <c r="FZ24" s="319">
        <v>84980</v>
      </c>
      <c r="GA24" s="319">
        <v>241437</v>
      </c>
      <c r="GB24" s="319">
        <v>227542</v>
      </c>
      <c r="GC24" s="319">
        <v>164416</v>
      </c>
      <c r="GD24" s="319">
        <v>81102</v>
      </c>
      <c r="GE24" s="320">
        <v>799477</v>
      </c>
      <c r="GF24" s="327">
        <v>865977</v>
      </c>
      <c r="GG24" s="326">
        <v>0</v>
      </c>
      <c r="GH24" s="319">
        <v>0</v>
      </c>
      <c r="GI24" s="323">
        <v>0</v>
      </c>
      <c r="GJ24" s="324">
        <v>0</v>
      </c>
      <c r="GK24" s="319">
        <v>0</v>
      </c>
      <c r="GL24" s="319">
        <v>0</v>
      </c>
      <c r="GM24" s="319">
        <v>26180</v>
      </c>
      <c r="GN24" s="319">
        <v>0</v>
      </c>
      <c r="GO24" s="319">
        <v>0</v>
      </c>
      <c r="GP24" s="320">
        <v>26180</v>
      </c>
      <c r="GQ24" s="322">
        <v>26180</v>
      </c>
      <c r="GR24" s="318">
        <v>0</v>
      </c>
      <c r="GS24" s="319">
        <v>0</v>
      </c>
      <c r="GT24" s="320">
        <v>0</v>
      </c>
      <c r="GU24" s="318">
        <v>0</v>
      </c>
      <c r="GV24" s="319">
        <v>140000</v>
      </c>
      <c r="GW24" s="319">
        <v>20328</v>
      </c>
      <c r="GX24" s="319">
        <v>0</v>
      </c>
      <c r="GY24" s="319">
        <v>0</v>
      </c>
      <c r="GZ24" s="319">
        <v>0</v>
      </c>
      <c r="HA24" s="323">
        <v>160328</v>
      </c>
      <c r="HB24" s="322">
        <v>160328</v>
      </c>
      <c r="HC24" s="318">
        <v>45278</v>
      </c>
      <c r="HD24" s="319">
        <v>316523</v>
      </c>
      <c r="HE24" s="323">
        <v>361801</v>
      </c>
      <c r="HF24" s="324">
        <v>0</v>
      </c>
      <c r="HG24" s="319">
        <v>808962</v>
      </c>
      <c r="HH24" s="319">
        <v>448676</v>
      </c>
      <c r="HI24" s="319">
        <v>1453880</v>
      </c>
      <c r="HJ24" s="319">
        <v>182377</v>
      </c>
      <c r="HK24" s="319">
        <v>600551</v>
      </c>
      <c r="HL24" s="320">
        <v>3494446</v>
      </c>
      <c r="HM24" s="321">
        <v>3856247</v>
      </c>
      <c r="HN24" s="411"/>
      <c r="HO24" s="411"/>
      <c r="HP24" s="411"/>
      <c r="HQ24" s="411"/>
      <c r="HR24" s="411"/>
      <c r="HS24" s="411"/>
      <c r="HT24" s="411"/>
      <c r="HU24" s="411"/>
      <c r="HV24" s="411"/>
      <c r="HW24" s="411"/>
      <c r="HX24" s="424"/>
      <c r="HY24" s="357">
        <v>0</v>
      </c>
      <c r="HZ24" s="332">
        <v>0</v>
      </c>
      <c r="IA24" s="357">
        <v>0</v>
      </c>
      <c r="IB24" s="331">
        <v>0</v>
      </c>
      <c r="IC24" s="332">
        <v>894385</v>
      </c>
      <c r="ID24" s="333">
        <v>757402</v>
      </c>
      <c r="IE24" s="334">
        <v>473762</v>
      </c>
      <c r="IF24" s="332">
        <v>1169803</v>
      </c>
      <c r="IG24" s="334">
        <v>250387</v>
      </c>
      <c r="IH24" s="335">
        <v>3545739</v>
      </c>
      <c r="II24" s="357">
        <v>3545739</v>
      </c>
      <c r="IJ24" s="337">
        <v>0</v>
      </c>
      <c r="IK24" s="338">
        <v>0</v>
      </c>
      <c r="IL24" s="339">
        <v>0</v>
      </c>
      <c r="IM24" s="411"/>
      <c r="IN24" s="341">
        <v>0</v>
      </c>
      <c r="IO24" s="341">
        <v>0</v>
      </c>
      <c r="IP24" s="341">
        <v>0</v>
      </c>
      <c r="IQ24" s="341">
        <v>346726</v>
      </c>
      <c r="IR24" s="341">
        <v>0</v>
      </c>
      <c r="IS24" s="342">
        <v>346726</v>
      </c>
      <c r="IT24" s="343">
        <v>346726</v>
      </c>
      <c r="IU24" s="344">
        <v>0</v>
      </c>
      <c r="IV24" s="341">
        <v>0</v>
      </c>
      <c r="IW24" s="345">
        <v>0</v>
      </c>
      <c r="IX24" s="411"/>
      <c r="IY24" s="341">
        <v>0</v>
      </c>
      <c r="IZ24" s="341">
        <v>0</v>
      </c>
      <c r="JA24" s="341">
        <v>0</v>
      </c>
      <c r="JB24" s="341">
        <v>8725</v>
      </c>
      <c r="JC24" s="341">
        <v>0</v>
      </c>
      <c r="JD24" s="345">
        <v>8725</v>
      </c>
      <c r="JE24" s="347">
        <v>8725</v>
      </c>
      <c r="JF24" s="344">
        <v>0</v>
      </c>
      <c r="JG24" s="341">
        <v>0</v>
      </c>
      <c r="JH24" s="342">
        <v>0</v>
      </c>
      <c r="JI24" s="348">
        <v>0</v>
      </c>
      <c r="JJ24" s="341">
        <v>354105</v>
      </c>
      <c r="JK24" s="341">
        <v>186258</v>
      </c>
      <c r="JL24" s="341">
        <v>220318</v>
      </c>
      <c r="JM24" s="341">
        <v>136367</v>
      </c>
      <c r="JN24" s="341">
        <v>0</v>
      </c>
      <c r="JO24" s="345">
        <v>897048</v>
      </c>
      <c r="JP24" s="343">
        <v>897048</v>
      </c>
      <c r="JQ24" s="344">
        <v>0</v>
      </c>
      <c r="JR24" s="341">
        <v>0</v>
      </c>
      <c r="JS24" s="342">
        <v>0</v>
      </c>
      <c r="JT24" s="348">
        <v>0</v>
      </c>
      <c r="JU24" s="341">
        <v>34332</v>
      </c>
      <c r="JV24" s="341">
        <v>194105</v>
      </c>
      <c r="JW24" s="341">
        <v>39191</v>
      </c>
      <c r="JX24" s="341">
        <v>0</v>
      </c>
      <c r="JY24" s="341">
        <v>0</v>
      </c>
      <c r="JZ24" s="345">
        <v>267628</v>
      </c>
      <c r="KA24" s="343">
        <v>267628</v>
      </c>
      <c r="KB24" s="349">
        <v>0</v>
      </c>
      <c r="KC24" s="350">
        <v>0</v>
      </c>
      <c r="KD24" s="345">
        <v>0</v>
      </c>
      <c r="KE24" s="348">
        <v>0</v>
      </c>
      <c r="KF24" s="341">
        <v>298861</v>
      </c>
      <c r="KG24" s="341">
        <v>160926</v>
      </c>
      <c r="KH24" s="341">
        <v>214253</v>
      </c>
      <c r="KI24" s="341">
        <v>677985</v>
      </c>
      <c r="KJ24" s="341">
        <v>250387</v>
      </c>
      <c r="KK24" s="345">
        <v>1602412</v>
      </c>
      <c r="KL24" s="351">
        <v>1602412</v>
      </c>
      <c r="KM24" s="337">
        <v>0</v>
      </c>
      <c r="KN24" s="338">
        <v>0</v>
      </c>
      <c r="KO24" s="339">
        <v>0</v>
      </c>
      <c r="KP24" s="340"/>
      <c r="KQ24" s="341">
        <v>207087</v>
      </c>
      <c r="KR24" s="341">
        <v>216113</v>
      </c>
      <c r="KS24" s="341">
        <v>0</v>
      </c>
      <c r="KT24" s="341">
        <v>0</v>
      </c>
      <c r="KU24" s="341">
        <v>0</v>
      </c>
      <c r="KV24" s="345">
        <v>423200</v>
      </c>
      <c r="KW24" s="343">
        <v>423200</v>
      </c>
      <c r="KX24" s="344">
        <v>0</v>
      </c>
      <c r="KY24" s="341">
        <v>0</v>
      </c>
      <c r="KZ24" s="345">
        <v>0</v>
      </c>
      <c r="LA24" s="352"/>
      <c r="LB24" s="341">
        <v>0</v>
      </c>
      <c r="LC24" s="341">
        <v>0</v>
      </c>
      <c r="LD24" s="341">
        <v>0</v>
      </c>
      <c r="LE24" s="341">
        <v>0</v>
      </c>
      <c r="LF24" s="341">
        <v>0</v>
      </c>
      <c r="LG24" s="345">
        <v>0</v>
      </c>
      <c r="LH24" s="347">
        <v>0</v>
      </c>
      <c r="LI24" s="344">
        <v>0</v>
      </c>
      <c r="LJ24" s="341">
        <v>0</v>
      </c>
      <c r="LK24" s="345">
        <v>0</v>
      </c>
      <c r="LL24" s="352"/>
      <c r="LM24" s="341">
        <v>0</v>
      </c>
      <c r="LN24" s="341">
        <v>0</v>
      </c>
      <c r="LO24" s="341">
        <v>0</v>
      </c>
      <c r="LP24" s="341">
        <v>0</v>
      </c>
      <c r="LQ24" s="341">
        <v>0</v>
      </c>
      <c r="LR24" s="345">
        <v>0</v>
      </c>
      <c r="LS24" s="343">
        <v>0</v>
      </c>
      <c r="LT24" s="344">
        <v>0</v>
      </c>
      <c r="LU24" s="341">
        <v>0</v>
      </c>
      <c r="LV24" s="345">
        <v>0</v>
      </c>
      <c r="LW24" s="352"/>
      <c r="LX24" s="341">
        <v>0</v>
      </c>
      <c r="LY24" s="341">
        <v>0</v>
      </c>
      <c r="LZ24" s="341">
        <v>0</v>
      </c>
      <c r="MA24" s="341">
        <v>0</v>
      </c>
      <c r="MB24" s="341">
        <v>0</v>
      </c>
      <c r="MC24" s="345">
        <v>0</v>
      </c>
      <c r="MD24" s="347">
        <v>0</v>
      </c>
      <c r="ME24" s="344">
        <v>0</v>
      </c>
      <c r="MF24" s="341">
        <v>0</v>
      </c>
      <c r="MG24" s="345">
        <v>0</v>
      </c>
      <c r="MH24" s="352"/>
      <c r="MI24" s="341">
        <v>203758</v>
      </c>
      <c r="MJ24" s="341">
        <v>620148</v>
      </c>
      <c r="MK24" s="341">
        <v>1577851</v>
      </c>
      <c r="ML24" s="341">
        <v>1080272</v>
      </c>
      <c r="MM24" s="341">
        <v>1045727</v>
      </c>
      <c r="MN24" s="345">
        <v>4527756</v>
      </c>
      <c r="MO24" s="351">
        <v>4527756</v>
      </c>
      <c r="MP24" s="344">
        <v>0</v>
      </c>
      <c r="MQ24" s="341">
        <v>0</v>
      </c>
      <c r="MR24" s="345">
        <v>0</v>
      </c>
      <c r="MS24" s="352"/>
      <c r="MT24" s="341">
        <v>0</v>
      </c>
      <c r="MU24" s="341">
        <v>0</v>
      </c>
      <c r="MV24" s="341">
        <v>392500</v>
      </c>
      <c r="MW24" s="341">
        <v>872370</v>
      </c>
      <c r="MX24" s="341">
        <v>724504</v>
      </c>
      <c r="MY24" s="345">
        <v>1989374</v>
      </c>
      <c r="MZ24" s="351">
        <v>1989374</v>
      </c>
      <c r="NA24" s="344">
        <v>0</v>
      </c>
      <c r="NB24" s="341">
        <v>0</v>
      </c>
      <c r="NC24" s="345">
        <v>0</v>
      </c>
      <c r="ND24" s="352"/>
      <c r="NE24" s="341">
        <v>203758</v>
      </c>
      <c r="NF24" s="341">
        <v>620148</v>
      </c>
      <c r="NG24" s="341">
        <v>1185351</v>
      </c>
      <c r="NH24" s="341">
        <v>0</v>
      </c>
      <c r="NI24" s="341">
        <v>321223</v>
      </c>
      <c r="NJ24" s="345">
        <v>2330480</v>
      </c>
      <c r="NK24" s="343">
        <v>2330480</v>
      </c>
      <c r="NL24" s="344">
        <v>0</v>
      </c>
      <c r="NM24" s="341">
        <v>0</v>
      </c>
      <c r="NN24" s="345">
        <v>0</v>
      </c>
      <c r="NO24" s="352"/>
      <c r="NP24" s="341">
        <v>0</v>
      </c>
      <c r="NQ24" s="341">
        <v>0</v>
      </c>
      <c r="NR24" s="341">
        <v>0</v>
      </c>
      <c r="NS24" s="341">
        <v>0</v>
      </c>
      <c r="NT24" s="341">
        <v>0</v>
      </c>
      <c r="NU24" s="345">
        <v>0</v>
      </c>
      <c r="NV24" s="347">
        <v>0</v>
      </c>
      <c r="NW24" s="344">
        <v>0</v>
      </c>
      <c r="NX24" s="341">
        <v>0</v>
      </c>
      <c r="NY24" s="345">
        <v>0</v>
      </c>
      <c r="NZ24" s="352"/>
      <c r="OA24" s="341">
        <v>0</v>
      </c>
      <c r="OB24" s="341">
        <v>0</v>
      </c>
      <c r="OC24" s="341">
        <v>0</v>
      </c>
      <c r="OD24" s="341">
        <v>207902</v>
      </c>
      <c r="OE24" s="341">
        <v>0</v>
      </c>
      <c r="OF24" s="345">
        <v>207902</v>
      </c>
      <c r="OG24" s="347">
        <v>207902</v>
      </c>
      <c r="OH24" s="344">
        <v>127854</v>
      </c>
      <c r="OI24" s="341">
        <v>680132</v>
      </c>
      <c r="OJ24" s="342">
        <v>807986</v>
      </c>
      <c r="OK24" s="348">
        <v>0</v>
      </c>
      <c r="OL24" s="341">
        <v>3930027</v>
      </c>
      <c r="OM24" s="341">
        <v>3620646</v>
      </c>
      <c r="ON24" s="341">
        <v>5596053</v>
      </c>
      <c r="OO24" s="341">
        <v>3733649</v>
      </c>
      <c r="OP24" s="341">
        <v>2849088</v>
      </c>
      <c r="OQ24" s="345">
        <v>19729463</v>
      </c>
      <c r="OR24" s="351">
        <v>20537449</v>
      </c>
    </row>
    <row r="25" spans="1:408" ht="20.25" customHeight="1" x14ac:dyDescent="0.2">
      <c r="A25" s="111" t="s">
        <v>20</v>
      </c>
      <c r="B25" s="318">
        <v>183943</v>
      </c>
      <c r="C25" s="319">
        <v>477420</v>
      </c>
      <c r="D25" s="320">
        <v>661363</v>
      </c>
      <c r="E25" s="318">
        <v>0</v>
      </c>
      <c r="F25" s="319">
        <v>3642313</v>
      </c>
      <c r="G25" s="319">
        <v>3635351</v>
      </c>
      <c r="H25" s="319">
        <v>2938067</v>
      </c>
      <c r="I25" s="319">
        <v>3939589</v>
      </c>
      <c r="J25" s="319">
        <v>1695009</v>
      </c>
      <c r="K25" s="358">
        <v>15850329</v>
      </c>
      <c r="L25" s="322">
        <v>16511692</v>
      </c>
      <c r="M25" s="318">
        <v>70599</v>
      </c>
      <c r="N25" s="319">
        <v>155065</v>
      </c>
      <c r="O25" s="320">
        <v>225664</v>
      </c>
      <c r="P25" s="318">
        <v>0</v>
      </c>
      <c r="Q25" s="319">
        <v>1537937</v>
      </c>
      <c r="R25" s="319">
        <v>849855</v>
      </c>
      <c r="S25" s="319">
        <v>789217</v>
      </c>
      <c r="T25" s="319">
        <v>1118536</v>
      </c>
      <c r="U25" s="319">
        <v>750709</v>
      </c>
      <c r="V25" s="320">
        <v>5046254</v>
      </c>
      <c r="W25" s="322">
        <v>5271918</v>
      </c>
      <c r="X25" s="318">
        <v>0</v>
      </c>
      <c r="Y25" s="319">
        <v>0</v>
      </c>
      <c r="Z25" s="320">
        <v>0</v>
      </c>
      <c r="AA25" s="318">
        <v>0</v>
      </c>
      <c r="AB25" s="319">
        <v>575408</v>
      </c>
      <c r="AC25" s="319">
        <v>312387</v>
      </c>
      <c r="AD25" s="319">
        <v>228601</v>
      </c>
      <c r="AE25" s="319">
        <v>684381</v>
      </c>
      <c r="AF25" s="319">
        <v>352206</v>
      </c>
      <c r="AG25" s="320">
        <v>2152983</v>
      </c>
      <c r="AH25" s="322">
        <v>2152983</v>
      </c>
      <c r="AI25" s="318">
        <v>0</v>
      </c>
      <c r="AJ25" s="319">
        <v>0</v>
      </c>
      <c r="AK25" s="320">
        <v>0</v>
      </c>
      <c r="AL25" s="318">
        <v>0</v>
      </c>
      <c r="AM25" s="319">
        <v>41035</v>
      </c>
      <c r="AN25" s="319">
        <v>0</v>
      </c>
      <c r="AO25" s="319">
        <v>20517</v>
      </c>
      <c r="AP25" s="319">
        <v>0</v>
      </c>
      <c r="AQ25" s="319">
        <v>220841</v>
      </c>
      <c r="AR25" s="320">
        <v>282393</v>
      </c>
      <c r="AS25" s="322">
        <v>282393</v>
      </c>
      <c r="AT25" s="318">
        <v>18989</v>
      </c>
      <c r="AU25" s="319">
        <v>116802</v>
      </c>
      <c r="AV25" s="320">
        <v>135791</v>
      </c>
      <c r="AW25" s="318">
        <v>0</v>
      </c>
      <c r="AX25" s="319">
        <v>626513</v>
      </c>
      <c r="AY25" s="319">
        <v>321335</v>
      </c>
      <c r="AZ25" s="319">
        <v>334623</v>
      </c>
      <c r="BA25" s="319">
        <v>189694</v>
      </c>
      <c r="BB25" s="319">
        <v>74811</v>
      </c>
      <c r="BC25" s="320">
        <v>1546976</v>
      </c>
      <c r="BD25" s="322">
        <v>1682767</v>
      </c>
      <c r="BE25" s="318">
        <v>47606</v>
      </c>
      <c r="BF25" s="319">
        <v>38263</v>
      </c>
      <c r="BG25" s="323">
        <v>85869</v>
      </c>
      <c r="BH25" s="324">
        <v>0</v>
      </c>
      <c r="BI25" s="319">
        <v>56246</v>
      </c>
      <c r="BJ25" s="319">
        <v>89132</v>
      </c>
      <c r="BK25" s="319">
        <v>101428</v>
      </c>
      <c r="BL25" s="319">
        <v>0</v>
      </c>
      <c r="BM25" s="319">
        <v>20258</v>
      </c>
      <c r="BN25" s="320">
        <v>267064</v>
      </c>
      <c r="BO25" s="322">
        <v>352933</v>
      </c>
      <c r="BP25" s="318">
        <v>4004</v>
      </c>
      <c r="BQ25" s="319">
        <v>0</v>
      </c>
      <c r="BR25" s="320">
        <v>4004</v>
      </c>
      <c r="BS25" s="318">
        <v>0</v>
      </c>
      <c r="BT25" s="319">
        <v>238735</v>
      </c>
      <c r="BU25" s="319">
        <v>127001</v>
      </c>
      <c r="BV25" s="319">
        <v>104048</v>
      </c>
      <c r="BW25" s="319">
        <v>244461</v>
      </c>
      <c r="BX25" s="319">
        <v>82593</v>
      </c>
      <c r="BY25" s="320">
        <v>796838</v>
      </c>
      <c r="BZ25" s="322">
        <v>800842</v>
      </c>
      <c r="CA25" s="318">
        <v>36837</v>
      </c>
      <c r="CB25" s="319">
        <v>71677</v>
      </c>
      <c r="CC25" s="320">
        <v>108514</v>
      </c>
      <c r="CD25" s="318">
        <v>0</v>
      </c>
      <c r="CE25" s="319">
        <v>974665</v>
      </c>
      <c r="CF25" s="319">
        <v>1203727</v>
      </c>
      <c r="CG25" s="319">
        <v>781842</v>
      </c>
      <c r="CH25" s="319">
        <v>351366</v>
      </c>
      <c r="CI25" s="319">
        <v>502567</v>
      </c>
      <c r="CJ25" s="320">
        <v>3814167</v>
      </c>
      <c r="CK25" s="322">
        <v>3922681</v>
      </c>
      <c r="CL25" s="318">
        <v>0</v>
      </c>
      <c r="CM25" s="319">
        <v>0</v>
      </c>
      <c r="CN25" s="320">
        <v>0</v>
      </c>
      <c r="CO25" s="324">
        <v>0</v>
      </c>
      <c r="CP25" s="319">
        <v>460939</v>
      </c>
      <c r="CQ25" s="319">
        <v>431796</v>
      </c>
      <c r="CR25" s="319">
        <v>553241</v>
      </c>
      <c r="CS25" s="319">
        <v>278894</v>
      </c>
      <c r="CT25" s="319">
        <v>393160</v>
      </c>
      <c r="CU25" s="320">
        <v>2118030</v>
      </c>
      <c r="CV25" s="322">
        <v>2118030</v>
      </c>
      <c r="CW25" s="318">
        <v>36837</v>
      </c>
      <c r="CX25" s="319">
        <v>71677</v>
      </c>
      <c r="CY25" s="320">
        <v>108514</v>
      </c>
      <c r="CZ25" s="318">
        <v>0</v>
      </c>
      <c r="DA25" s="319">
        <v>513726</v>
      </c>
      <c r="DB25" s="319">
        <v>771931</v>
      </c>
      <c r="DC25" s="319">
        <v>228601</v>
      </c>
      <c r="DD25" s="319">
        <v>72472</v>
      </c>
      <c r="DE25" s="319">
        <v>109407</v>
      </c>
      <c r="DF25" s="320">
        <v>1696137</v>
      </c>
      <c r="DG25" s="322">
        <v>1804651</v>
      </c>
      <c r="DH25" s="318">
        <v>0</v>
      </c>
      <c r="DI25" s="319">
        <v>39690</v>
      </c>
      <c r="DJ25" s="323">
        <v>39690</v>
      </c>
      <c r="DK25" s="324">
        <v>0</v>
      </c>
      <c r="DL25" s="319">
        <v>92288</v>
      </c>
      <c r="DM25" s="319">
        <v>375675</v>
      </c>
      <c r="DN25" s="319">
        <v>609614</v>
      </c>
      <c r="DO25" s="319">
        <v>652402</v>
      </c>
      <c r="DP25" s="319">
        <v>0</v>
      </c>
      <c r="DQ25" s="320">
        <v>1729979</v>
      </c>
      <c r="DR25" s="322">
        <v>1769669</v>
      </c>
      <c r="DS25" s="318">
        <v>0</v>
      </c>
      <c r="DT25" s="319">
        <v>39690</v>
      </c>
      <c r="DU25" s="320">
        <v>39690</v>
      </c>
      <c r="DV25" s="318">
        <v>0</v>
      </c>
      <c r="DW25" s="319">
        <v>92288</v>
      </c>
      <c r="DX25" s="319">
        <v>320488</v>
      </c>
      <c r="DY25" s="319">
        <v>508167</v>
      </c>
      <c r="DZ25" s="319">
        <v>652402</v>
      </c>
      <c r="EA25" s="319">
        <v>0</v>
      </c>
      <c r="EB25" s="320">
        <v>1573345</v>
      </c>
      <c r="EC25" s="322">
        <v>1613035</v>
      </c>
      <c r="ED25" s="318">
        <v>0</v>
      </c>
      <c r="EE25" s="323">
        <v>0</v>
      </c>
      <c r="EF25" s="320">
        <v>0</v>
      </c>
      <c r="EG25" s="318">
        <v>0</v>
      </c>
      <c r="EH25" s="319">
        <v>0</v>
      </c>
      <c r="EI25" s="319">
        <v>55187</v>
      </c>
      <c r="EJ25" s="319">
        <v>101447</v>
      </c>
      <c r="EK25" s="319">
        <v>0</v>
      </c>
      <c r="EL25" s="319">
        <v>0</v>
      </c>
      <c r="EM25" s="323">
        <v>156634</v>
      </c>
      <c r="EN25" s="322">
        <v>156634</v>
      </c>
      <c r="EO25" s="318">
        <v>0</v>
      </c>
      <c r="EP25" s="319">
        <v>0</v>
      </c>
      <c r="EQ25" s="323">
        <v>0</v>
      </c>
      <c r="ER25" s="324">
        <v>0</v>
      </c>
      <c r="ES25" s="319">
        <v>0</v>
      </c>
      <c r="ET25" s="319">
        <v>0</v>
      </c>
      <c r="EU25" s="319">
        <v>0</v>
      </c>
      <c r="EV25" s="319">
        <v>0</v>
      </c>
      <c r="EW25" s="319">
        <v>0</v>
      </c>
      <c r="EX25" s="320">
        <v>0</v>
      </c>
      <c r="EY25" s="322">
        <v>0</v>
      </c>
      <c r="EZ25" s="318">
        <v>0</v>
      </c>
      <c r="FA25" s="319">
        <v>0</v>
      </c>
      <c r="FB25" s="323">
        <v>0</v>
      </c>
      <c r="FC25" s="325"/>
      <c r="FD25" s="319">
        <v>0</v>
      </c>
      <c r="FE25" s="319">
        <v>0</v>
      </c>
      <c r="FF25" s="319">
        <v>0</v>
      </c>
      <c r="FG25" s="319">
        <v>0</v>
      </c>
      <c r="FH25" s="319">
        <v>0</v>
      </c>
      <c r="FI25" s="320">
        <v>0</v>
      </c>
      <c r="FJ25" s="322">
        <v>0</v>
      </c>
      <c r="FK25" s="318">
        <v>29155</v>
      </c>
      <c r="FL25" s="319">
        <v>58086</v>
      </c>
      <c r="FM25" s="320">
        <v>87241</v>
      </c>
      <c r="FN25" s="318">
        <v>0</v>
      </c>
      <c r="FO25" s="319">
        <v>231406</v>
      </c>
      <c r="FP25" s="319">
        <v>298039</v>
      </c>
      <c r="FQ25" s="319">
        <v>261366</v>
      </c>
      <c r="FR25" s="319">
        <v>155421</v>
      </c>
      <c r="FS25" s="319">
        <v>115479</v>
      </c>
      <c r="FT25" s="320">
        <v>1061711</v>
      </c>
      <c r="FU25" s="322">
        <v>1148952</v>
      </c>
      <c r="FV25" s="326">
        <v>29155</v>
      </c>
      <c r="FW25" s="319">
        <v>58086</v>
      </c>
      <c r="FX25" s="323">
        <v>87241</v>
      </c>
      <c r="FY25" s="324">
        <v>0</v>
      </c>
      <c r="FZ25" s="319">
        <v>188951</v>
      </c>
      <c r="GA25" s="319">
        <v>298039</v>
      </c>
      <c r="GB25" s="319">
        <v>244734</v>
      </c>
      <c r="GC25" s="319">
        <v>143241</v>
      </c>
      <c r="GD25" s="319">
        <v>115479</v>
      </c>
      <c r="GE25" s="320">
        <v>990444</v>
      </c>
      <c r="GF25" s="327">
        <v>1077685</v>
      </c>
      <c r="GG25" s="326">
        <v>0</v>
      </c>
      <c r="GH25" s="319">
        <v>0</v>
      </c>
      <c r="GI25" s="323">
        <v>0</v>
      </c>
      <c r="GJ25" s="324">
        <v>0</v>
      </c>
      <c r="GK25" s="319">
        <v>42455</v>
      </c>
      <c r="GL25" s="319">
        <v>0</v>
      </c>
      <c r="GM25" s="319">
        <v>16632</v>
      </c>
      <c r="GN25" s="319">
        <v>12180</v>
      </c>
      <c r="GO25" s="319">
        <v>0</v>
      </c>
      <c r="GP25" s="320">
        <v>71267</v>
      </c>
      <c r="GQ25" s="322">
        <v>71267</v>
      </c>
      <c r="GR25" s="318">
        <v>0</v>
      </c>
      <c r="GS25" s="319">
        <v>0</v>
      </c>
      <c r="GT25" s="320">
        <v>0</v>
      </c>
      <c r="GU25" s="318">
        <v>0</v>
      </c>
      <c r="GV25" s="319">
        <v>0</v>
      </c>
      <c r="GW25" s="319">
        <v>0</v>
      </c>
      <c r="GX25" s="319">
        <v>0</v>
      </c>
      <c r="GY25" s="319">
        <v>0</v>
      </c>
      <c r="GZ25" s="319">
        <v>0</v>
      </c>
      <c r="HA25" s="323">
        <v>0</v>
      </c>
      <c r="HB25" s="322">
        <v>0</v>
      </c>
      <c r="HC25" s="318">
        <v>47352</v>
      </c>
      <c r="HD25" s="319">
        <v>152902</v>
      </c>
      <c r="HE25" s="323">
        <v>200254</v>
      </c>
      <c r="HF25" s="324">
        <v>0</v>
      </c>
      <c r="HG25" s="319">
        <v>806017</v>
      </c>
      <c r="HH25" s="319">
        <v>908055</v>
      </c>
      <c r="HI25" s="319">
        <v>496028</v>
      </c>
      <c r="HJ25" s="319">
        <v>1661864</v>
      </c>
      <c r="HK25" s="319">
        <v>326254</v>
      </c>
      <c r="HL25" s="320">
        <v>4198218</v>
      </c>
      <c r="HM25" s="321">
        <v>4398472</v>
      </c>
      <c r="HN25" s="411"/>
      <c r="HO25" s="411"/>
      <c r="HP25" s="411"/>
      <c r="HQ25" s="411"/>
      <c r="HR25" s="411"/>
      <c r="HS25" s="411"/>
      <c r="HT25" s="411"/>
      <c r="HU25" s="411"/>
      <c r="HV25" s="411"/>
      <c r="HW25" s="411"/>
      <c r="HX25" s="424"/>
      <c r="HY25" s="330">
        <v>0</v>
      </c>
      <c r="HZ25" s="329">
        <v>0</v>
      </c>
      <c r="IA25" s="330">
        <v>0</v>
      </c>
      <c r="IB25" s="353">
        <v>0</v>
      </c>
      <c r="IC25" s="329">
        <v>692588</v>
      </c>
      <c r="ID25" s="354">
        <v>374891</v>
      </c>
      <c r="IE25" s="330">
        <v>211232</v>
      </c>
      <c r="IF25" s="329">
        <v>390084</v>
      </c>
      <c r="IG25" s="330">
        <v>0</v>
      </c>
      <c r="IH25" s="355">
        <v>1668795</v>
      </c>
      <c r="II25" s="336">
        <v>1668795</v>
      </c>
      <c r="IJ25" s="337">
        <v>0</v>
      </c>
      <c r="IK25" s="338">
        <v>0</v>
      </c>
      <c r="IL25" s="339">
        <v>0</v>
      </c>
      <c r="IM25" s="411"/>
      <c r="IN25" s="341">
        <v>0</v>
      </c>
      <c r="IO25" s="341">
        <v>0</v>
      </c>
      <c r="IP25" s="341">
        <v>0</v>
      </c>
      <c r="IQ25" s="341">
        <v>0</v>
      </c>
      <c r="IR25" s="341">
        <v>0</v>
      </c>
      <c r="IS25" s="342">
        <v>0</v>
      </c>
      <c r="IT25" s="343">
        <v>0</v>
      </c>
      <c r="IU25" s="344">
        <v>0</v>
      </c>
      <c r="IV25" s="341">
        <v>0</v>
      </c>
      <c r="IW25" s="345">
        <v>0</v>
      </c>
      <c r="IX25" s="411"/>
      <c r="IY25" s="341">
        <v>0</v>
      </c>
      <c r="IZ25" s="341">
        <v>0</v>
      </c>
      <c r="JA25" s="341">
        <v>0</v>
      </c>
      <c r="JB25" s="341">
        <v>0</v>
      </c>
      <c r="JC25" s="341">
        <v>0</v>
      </c>
      <c r="JD25" s="345">
        <v>0</v>
      </c>
      <c r="JE25" s="347">
        <v>0</v>
      </c>
      <c r="JF25" s="344">
        <v>0</v>
      </c>
      <c r="JG25" s="341">
        <v>0</v>
      </c>
      <c r="JH25" s="342">
        <v>0</v>
      </c>
      <c r="JI25" s="348">
        <v>0</v>
      </c>
      <c r="JJ25" s="341">
        <v>202854</v>
      </c>
      <c r="JK25" s="341">
        <v>210297</v>
      </c>
      <c r="JL25" s="341">
        <v>0</v>
      </c>
      <c r="JM25" s="341">
        <v>70289</v>
      </c>
      <c r="JN25" s="341">
        <v>0</v>
      </c>
      <c r="JO25" s="345">
        <v>483440</v>
      </c>
      <c r="JP25" s="343">
        <v>483440</v>
      </c>
      <c r="JQ25" s="344">
        <v>0</v>
      </c>
      <c r="JR25" s="341">
        <v>0</v>
      </c>
      <c r="JS25" s="342">
        <v>0</v>
      </c>
      <c r="JT25" s="348">
        <v>0</v>
      </c>
      <c r="JU25" s="341">
        <v>0</v>
      </c>
      <c r="JV25" s="341">
        <v>0</v>
      </c>
      <c r="JW25" s="341">
        <v>0</v>
      </c>
      <c r="JX25" s="341">
        <v>94745</v>
      </c>
      <c r="JY25" s="341">
        <v>0</v>
      </c>
      <c r="JZ25" s="345">
        <v>94745</v>
      </c>
      <c r="KA25" s="343">
        <v>94745</v>
      </c>
      <c r="KB25" s="349">
        <v>0</v>
      </c>
      <c r="KC25" s="350">
        <v>0</v>
      </c>
      <c r="KD25" s="345">
        <v>0</v>
      </c>
      <c r="KE25" s="348">
        <v>0</v>
      </c>
      <c r="KF25" s="341">
        <v>84521</v>
      </c>
      <c r="KG25" s="341">
        <v>121286</v>
      </c>
      <c r="KH25" s="341">
        <v>0</v>
      </c>
      <c r="KI25" s="341">
        <v>0</v>
      </c>
      <c r="KJ25" s="341">
        <v>0</v>
      </c>
      <c r="KK25" s="345">
        <v>205807</v>
      </c>
      <c r="KL25" s="351">
        <v>205807</v>
      </c>
      <c r="KM25" s="337">
        <v>0</v>
      </c>
      <c r="KN25" s="338">
        <v>0</v>
      </c>
      <c r="KO25" s="339">
        <v>0</v>
      </c>
      <c r="KP25" s="340"/>
      <c r="KQ25" s="341">
        <v>405213</v>
      </c>
      <c r="KR25" s="341">
        <v>43308</v>
      </c>
      <c r="KS25" s="341">
        <v>211232</v>
      </c>
      <c r="KT25" s="341">
        <v>225050</v>
      </c>
      <c r="KU25" s="341">
        <v>0</v>
      </c>
      <c r="KV25" s="345">
        <v>884803</v>
      </c>
      <c r="KW25" s="343">
        <v>884803</v>
      </c>
      <c r="KX25" s="344">
        <v>0</v>
      </c>
      <c r="KY25" s="341">
        <v>0</v>
      </c>
      <c r="KZ25" s="345">
        <v>0</v>
      </c>
      <c r="LA25" s="352"/>
      <c r="LB25" s="341">
        <v>0</v>
      </c>
      <c r="LC25" s="341">
        <v>0</v>
      </c>
      <c r="LD25" s="341">
        <v>0</v>
      </c>
      <c r="LE25" s="341">
        <v>0</v>
      </c>
      <c r="LF25" s="341">
        <v>0</v>
      </c>
      <c r="LG25" s="345">
        <v>0</v>
      </c>
      <c r="LH25" s="347">
        <v>0</v>
      </c>
      <c r="LI25" s="344">
        <v>0</v>
      </c>
      <c r="LJ25" s="341">
        <v>0</v>
      </c>
      <c r="LK25" s="345">
        <v>0</v>
      </c>
      <c r="LL25" s="352"/>
      <c r="LM25" s="341">
        <v>0</v>
      </c>
      <c r="LN25" s="341">
        <v>0</v>
      </c>
      <c r="LO25" s="341">
        <v>0</v>
      </c>
      <c r="LP25" s="341">
        <v>0</v>
      </c>
      <c r="LQ25" s="341">
        <v>0</v>
      </c>
      <c r="LR25" s="345">
        <v>0</v>
      </c>
      <c r="LS25" s="343">
        <v>0</v>
      </c>
      <c r="LT25" s="344">
        <v>0</v>
      </c>
      <c r="LU25" s="341">
        <v>0</v>
      </c>
      <c r="LV25" s="345">
        <v>0</v>
      </c>
      <c r="LW25" s="352"/>
      <c r="LX25" s="341">
        <v>0</v>
      </c>
      <c r="LY25" s="341">
        <v>0</v>
      </c>
      <c r="LZ25" s="341">
        <v>0</v>
      </c>
      <c r="MA25" s="341">
        <v>0</v>
      </c>
      <c r="MB25" s="341">
        <v>0</v>
      </c>
      <c r="MC25" s="345">
        <v>0</v>
      </c>
      <c r="MD25" s="347">
        <v>0</v>
      </c>
      <c r="ME25" s="344">
        <v>0</v>
      </c>
      <c r="MF25" s="341">
        <v>0</v>
      </c>
      <c r="MG25" s="345">
        <v>0</v>
      </c>
      <c r="MH25" s="352"/>
      <c r="MI25" s="341">
        <v>241350</v>
      </c>
      <c r="MJ25" s="341">
        <v>458046</v>
      </c>
      <c r="MK25" s="341">
        <v>1808519</v>
      </c>
      <c r="ML25" s="341">
        <v>1779915</v>
      </c>
      <c r="MM25" s="341">
        <v>488119</v>
      </c>
      <c r="MN25" s="345">
        <v>4775949</v>
      </c>
      <c r="MO25" s="351">
        <v>4775949</v>
      </c>
      <c r="MP25" s="344">
        <v>0</v>
      </c>
      <c r="MQ25" s="341">
        <v>0</v>
      </c>
      <c r="MR25" s="345">
        <v>0</v>
      </c>
      <c r="MS25" s="352"/>
      <c r="MT25" s="341">
        <v>0</v>
      </c>
      <c r="MU25" s="341">
        <v>203285</v>
      </c>
      <c r="MV25" s="341">
        <v>796267</v>
      </c>
      <c r="MW25" s="341">
        <v>1543178</v>
      </c>
      <c r="MX25" s="341">
        <v>488119</v>
      </c>
      <c r="MY25" s="345">
        <v>3030849</v>
      </c>
      <c r="MZ25" s="351">
        <v>3030849</v>
      </c>
      <c r="NA25" s="344">
        <v>0</v>
      </c>
      <c r="NB25" s="341">
        <v>0</v>
      </c>
      <c r="NC25" s="345">
        <v>0</v>
      </c>
      <c r="ND25" s="352"/>
      <c r="NE25" s="341">
        <v>241350</v>
      </c>
      <c r="NF25" s="341">
        <v>254761</v>
      </c>
      <c r="NG25" s="341">
        <v>1012252</v>
      </c>
      <c r="NH25" s="341">
        <v>236737</v>
      </c>
      <c r="NI25" s="341">
        <v>0</v>
      </c>
      <c r="NJ25" s="345">
        <v>1745100</v>
      </c>
      <c r="NK25" s="343">
        <v>1745100</v>
      </c>
      <c r="NL25" s="344">
        <v>0</v>
      </c>
      <c r="NM25" s="341">
        <v>0</v>
      </c>
      <c r="NN25" s="345">
        <v>0</v>
      </c>
      <c r="NO25" s="352"/>
      <c r="NP25" s="341">
        <v>0</v>
      </c>
      <c r="NQ25" s="341">
        <v>0</v>
      </c>
      <c r="NR25" s="341">
        <v>0</v>
      </c>
      <c r="NS25" s="341">
        <v>0</v>
      </c>
      <c r="NT25" s="341">
        <v>0</v>
      </c>
      <c r="NU25" s="345">
        <v>0</v>
      </c>
      <c r="NV25" s="347">
        <v>0</v>
      </c>
      <c r="NW25" s="344">
        <v>0</v>
      </c>
      <c r="NX25" s="341">
        <v>0</v>
      </c>
      <c r="NY25" s="345">
        <v>0</v>
      </c>
      <c r="NZ25" s="352"/>
      <c r="OA25" s="341">
        <v>0</v>
      </c>
      <c r="OB25" s="341">
        <v>0</v>
      </c>
      <c r="OC25" s="341">
        <v>0</v>
      </c>
      <c r="OD25" s="341">
        <v>0</v>
      </c>
      <c r="OE25" s="341">
        <v>0</v>
      </c>
      <c r="OF25" s="345">
        <v>0</v>
      </c>
      <c r="OG25" s="347">
        <v>0</v>
      </c>
      <c r="OH25" s="344">
        <v>183943</v>
      </c>
      <c r="OI25" s="341">
        <v>477420</v>
      </c>
      <c r="OJ25" s="342">
        <v>661363</v>
      </c>
      <c r="OK25" s="348">
        <v>0</v>
      </c>
      <c r="OL25" s="341">
        <v>4576251</v>
      </c>
      <c r="OM25" s="341">
        <v>4468288</v>
      </c>
      <c r="ON25" s="341">
        <v>4957818</v>
      </c>
      <c r="OO25" s="341">
        <v>6109588</v>
      </c>
      <c r="OP25" s="341">
        <v>2183128</v>
      </c>
      <c r="OQ25" s="345">
        <v>22295073</v>
      </c>
      <c r="OR25" s="351">
        <v>22956436</v>
      </c>
    </row>
    <row r="26" spans="1:408" ht="20.25" customHeight="1" x14ac:dyDescent="0.2">
      <c r="A26" s="111" t="s">
        <v>21</v>
      </c>
      <c r="B26" s="318">
        <v>236975</v>
      </c>
      <c r="C26" s="319">
        <v>321708</v>
      </c>
      <c r="D26" s="320">
        <v>558683</v>
      </c>
      <c r="E26" s="321">
        <v>0</v>
      </c>
      <c r="F26" s="319">
        <v>2091208</v>
      </c>
      <c r="G26" s="319">
        <v>2965985</v>
      </c>
      <c r="H26" s="319">
        <v>1973771</v>
      </c>
      <c r="I26" s="319">
        <v>2217003</v>
      </c>
      <c r="J26" s="319">
        <v>1417958</v>
      </c>
      <c r="K26" s="358">
        <v>10665925</v>
      </c>
      <c r="L26" s="322">
        <v>11224608</v>
      </c>
      <c r="M26" s="318">
        <v>77439</v>
      </c>
      <c r="N26" s="319">
        <v>92982</v>
      </c>
      <c r="O26" s="320">
        <v>170421</v>
      </c>
      <c r="P26" s="318">
        <v>0</v>
      </c>
      <c r="Q26" s="319">
        <v>919727</v>
      </c>
      <c r="R26" s="319">
        <v>944987</v>
      </c>
      <c r="S26" s="319">
        <v>716484</v>
      </c>
      <c r="T26" s="319">
        <v>551616</v>
      </c>
      <c r="U26" s="319">
        <v>422545</v>
      </c>
      <c r="V26" s="320">
        <v>3555359</v>
      </c>
      <c r="W26" s="322">
        <v>3725780</v>
      </c>
      <c r="X26" s="318">
        <v>0</v>
      </c>
      <c r="Y26" s="319">
        <v>0</v>
      </c>
      <c r="Z26" s="320">
        <v>0</v>
      </c>
      <c r="AA26" s="318">
        <v>0</v>
      </c>
      <c r="AB26" s="319">
        <v>324000</v>
      </c>
      <c r="AC26" s="319">
        <v>437198</v>
      </c>
      <c r="AD26" s="319">
        <v>182234</v>
      </c>
      <c r="AE26" s="319">
        <v>175730</v>
      </c>
      <c r="AF26" s="319">
        <v>23586</v>
      </c>
      <c r="AG26" s="320">
        <v>1142748</v>
      </c>
      <c r="AH26" s="322">
        <v>1142748</v>
      </c>
      <c r="AI26" s="318">
        <v>0</v>
      </c>
      <c r="AJ26" s="319">
        <v>0</v>
      </c>
      <c r="AK26" s="320">
        <v>0</v>
      </c>
      <c r="AL26" s="318">
        <v>0</v>
      </c>
      <c r="AM26" s="319">
        <v>11890</v>
      </c>
      <c r="AN26" s="319">
        <v>0</v>
      </c>
      <c r="AO26" s="319">
        <v>91137</v>
      </c>
      <c r="AP26" s="319">
        <v>92330</v>
      </c>
      <c r="AQ26" s="319">
        <v>102294</v>
      </c>
      <c r="AR26" s="320">
        <v>297651</v>
      </c>
      <c r="AS26" s="322">
        <v>297651</v>
      </c>
      <c r="AT26" s="318">
        <v>12884</v>
      </c>
      <c r="AU26" s="319">
        <v>65416</v>
      </c>
      <c r="AV26" s="320">
        <v>78300</v>
      </c>
      <c r="AW26" s="318">
        <v>0</v>
      </c>
      <c r="AX26" s="319">
        <v>432973</v>
      </c>
      <c r="AY26" s="319">
        <v>311524</v>
      </c>
      <c r="AZ26" s="319">
        <v>323329</v>
      </c>
      <c r="BA26" s="319">
        <v>207312</v>
      </c>
      <c r="BB26" s="319">
        <v>152649</v>
      </c>
      <c r="BC26" s="320">
        <v>1427787</v>
      </c>
      <c r="BD26" s="322">
        <v>1506087</v>
      </c>
      <c r="BE26" s="318">
        <v>13868</v>
      </c>
      <c r="BF26" s="319">
        <v>0</v>
      </c>
      <c r="BG26" s="323">
        <v>13868</v>
      </c>
      <c r="BH26" s="324">
        <v>0</v>
      </c>
      <c r="BI26" s="319">
        <v>0</v>
      </c>
      <c r="BJ26" s="319">
        <v>51841</v>
      </c>
      <c r="BK26" s="319">
        <v>0</v>
      </c>
      <c r="BL26" s="319">
        <v>0</v>
      </c>
      <c r="BM26" s="319">
        <v>28026</v>
      </c>
      <c r="BN26" s="320">
        <v>79867</v>
      </c>
      <c r="BO26" s="322">
        <v>93735</v>
      </c>
      <c r="BP26" s="318">
        <v>50687</v>
      </c>
      <c r="BQ26" s="319">
        <v>27566</v>
      </c>
      <c r="BR26" s="320">
        <v>78253</v>
      </c>
      <c r="BS26" s="318">
        <v>0</v>
      </c>
      <c r="BT26" s="319">
        <v>150864</v>
      </c>
      <c r="BU26" s="319">
        <v>144424</v>
      </c>
      <c r="BV26" s="319">
        <v>119784</v>
      </c>
      <c r="BW26" s="319">
        <v>76244</v>
      </c>
      <c r="BX26" s="319">
        <v>115990</v>
      </c>
      <c r="BY26" s="320">
        <v>607306</v>
      </c>
      <c r="BZ26" s="322">
        <v>685559</v>
      </c>
      <c r="CA26" s="318">
        <v>35853</v>
      </c>
      <c r="CB26" s="319">
        <v>33195</v>
      </c>
      <c r="CC26" s="320">
        <v>69048</v>
      </c>
      <c r="CD26" s="318">
        <v>0</v>
      </c>
      <c r="CE26" s="319">
        <v>799638</v>
      </c>
      <c r="CF26" s="319">
        <v>1030719</v>
      </c>
      <c r="CG26" s="319">
        <v>329879</v>
      </c>
      <c r="CH26" s="319">
        <v>621399</v>
      </c>
      <c r="CI26" s="319">
        <v>131912</v>
      </c>
      <c r="CJ26" s="320">
        <v>2913547</v>
      </c>
      <c r="CK26" s="322">
        <v>2982595</v>
      </c>
      <c r="CL26" s="318">
        <v>0</v>
      </c>
      <c r="CM26" s="319">
        <v>0</v>
      </c>
      <c r="CN26" s="320">
        <v>0</v>
      </c>
      <c r="CO26" s="324">
        <v>0</v>
      </c>
      <c r="CP26" s="319">
        <v>799638</v>
      </c>
      <c r="CQ26" s="319">
        <v>945431</v>
      </c>
      <c r="CR26" s="319">
        <v>272956</v>
      </c>
      <c r="CS26" s="319">
        <v>537176</v>
      </c>
      <c r="CT26" s="319">
        <v>0</v>
      </c>
      <c r="CU26" s="320">
        <v>2555201</v>
      </c>
      <c r="CV26" s="322">
        <v>2555201</v>
      </c>
      <c r="CW26" s="318">
        <v>35853</v>
      </c>
      <c r="CX26" s="319">
        <v>33195</v>
      </c>
      <c r="CY26" s="320">
        <v>69048</v>
      </c>
      <c r="CZ26" s="318">
        <v>0</v>
      </c>
      <c r="DA26" s="319">
        <v>0</v>
      </c>
      <c r="DB26" s="319">
        <v>85288</v>
      </c>
      <c r="DC26" s="319">
        <v>56923</v>
      </c>
      <c r="DD26" s="319">
        <v>84223</v>
      </c>
      <c r="DE26" s="319">
        <v>131912</v>
      </c>
      <c r="DF26" s="320">
        <v>358346</v>
      </c>
      <c r="DG26" s="322">
        <v>427394</v>
      </c>
      <c r="DH26" s="318">
        <v>0</v>
      </c>
      <c r="DI26" s="319">
        <v>12199</v>
      </c>
      <c r="DJ26" s="323">
        <v>12199</v>
      </c>
      <c r="DK26" s="324">
        <v>0</v>
      </c>
      <c r="DL26" s="319">
        <v>15013</v>
      </c>
      <c r="DM26" s="319">
        <v>141785</v>
      </c>
      <c r="DN26" s="319">
        <v>205607</v>
      </c>
      <c r="DO26" s="319">
        <v>165171</v>
      </c>
      <c r="DP26" s="319">
        <v>152554</v>
      </c>
      <c r="DQ26" s="320">
        <v>680130</v>
      </c>
      <c r="DR26" s="322">
        <v>692329</v>
      </c>
      <c r="DS26" s="318">
        <v>0</v>
      </c>
      <c r="DT26" s="319">
        <v>12199</v>
      </c>
      <c r="DU26" s="320">
        <v>12199</v>
      </c>
      <c r="DV26" s="318">
        <v>0</v>
      </c>
      <c r="DW26" s="319">
        <v>15013</v>
      </c>
      <c r="DX26" s="319">
        <v>56295</v>
      </c>
      <c r="DY26" s="319">
        <v>205607</v>
      </c>
      <c r="DZ26" s="319">
        <v>165171</v>
      </c>
      <c r="EA26" s="319">
        <v>0</v>
      </c>
      <c r="EB26" s="320">
        <v>442086</v>
      </c>
      <c r="EC26" s="322">
        <v>454285</v>
      </c>
      <c r="ED26" s="318">
        <v>0</v>
      </c>
      <c r="EE26" s="323">
        <v>0</v>
      </c>
      <c r="EF26" s="320">
        <v>0</v>
      </c>
      <c r="EG26" s="318">
        <v>0</v>
      </c>
      <c r="EH26" s="319">
        <v>0</v>
      </c>
      <c r="EI26" s="319">
        <v>85490</v>
      </c>
      <c r="EJ26" s="319">
        <v>0</v>
      </c>
      <c r="EK26" s="319">
        <v>0</v>
      </c>
      <c r="EL26" s="319">
        <v>152554</v>
      </c>
      <c r="EM26" s="323">
        <v>238044</v>
      </c>
      <c r="EN26" s="322">
        <v>238044</v>
      </c>
      <c r="EO26" s="318">
        <v>0</v>
      </c>
      <c r="EP26" s="319">
        <v>0</v>
      </c>
      <c r="EQ26" s="323">
        <v>0</v>
      </c>
      <c r="ER26" s="324">
        <v>0</v>
      </c>
      <c r="ES26" s="319">
        <v>0</v>
      </c>
      <c r="ET26" s="319">
        <v>0</v>
      </c>
      <c r="EU26" s="319">
        <v>0</v>
      </c>
      <c r="EV26" s="319">
        <v>0</v>
      </c>
      <c r="EW26" s="319">
        <v>0</v>
      </c>
      <c r="EX26" s="320">
        <v>0</v>
      </c>
      <c r="EY26" s="322">
        <v>0</v>
      </c>
      <c r="EZ26" s="318">
        <v>0</v>
      </c>
      <c r="FA26" s="319">
        <v>0</v>
      </c>
      <c r="FB26" s="323">
        <v>0</v>
      </c>
      <c r="FC26" s="325"/>
      <c r="FD26" s="319">
        <v>0</v>
      </c>
      <c r="FE26" s="319">
        <v>0</v>
      </c>
      <c r="FF26" s="319">
        <v>0</v>
      </c>
      <c r="FG26" s="319">
        <v>0</v>
      </c>
      <c r="FH26" s="319">
        <v>0</v>
      </c>
      <c r="FI26" s="320">
        <v>0</v>
      </c>
      <c r="FJ26" s="322">
        <v>0</v>
      </c>
      <c r="FK26" s="318">
        <v>27104</v>
      </c>
      <c r="FL26" s="319">
        <v>23159</v>
      </c>
      <c r="FM26" s="320">
        <v>50263</v>
      </c>
      <c r="FN26" s="318">
        <v>0</v>
      </c>
      <c r="FO26" s="319">
        <v>77476</v>
      </c>
      <c r="FP26" s="319">
        <v>245000</v>
      </c>
      <c r="FQ26" s="319">
        <v>157780</v>
      </c>
      <c r="FR26" s="319">
        <v>151347</v>
      </c>
      <c r="FS26" s="319">
        <v>104643</v>
      </c>
      <c r="FT26" s="320">
        <v>736246</v>
      </c>
      <c r="FU26" s="322">
        <v>786509</v>
      </c>
      <c r="FV26" s="326">
        <v>27104</v>
      </c>
      <c r="FW26" s="319">
        <v>12698</v>
      </c>
      <c r="FX26" s="323">
        <v>39802</v>
      </c>
      <c r="FY26" s="324">
        <v>0</v>
      </c>
      <c r="FZ26" s="319">
        <v>77476</v>
      </c>
      <c r="GA26" s="319">
        <v>245000</v>
      </c>
      <c r="GB26" s="319">
        <v>157780</v>
      </c>
      <c r="GC26" s="319">
        <v>138180</v>
      </c>
      <c r="GD26" s="319">
        <v>104643</v>
      </c>
      <c r="GE26" s="320">
        <v>723079</v>
      </c>
      <c r="GF26" s="327">
        <v>762881</v>
      </c>
      <c r="GG26" s="326">
        <v>0</v>
      </c>
      <c r="GH26" s="319">
        <v>0</v>
      </c>
      <c r="GI26" s="323">
        <v>0</v>
      </c>
      <c r="GJ26" s="324">
        <v>0</v>
      </c>
      <c r="GK26" s="319">
        <v>0</v>
      </c>
      <c r="GL26" s="319">
        <v>0</v>
      </c>
      <c r="GM26" s="319">
        <v>0</v>
      </c>
      <c r="GN26" s="319">
        <v>13167</v>
      </c>
      <c r="GO26" s="319">
        <v>0</v>
      </c>
      <c r="GP26" s="320">
        <v>13167</v>
      </c>
      <c r="GQ26" s="322">
        <v>13167</v>
      </c>
      <c r="GR26" s="318">
        <v>0</v>
      </c>
      <c r="GS26" s="319">
        <v>10461</v>
      </c>
      <c r="GT26" s="320">
        <v>10461</v>
      </c>
      <c r="GU26" s="318">
        <v>0</v>
      </c>
      <c r="GV26" s="319">
        <v>0</v>
      </c>
      <c r="GW26" s="319">
        <v>0</v>
      </c>
      <c r="GX26" s="319">
        <v>0</v>
      </c>
      <c r="GY26" s="319">
        <v>0</v>
      </c>
      <c r="GZ26" s="319">
        <v>0</v>
      </c>
      <c r="HA26" s="323">
        <v>0</v>
      </c>
      <c r="HB26" s="322">
        <v>10461</v>
      </c>
      <c r="HC26" s="318">
        <v>96579</v>
      </c>
      <c r="HD26" s="319">
        <v>160173</v>
      </c>
      <c r="HE26" s="323">
        <v>256752</v>
      </c>
      <c r="HF26" s="324">
        <v>0</v>
      </c>
      <c r="HG26" s="319">
        <v>279354</v>
      </c>
      <c r="HH26" s="319">
        <v>603494</v>
      </c>
      <c r="HI26" s="319">
        <v>564021</v>
      </c>
      <c r="HJ26" s="319">
        <v>727470</v>
      </c>
      <c r="HK26" s="319">
        <v>606304</v>
      </c>
      <c r="HL26" s="320">
        <v>2780643</v>
      </c>
      <c r="HM26" s="321">
        <v>3037395</v>
      </c>
      <c r="HN26" s="411"/>
      <c r="HO26" s="411"/>
      <c r="HP26" s="411"/>
      <c r="HQ26" s="411"/>
      <c r="HR26" s="411"/>
      <c r="HS26" s="411"/>
      <c r="HT26" s="411"/>
      <c r="HU26" s="411"/>
      <c r="HV26" s="411"/>
      <c r="HW26" s="411"/>
      <c r="HX26" s="424"/>
      <c r="HY26" s="357">
        <v>0</v>
      </c>
      <c r="HZ26" s="332">
        <v>0</v>
      </c>
      <c r="IA26" s="357">
        <v>0</v>
      </c>
      <c r="IB26" s="331">
        <v>0</v>
      </c>
      <c r="IC26" s="332">
        <v>587165</v>
      </c>
      <c r="ID26" s="333">
        <v>468949</v>
      </c>
      <c r="IE26" s="334">
        <v>531428</v>
      </c>
      <c r="IF26" s="332">
        <v>265818</v>
      </c>
      <c r="IG26" s="334">
        <v>0</v>
      </c>
      <c r="IH26" s="335">
        <v>1853360</v>
      </c>
      <c r="II26" s="357">
        <v>1853360</v>
      </c>
      <c r="IJ26" s="337">
        <v>0</v>
      </c>
      <c r="IK26" s="338">
        <v>0</v>
      </c>
      <c r="IL26" s="339">
        <v>0</v>
      </c>
      <c r="IM26" s="411"/>
      <c r="IN26" s="341">
        <v>0</v>
      </c>
      <c r="IO26" s="341">
        <v>0</v>
      </c>
      <c r="IP26" s="341">
        <v>0</v>
      </c>
      <c r="IQ26" s="341">
        <v>0</v>
      </c>
      <c r="IR26" s="341">
        <v>0</v>
      </c>
      <c r="IS26" s="342">
        <v>0</v>
      </c>
      <c r="IT26" s="343">
        <v>0</v>
      </c>
      <c r="IU26" s="344">
        <v>0</v>
      </c>
      <c r="IV26" s="341">
        <v>0</v>
      </c>
      <c r="IW26" s="345">
        <v>0</v>
      </c>
      <c r="IX26" s="411"/>
      <c r="IY26" s="341">
        <v>0</v>
      </c>
      <c r="IZ26" s="341">
        <v>0</v>
      </c>
      <c r="JA26" s="341">
        <v>0</v>
      </c>
      <c r="JB26" s="341">
        <v>0</v>
      </c>
      <c r="JC26" s="341">
        <v>0</v>
      </c>
      <c r="JD26" s="345">
        <v>0</v>
      </c>
      <c r="JE26" s="347">
        <v>0</v>
      </c>
      <c r="JF26" s="344">
        <v>0</v>
      </c>
      <c r="JG26" s="341">
        <v>0</v>
      </c>
      <c r="JH26" s="342">
        <v>0</v>
      </c>
      <c r="JI26" s="348">
        <v>0</v>
      </c>
      <c r="JJ26" s="341">
        <v>390158</v>
      </c>
      <c r="JK26" s="341">
        <v>111318</v>
      </c>
      <c r="JL26" s="341">
        <v>134789</v>
      </c>
      <c r="JM26" s="341">
        <v>47656</v>
      </c>
      <c r="JN26" s="341">
        <v>0</v>
      </c>
      <c r="JO26" s="345">
        <v>683921</v>
      </c>
      <c r="JP26" s="343">
        <v>683921</v>
      </c>
      <c r="JQ26" s="344">
        <v>0</v>
      </c>
      <c r="JR26" s="341">
        <v>0</v>
      </c>
      <c r="JS26" s="342">
        <v>0</v>
      </c>
      <c r="JT26" s="348">
        <v>0</v>
      </c>
      <c r="JU26" s="341">
        <v>0</v>
      </c>
      <c r="JV26" s="341">
        <v>0</v>
      </c>
      <c r="JW26" s="341">
        <v>0</v>
      </c>
      <c r="JX26" s="341">
        <v>0</v>
      </c>
      <c r="JY26" s="341">
        <v>0</v>
      </c>
      <c r="JZ26" s="345">
        <v>0</v>
      </c>
      <c r="KA26" s="343">
        <v>0</v>
      </c>
      <c r="KB26" s="349">
        <v>0</v>
      </c>
      <c r="KC26" s="350">
        <v>0</v>
      </c>
      <c r="KD26" s="345">
        <v>0</v>
      </c>
      <c r="KE26" s="348">
        <v>0</v>
      </c>
      <c r="KF26" s="341">
        <v>0</v>
      </c>
      <c r="KG26" s="341">
        <v>150003</v>
      </c>
      <c r="KH26" s="341">
        <v>396639</v>
      </c>
      <c r="KI26" s="341">
        <v>0</v>
      </c>
      <c r="KJ26" s="341">
        <v>0</v>
      </c>
      <c r="KK26" s="345">
        <v>546642</v>
      </c>
      <c r="KL26" s="351">
        <v>546642</v>
      </c>
      <c r="KM26" s="337">
        <v>0</v>
      </c>
      <c r="KN26" s="338">
        <v>0</v>
      </c>
      <c r="KO26" s="339">
        <v>0</v>
      </c>
      <c r="KP26" s="340"/>
      <c r="KQ26" s="341">
        <v>197007</v>
      </c>
      <c r="KR26" s="341">
        <v>207628</v>
      </c>
      <c r="KS26" s="341">
        <v>0</v>
      </c>
      <c r="KT26" s="341">
        <v>218162</v>
      </c>
      <c r="KU26" s="341">
        <v>0</v>
      </c>
      <c r="KV26" s="345">
        <v>622797</v>
      </c>
      <c r="KW26" s="343">
        <v>622797</v>
      </c>
      <c r="KX26" s="344">
        <v>0</v>
      </c>
      <c r="KY26" s="341">
        <v>0</v>
      </c>
      <c r="KZ26" s="345">
        <v>0</v>
      </c>
      <c r="LA26" s="352"/>
      <c r="LB26" s="341">
        <v>0</v>
      </c>
      <c r="LC26" s="341">
        <v>0</v>
      </c>
      <c r="LD26" s="341">
        <v>0</v>
      </c>
      <c r="LE26" s="341">
        <v>0</v>
      </c>
      <c r="LF26" s="341">
        <v>0</v>
      </c>
      <c r="LG26" s="345">
        <v>0</v>
      </c>
      <c r="LH26" s="347">
        <v>0</v>
      </c>
      <c r="LI26" s="344">
        <v>0</v>
      </c>
      <c r="LJ26" s="341">
        <v>0</v>
      </c>
      <c r="LK26" s="345">
        <v>0</v>
      </c>
      <c r="LL26" s="352"/>
      <c r="LM26" s="341">
        <v>0</v>
      </c>
      <c r="LN26" s="341">
        <v>0</v>
      </c>
      <c r="LO26" s="341">
        <v>0</v>
      </c>
      <c r="LP26" s="341">
        <v>0</v>
      </c>
      <c r="LQ26" s="341">
        <v>0</v>
      </c>
      <c r="LR26" s="345">
        <v>0</v>
      </c>
      <c r="LS26" s="343">
        <v>0</v>
      </c>
      <c r="LT26" s="344">
        <v>0</v>
      </c>
      <c r="LU26" s="341">
        <v>0</v>
      </c>
      <c r="LV26" s="345">
        <v>0</v>
      </c>
      <c r="LW26" s="352"/>
      <c r="LX26" s="341">
        <v>0</v>
      </c>
      <c r="LY26" s="341">
        <v>0</v>
      </c>
      <c r="LZ26" s="341">
        <v>0</v>
      </c>
      <c r="MA26" s="341">
        <v>0</v>
      </c>
      <c r="MB26" s="341">
        <v>0</v>
      </c>
      <c r="MC26" s="345">
        <v>0</v>
      </c>
      <c r="MD26" s="347">
        <v>0</v>
      </c>
      <c r="ME26" s="344">
        <v>0</v>
      </c>
      <c r="MF26" s="341">
        <v>0</v>
      </c>
      <c r="MG26" s="345">
        <v>0</v>
      </c>
      <c r="MH26" s="352"/>
      <c r="MI26" s="341">
        <v>0</v>
      </c>
      <c r="MJ26" s="341">
        <v>284833</v>
      </c>
      <c r="MK26" s="341">
        <v>844458</v>
      </c>
      <c r="ML26" s="341">
        <v>2218617</v>
      </c>
      <c r="MM26" s="341">
        <v>972202</v>
      </c>
      <c r="MN26" s="345">
        <v>4320110</v>
      </c>
      <c r="MO26" s="351">
        <v>4320110</v>
      </c>
      <c r="MP26" s="344">
        <v>0</v>
      </c>
      <c r="MQ26" s="341">
        <v>0</v>
      </c>
      <c r="MR26" s="345">
        <v>0</v>
      </c>
      <c r="MS26" s="352"/>
      <c r="MT26" s="341">
        <v>0</v>
      </c>
      <c r="MU26" s="341">
        <v>0</v>
      </c>
      <c r="MV26" s="341">
        <v>432025</v>
      </c>
      <c r="MW26" s="341">
        <v>1228330</v>
      </c>
      <c r="MX26" s="341">
        <v>467770</v>
      </c>
      <c r="MY26" s="345">
        <v>2128125</v>
      </c>
      <c r="MZ26" s="351">
        <v>2128125</v>
      </c>
      <c r="NA26" s="344">
        <v>0</v>
      </c>
      <c r="NB26" s="341">
        <v>0</v>
      </c>
      <c r="NC26" s="345">
        <v>0</v>
      </c>
      <c r="ND26" s="352"/>
      <c r="NE26" s="341">
        <v>0</v>
      </c>
      <c r="NF26" s="341">
        <v>284833</v>
      </c>
      <c r="NG26" s="341">
        <v>412433</v>
      </c>
      <c r="NH26" s="341">
        <v>990287</v>
      </c>
      <c r="NI26" s="341">
        <v>504432</v>
      </c>
      <c r="NJ26" s="345">
        <v>2191985</v>
      </c>
      <c r="NK26" s="343">
        <v>2191985</v>
      </c>
      <c r="NL26" s="344">
        <v>0</v>
      </c>
      <c r="NM26" s="341">
        <v>0</v>
      </c>
      <c r="NN26" s="345">
        <v>0</v>
      </c>
      <c r="NO26" s="352"/>
      <c r="NP26" s="341">
        <v>0</v>
      </c>
      <c r="NQ26" s="341">
        <v>0</v>
      </c>
      <c r="NR26" s="341">
        <v>0</v>
      </c>
      <c r="NS26" s="341">
        <v>0</v>
      </c>
      <c r="NT26" s="341">
        <v>0</v>
      </c>
      <c r="NU26" s="345">
        <v>0</v>
      </c>
      <c r="NV26" s="347">
        <v>0</v>
      </c>
      <c r="NW26" s="344">
        <v>0</v>
      </c>
      <c r="NX26" s="341">
        <v>0</v>
      </c>
      <c r="NY26" s="345">
        <v>0</v>
      </c>
      <c r="NZ26" s="352"/>
      <c r="OA26" s="341">
        <v>0</v>
      </c>
      <c r="OB26" s="341">
        <v>0</v>
      </c>
      <c r="OC26" s="341">
        <v>0</v>
      </c>
      <c r="OD26" s="341">
        <v>0</v>
      </c>
      <c r="OE26" s="341">
        <v>0</v>
      </c>
      <c r="OF26" s="345">
        <v>0</v>
      </c>
      <c r="OG26" s="347">
        <v>0</v>
      </c>
      <c r="OH26" s="344">
        <v>236975</v>
      </c>
      <c r="OI26" s="341">
        <v>321708</v>
      </c>
      <c r="OJ26" s="342">
        <v>558683</v>
      </c>
      <c r="OK26" s="348">
        <v>0</v>
      </c>
      <c r="OL26" s="341">
        <v>2678373</v>
      </c>
      <c r="OM26" s="341">
        <v>3719767</v>
      </c>
      <c r="ON26" s="341">
        <v>3349657</v>
      </c>
      <c r="OO26" s="341">
        <v>4701438</v>
      </c>
      <c r="OP26" s="341">
        <v>2390160</v>
      </c>
      <c r="OQ26" s="345">
        <v>16839395</v>
      </c>
      <c r="OR26" s="351">
        <v>17398078</v>
      </c>
    </row>
    <row r="27" spans="1:408" ht="20.25" customHeight="1" x14ac:dyDescent="0.2">
      <c r="A27" s="111" t="s">
        <v>22</v>
      </c>
      <c r="B27" s="318">
        <v>38374</v>
      </c>
      <c r="C27" s="319">
        <v>141477</v>
      </c>
      <c r="D27" s="320">
        <v>179851</v>
      </c>
      <c r="E27" s="321">
        <v>0</v>
      </c>
      <c r="F27" s="319">
        <v>882259</v>
      </c>
      <c r="G27" s="319">
        <v>1059399</v>
      </c>
      <c r="H27" s="319">
        <v>477772</v>
      </c>
      <c r="I27" s="319">
        <v>2230781</v>
      </c>
      <c r="J27" s="319">
        <v>1169065</v>
      </c>
      <c r="K27" s="358">
        <v>5819276</v>
      </c>
      <c r="L27" s="322">
        <v>5999127</v>
      </c>
      <c r="M27" s="318">
        <v>6384</v>
      </c>
      <c r="N27" s="319">
        <v>40705</v>
      </c>
      <c r="O27" s="320">
        <v>47089</v>
      </c>
      <c r="P27" s="318">
        <v>0</v>
      </c>
      <c r="Q27" s="319">
        <v>206243</v>
      </c>
      <c r="R27" s="319">
        <v>333375</v>
      </c>
      <c r="S27" s="319">
        <v>251598</v>
      </c>
      <c r="T27" s="319">
        <v>741905</v>
      </c>
      <c r="U27" s="319">
        <v>655483</v>
      </c>
      <c r="V27" s="320">
        <v>2188604</v>
      </c>
      <c r="W27" s="322">
        <v>2235693</v>
      </c>
      <c r="X27" s="318">
        <v>0</v>
      </c>
      <c r="Y27" s="319">
        <v>0</v>
      </c>
      <c r="Z27" s="320">
        <v>0</v>
      </c>
      <c r="AA27" s="318">
        <v>0</v>
      </c>
      <c r="AB27" s="319">
        <v>79977</v>
      </c>
      <c r="AC27" s="319">
        <v>24509</v>
      </c>
      <c r="AD27" s="319">
        <v>212160</v>
      </c>
      <c r="AE27" s="319">
        <v>376118</v>
      </c>
      <c r="AF27" s="319">
        <v>258167</v>
      </c>
      <c r="AG27" s="320">
        <v>950931</v>
      </c>
      <c r="AH27" s="322">
        <v>950931</v>
      </c>
      <c r="AI27" s="318">
        <v>0</v>
      </c>
      <c r="AJ27" s="319">
        <v>0</v>
      </c>
      <c r="AK27" s="320">
        <v>0</v>
      </c>
      <c r="AL27" s="318">
        <v>0</v>
      </c>
      <c r="AM27" s="319">
        <v>0</v>
      </c>
      <c r="AN27" s="319">
        <v>0</v>
      </c>
      <c r="AO27" s="319">
        <v>0</v>
      </c>
      <c r="AP27" s="319">
        <v>85176</v>
      </c>
      <c r="AQ27" s="319">
        <v>282348</v>
      </c>
      <c r="AR27" s="320">
        <v>367524</v>
      </c>
      <c r="AS27" s="322">
        <v>367524</v>
      </c>
      <c r="AT27" s="318">
        <v>6384</v>
      </c>
      <c r="AU27" s="319">
        <v>16786</v>
      </c>
      <c r="AV27" s="320">
        <v>23170</v>
      </c>
      <c r="AW27" s="318">
        <v>0</v>
      </c>
      <c r="AX27" s="319">
        <v>65625</v>
      </c>
      <c r="AY27" s="319">
        <v>240243</v>
      </c>
      <c r="AZ27" s="319">
        <v>0</v>
      </c>
      <c r="BA27" s="319">
        <v>198760</v>
      </c>
      <c r="BB27" s="319">
        <v>101276</v>
      </c>
      <c r="BC27" s="320">
        <v>605904</v>
      </c>
      <c r="BD27" s="322">
        <v>629074</v>
      </c>
      <c r="BE27" s="318">
        <v>0</v>
      </c>
      <c r="BF27" s="319">
        <v>0</v>
      </c>
      <c r="BG27" s="323">
        <v>0</v>
      </c>
      <c r="BH27" s="324">
        <v>0</v>
      </c>
      <c r="BI27" s="319">
        <v>20076</v>
      </c>
      <c r="BJ27" s="319">
        <v>20603</v>
      </c>
      <c r="BK27" s="319">
        <v>0</v>
      </c>
      <c r="BL27" s="319">
        <v>0</v>
      </c>
      <c r="BM27" s="319">
        <v>0</v>
      </c>
      <c r="BN27" s="320">
        <v>40679</v>
      </c>
      <c r="BO27" s="322">
        <v>40679</v>
      </c>
      <c r="BP27" s="318">
        <v>0</v>
      </c>
      <c r="BQ27" s="319">
        <v>23919</v>
      </c>
      <c r="BR27" s="320">
        <v>23919</v>
      </c>
      <c r="BS27" s="318">
        <v>0</v>
      </c>
      <c r="BT27" s="319">
        <v>40565</v>
      </c>
      <c r="BU27" s="319">
        <v>48020</v>
      </c>
      <c r="BV27" s="319">
        <v>39438</v>
      </c>
      <c r="BW27" s="319">
        <v>81851</v>
      </c>
      <c r="BX27" s="319">
        <v>13692</v>
      </c>
      <c r="BY27" s="320">
        <v>223566</v>
      </c>
      <c r="BZ27" s="322">
        <v>247485</v>
      </c>
      <c r="CA27" s="318">
        <v>0</v>
      </c>
      <c r="CB27" s="319">
        <v>0</v>
      </c>
      <c r="CC27" s="320">
        <v>0</v>
      </c>
      <c r="CD27" s="318">
        <v>0</v>
      </c>
      <c r="CE27" s="319">
        <v>314025</v>
      </c>
      <c r="CF27" s="319">
        <v>491510</v>
      </c>
      <c r="CG27" s="319">
        <v>7487</v>
      </c>
      <c r="CH27" s="319">
        <v>466467</v>
      </c>
      <c r="CI27" s="319">
        <v>231539</v>
      </c>
      <c r="CJ27" s="320">
        <v>1511028</v>
      </c>
      <c r="CK27" s="322">
        <v>1511028</v>
      </c>
      <c r="CL27" s="318">
        <v>0</v>
      </c>
      <c r="CM27" s="319">
        <v>0</v>
      </c>
      <c r="CN27" s="320">
        <v>0</v>
      </c>
      <c r="CO27" s="324">
        <v>0</v>
      </c>
      <c r="CP27" s="319">
        <v>314025</v>
      </c>
      <c r="CQ27" s="319">
        <v>463174</v>
      </c>
      <c r="CR27" s="319">
        <v>0</v>
      </c>
      <c r="CS27" s="319">
        <v>380444</v>
      </c>
      <c r="CT27" s="319">
        <v>231539</v>
      </c>
      <c r="CU27" s="320">
        <v>1389182</v>
      </c>
      <c r="CV27" s="322">
        <v>1389182</v>
      </c>
      <c r="CW27" s="318">
        <v>0</v>
      </c>
      <c r="CX27" s="319">
        <v>0</v>
      </c>
      <c r="CY27" s="320">
        <v>0</v>
      </c>
      <c r="CZ27" s="318">
        <v>0</v>
      </c>
      <c r="DA27" s="319">
        <v>0</v>
      </c>
      <c r="DB27" s="319">
        <v>28336</v>
      </c>
      <c r="DC27" s="319">
        <v>7487</v>
      </c>
      <c r="DD27" s="319">
        <v>86023</v>
      </c>
      <c r="DE27" s="319">
        <v>0</v>
      </c>
      <c r="DF27" s="320">
        <v>121846</v>
      </c>
      <c r="DG27" s="322">
        <v>121846</v>
      </c>
      <c r="DH27" s="318">
        <v>0</v>
      </c>
      <c r="DI27" s="319">
        <v>0</v>
      </c>
      <c r="DJ27" s="323">
        <v>0</v>
      </c>
      <c r="DK27" s="324">
        <v>0</v>
      </c>
      <c r="DL27" s="319">
        <v>79254</v>
      </c>
      <c r="DM27" s="319">
        <v>0</v>
      </c>
      <c r="DN27" s="319">
        <v>0</v>
      </c>
      <c r="DO27" s="319">
        <v>0</v>
      </c>
      <c r="DP27" s="319">
        <v>0</v>
      </c>
      <c r="DQ27" s="320">
        <v>79254</v>
      </c>
      <c r="DR27" s="322">
        <v>79254</v>
      </c>
      <c r="DS27" s="318">
        <v>0</v>
      </c>
      <c r="DT27" s="319">
        <v>0</v>
      </c>
      <c r="DU27" s="320">
        <v>0</v>
      </c>
      <c r="DV27" s="318">
        <v>0</v>
      </c>
      <c r="DW27" s="319">
        <v>79254</v>
      </c>
      <c r="DX27" s="319">
        <v>0</v>
      </c>
      <c r="DY27" s="319">
        <v>0</v>
      </c>
      <c r="DZ27" s="319">
        <v>0</v>
      </c>
      <c r="EA27" s="319">
        <v>0</v>
      </c>
      <c r="EB27" s="320">
        <v>79254</v>
      </c>
      <c r="EC27" s="322">
        <v>79254</v>
      </c>
      <c r="ED27" s="318">
        <v>0</v>
      </c>
      <c r="EE27" s="323">
        <v>0</v>
      </c>
      <c r="EF27" s="320">
        <v>0</v>
      </c>
      <c r="EG27" s="318">
        <v>0</v>
      </c>
      <c r="EH27" s="319">
        <v>0</v>
      </c>
      <c r="EI27" s="319">
        <v>0</v>
      </c>
      <c r="EJ27" s="319">
        <v>0</v>
      </c>
      <c r="EK27" s="319">
        <v>0</v>
      </c>
      <c r="EL27" s="319">
        <v>0</v>
      </c>
      <c r="EM27" s="323">
        <v>0</v>
      </c>
      <c r="EN27" s="322">
        <v>0</v>
      </c>
      <c r="EO27" s="318">
        <v>0</v>
      </c>
      <c r="EP27" s="319">
        <v>0</v>
      </c>
      <c r="EQ27" s="323">
        <v>0</v>
      </c>
      <c r="ER27" s="324">
        <v>0</v>
      </c>
      <c r="ES27" s="319">
        <v>0</v>
      </c>
      <c r="ET27" s="319">
        <v>0</v>
      </c>
      <c r="EU27" s="319">
        <v>0</v>
      </c>
      <c r="EV27" s="319">
        <v>0</v>
      </c>
      <c r="EW27" s="319">
        <v>0</v>
      </c>
      <c r="EX27" s="320">
        <v>0</v>
      </c>
      <c r="EY27" s="322">
        <v>0</v>
      </c>
      <c r="EZ27" s="318">
        <v>0</v>
      </c>
      <c r="FA27" s="319">
        <v>0</v>
      </c>
      <c r="FB27" s="323">
        <v>0</v>
      </c>
      <c r="FC27" s="325"/>
      <c r="FD27" s="319">
        <v>0</v>
      </c>
      <c r="FE27" s="319">
        <v>0</v>
      </c>
      <c r="FF27" s="319">
        <v>0</v>
      </c>
      <c r="FG27" s="319">
        <v>0</v>
      </c>
      <c r="FH27" s="319">
        <v>0</v>
      </c>
      <c r="FI27" s="320">
        <v>0</v>
      </c>
      <c r="FJ27" s="322">
        <v>0</v>
      </c>
      <c r="FK27" s="318">
        <v>31990</v>
      </c>
      <c r="FL27" s="319">
        <v>26796</v>
      </c>
      <c r="FM27" s="320">
        <v>58786</v>
      </c>
      <c r="FN27" s="318">
        <v>0</v>
      </c>
      <c r="FO27" s="319">
        <v>26432</v>
      </c>
      <c r="FP27" s="319">
        <v>91462</v>
      </c>
      <c r="FQ27" s="319">
        <v>44401</v>
      </c>
      <c r="FR27" s="319">
        <v>103117</v>
      </c>
      <c r="FS27" s="319">
        <v>83573</v>
      </c>
      <c r="FT27" s="320">
        <v>348985</v>
      </c>
      <c r="FU27" s="322">
        <v>407771</v>
      </c>
      <c r="FV27" s="326">
        <v>31990</v>
      </c>
      <c r="FW27" s="319">
        <v>26796</v>
      </c>
      <c r="FX27" s="323">
        <v>58786</v>
      </c>
      <c r="FY27" s="324">
        <v>0</v>
      </c>
      <c r="FZ27" s="319">
        <v>26432</v>
      </c>
      <c r="GA27" s="319">
        <v>74830</v>
      </c>
      <c r="GB27" s="319">
        <v>44401</v>
      </c>
      <c r="GC27" s="319">
        <v>103117</v>
      </c>
      <c r="GD27" s="319">
        <v>83573</v>
      </c>
      <c r="GE27" s="320">
        <v>332353</v>
      </c>
      <c r="GF27" s="327">
        <v>391139</v>
      </c>
      <c r="GG27" s="326">
        <v>0</v>
      </c>
      <c r="GH27" s="319">
        <v>0</v>
      </c>
      <c r="GI27" s="323">
        <v>0</v>
      </c>
      <c r="GJ27" s="324">
        <v>0</v>
      </c>
      <c r="GK27" s="319">
        <v>0</v>
      </c>
      <c r="GL27" s="319">
        <v>16632</v>
      </c>
      <c r="GM27" s="319">
        <v>0</v>
      </c>
      <c r="GN27" s="319">
        <v>0</v>
      </c>
      <c r="GO27" s="319">
        <v>0</v>
      </c>
      <c r="GP27" s="320">
        <v>16632</v>
      </c>
      <c r="GQ27" s="322">
        <v>16632</v>
      </c>
      <c r="GR27" s="318">
        <v>0</v>
      </c>
      <c r="GS27" s="319">
        <v>0</v>
      </c>
      <c r="GT27" s="320">
        <v>0</v>
      </c>
      <c r="GU27" s="318">
        <v>0</v>
      </c>
      <c r="GV27" s="319">
        <v>0</v>
      </c>
      <c r="GW27" s="319">
        <v>0</v>
      </c>
      <c r="GX27" s="319">
        <v>0</v>
      </c>
      <c r="GY27" s="319">
        <v>0</v>
      </c>
      <c r="GZ27" s="319">
        <v>0</v>
      </c>
      <c r="HA27" s="323">
        <v>0</v>
      </c>
      <c r="HB27" s="322">
        <v>0</v>
      </c>
      <c r="HC27" s="318">
        <v>0</v>
      </c>
      <c r="HD27" s="319">
        <v>73976</v>
      </c>
      <c r="HE27" s="323">
        <v>73976</v>
      </c>
      <c r="HF27" s="324">
        <v>0</v>
      </c>
      <c r="HG27" s="319">
        <v>256305</v>
      </c>
      <c r="HH27" s="319">
        <v>143052</v>
      </c>
      <c r="HI27" s="319">
        <v>174286</v>
      </c>
      <c r="HJ27" s="319">
        <v>919292</v>
      </c>
      <c r="HK27" s="319">
        <v>198470</v>
      </c>
      <c r="HL27" s="320">
        <v>1691405</v>
      </c>
      <c r="HM27" s="321">
        <v>1765381</v>
      </c>
      <c r="HN27" s="411"/>
      <c r="HO27" s="411"/>
      <c r="HP27" s="411"/>
      <c r="HQ27" s="411"/>
      <c r="HR27" s="411"/>
      <c r="HS27" s="411"/>
      <c r="HT27" s="411"/>
      <c r="HU27" s="411"/>
      <c r="HV27" s="411"/>
      <c r="HW27" s="411"/>
      <c r="HX27" s="424"/>
      <c r="HY27" s="330">
        <v>34923</v>
      </c>
      <c r="HZ27" s="329">
        <v>0</v>
      </c>
      <c r="IA27" s="330">
        <v>34923</v>
      </c>
      <c r="IB27" s="353">
        <v>0</v>
      </c>
      <c r="IC27" s="329">
        <v>385126</v>
      </c>
      <c r="ID27" s="354">
        <v>374745</v>
      </c>
      <c r="IE27" s="330">
        <v>226912</v>
      </c>
      <c r="IF27" s="329">
        <v>435533</v>
      </c>
      <c r="IG27" s="330">
        <v>217042</v>
      </c>
      <c r="IH27" s="355">
        <v>1639358</v>
      </c>
      <c r="II27" s="336">
        <v>1674281</v>
      </c>
      <c r="IJ27" s="337">
        <v>0</v>
      </c>
      <c r="IK27" s="338">
        <v>0</v>
      </c>
      <c r="IL27" s="339">
        <v>0</v>
      </c>
      <c r="IM27" s="411"/>
      <c r="IN27" s="341">
        <v>146769</v>
      </c>
      <c r="IO27" s="341">
        <v>184562</v>
      </c>
      <c r="IP27" s="341">
        <v>0</v>
      </c>
      <c r="IQ27" s="341">
        <v>0</v>
      </c>
      <c r="IR27" s="341">
        <v>0</v>
      </c>
      <c r="IS27" s="342">
        <v>331331</v>
      </c>
      <c r="IT27" s="343">
        <v>331331</v>
      </c>
      <c r="IU27" s="344">
        <v>0</v>
      </c>
      <c r="IV27" s="341">
        <v>0</v>
      </c>
      <c r="IW27" s="345">
        <v>0</v>
      </c>
      <c r="IX27" s="411"/>
      <c r="IY27" s="341">
        <v>0</v>
      </c>
      <c r="IZ27" s="341">
        <v>0</v>
      </c>
      <c r="JA27" s="341">
        <v>0</v>
      </c>
      <c r="JB27" s="341">
        <v>0</v>
      </c>
      <c r="JC27" s="341">
        <v>0</v>
      </c>
      <c r="JD27" s="345">
        <v>0</v>
      </c>
      <c r="JE27" s="347">
        <v>0</v>
      </c>
      <c r="JF27" s="344">
        <v>0</v>
      </c>
      <c r="JG27" s="341">
        <v>0</v>
      </c>
      <c r="JH27" s="342">
        <v>0</v>
      </c>
      <c r="JI27" s="348">
        <v>0</v>
      </c>
      <c r="JJ27" s="341">
        <v>238357</v>
      </c>
      <c r="JK27" s="341">
        <v>62622</v>
      </c>
      <c r="JL27" s="341">
        <v>0</v>
      </c>
      <c r="JM27" s="341">
        <v>0</v>
      </c>
      <c r="JN27" s="341">
        <v>0</v>
      </c>
      <c r="JO27" s="345">
        <v>300979</v>
      </c>
      <c r="JP27" s="343">
        <v>300979</v>
      </c>
      <c r="JQ27" s="344">
        <v>0</v>
      </c>
      <c r="JR27" s="341">
        <v>0</v>
      </c>
      <c r="JS27" s="342">
        <v>0</v>
      </c>
      <c r="JT27" s="348">
        <v>0</v>
      </c>
      <c r="JU27" s="341">
        <v>0</v>
      </c>
      <c r="JV27" s="341">
        <v>0</v>
      </c>
      <c r="JW27" s="341">
        <v>23940</v>
      </c>
      <c r="JX27" s="341">
        <v>0</v>
      </c>
      <c r="JY27" s="341">
        <v>0</v>
      </c>
      <c r="JZ27" s="345">
        <v>23940</v>
      </c>
      <c r="KA27" s="343">
        <v>23940</v>
      </c>
      <c r="KB27" s="349">
        <v>34923</v>
      </c>
      <c r="KC27" s="350">
        <v>0</v>
      </c>
      <c r="KD27" s="345">
        <v>34923</v>
      </c>
      <c r="KE27" s="348">
        <v>0</v>
      </c>
      <c r="KF27" s="341">
        <v>0</v>
      </c>
      <c r="KG27" s="341">
        <v>127561</v>
      </c>
      <c r="KH27" s="341">
        <v>0</v>
      </c>
      <c r="KI27" s="341">
        <v>0</v>
      </c>
      <c r="KJ27" s="341">
        <v>0</v>
      </c>
      <c r="KK27" s="345">
        <v>127561</v>
      </c>
      <c r="KL27" s="351">
        <v>162484</v>
      </c>
      <c r="KM27" s="337">
        <v>0</v>
      </c>
      <c r="KN27" s="338">
        <v>0</v>
      </c>
      <c r="KO27" s="339">
        <v>0</v>
      </c>
      <c r="KP27" s="340"/>
      <c r="KQ27" s="341">
        <v>0</v>
      </c>
      <c r="KR27" s="341">
        <v>0</v>
      </c>
      <c r="KS27" s="341">
        <v>202972</v>
      </c>
      <c r="KT27" s="341">
        <v>215278</v>
      </c>
      <c r="KU27" s="341">
        <v>217042</v>
      </c>
      <c r="KV27" s="345">
        <v>635292</v>
      </c>
      <c r="KW27" s="343">
        <v>635292</v>
      </c>
      <c r="KX27" s="344">
        <v>0</v>
      </c>
      <c r="KY27" s="341">
        <v>0</v>
      </c>
      <c r="KZ27" s="345">
        <v>0</v>
      </c>
      <c r="LA27" s="352"/>
      <c r="LB27" s="341">
        <v>0</v>
      </c>
      <c r="LC27" s="341">
        <v>0</v>
      </c>
      <c r="LD27" s="341">
        <v>0</v>
      </c>
      <c r="LE27" s="341">
        <v>0</v>
      </c>
      <c r="LF27" s="341">
        <v>0</v>
      </c>
      <c r="LG27" s="345">
        <v>0</v>
      </c>
      <c r="LH27" s="347">
        <v>0</v>
      </c>
      <c r="LI27" s="344">
        <v>0</v>
      </c>
      <c r="LJ27" s="341">
        <v>0</v>
      </c>
      <c r="LK27" s="345">
        <v>0</v>
      </c>
      <c r="LL27" s="352"/>
      <c r="LM27" s="341">
        <v>0</v>
      </c>
      <c r="LN27" s="341">
        <v>0</v>
      </c>
      <c r="LO27" s="341">
        <v>0</v>
      </c>
      <c r="LP27" s="341">
        <v>220255</v>
      </c>
      <c r="LQ27" s="341">
        <v>0</v>
      </c>
      <c r="LR27" s="345">
        <v>220255</v>
      </c>
      <c r="LS27" s="343">
        <v>220255</v>
      </c>
      <c r="LT27" s="344">
        <v>0</v>
      </c>
      <c r="LU27" s="341">
        <v>0</v>
      </c>
      <c r="LV27" s="345">
        <v>0</v>
      </c>
      <c r="LW27" s="352"/>
      <c r="LX27" s="341">
        <v>0</v>
      </c>
      <c r="LY27" s="341">
        <v>0</v>
      </c>
      <c r="LZ27" s="341">
        <v>0</v>
      </c>
      <c r="MA27" s="341">
        <v>0</v>
      </c>
      <c r="MB27" s="341">
        <v>0</v>
      </c>
      <c r="MC27" s="345">
        <v>0</v>
      </c>
      <c r="MD27" s="347">
        <v>0</v>
      </c>
      <c r="ME27" s="344">
        <v>0</v>
      </c>
      <c r="MF27" s="341">
        <v>0</v>
      </c>
      <c r="MG27" s="345">
        <v>0</v>
      </c>
      <c r="MH27" s="352"/>
      <c r="MI27" s="341">
        <v>187931</v>
      </c>
      <c r="MJ27" s="341">
        <v>222616</v>
      </c>
      <c r="MK27" s="341">
        <v>222383</v>
      </c>
      <c r="ML27" s="341">
        <v>0</v>
      </c>
      <c r="MM27" s="341">
        <v>0</v>
      </c>
      <c r="MN27" s="345">
        <v>632930</v>
      </c>
      <c r="MO27" s="351">
        <v>632930</v>
      </c>
      <c r="MP27" s="344">
        <v>0</v>
      </c>
      <c r="MQ27" s="341">
        <v>0</v>
      </c>
      <c r="MR27" s="345">
        <v>0</v>
      </c>
      <c r="MS27" s="352"/>
      <c r="MT27" s="341">
        <v>0</v>
      </c>
      <c r="MU27" s="341">
        <v>0</v>
      </c>
      <c r="MV27" s="341">
        <v>0</v>
      </c>
      <c r="MW27" s="341">
        <v>0</v>
      </c>
      <c r="MX27" s="341">
        <v>0</v>
      </c>
      <c r="MY27" s="345">
        <v>0</v>
      </c>
      <c r="MZ27" s="351">
        <v>0</v>
      </c>
      <c r="NA27" s="344">
        <v>0</v>
      </c>
      <c r="NB27" s="341">
        <v>0</v>
      </c>
      <c r="NC27" s="345">
        <v>0</v>
      </c>
      <c r="ND27" s="352"/>
      <c r="NE27" s="341">
        <v>187931</v>
      </c>
      <c r="NF27" s="341">
        <v>222616</v>
      </c>
      <c r="NG27" s="341">
        <v>222383</v>
      </c>
      <c r="NH27" s="341">
        <v>0</v>
      </c>
      <c r="NI27" s="341">
        <v>0</v>
      </c>
      <c r="NJ27" s="345">
        <v>632930</v>
      </c>
      <c r="NK27" s="343">
        <v>632930</v>
      </c>
      <c r="NL27" s="344">
        <v>0</v>
      </c>
      <c r="NM27" s="341">
        <v>0</v>
      </c>
      <c r="NN27" s="345">
        <v>0</v>
      </c>
      <c r="NO27" s="352"/>
      <c r="NP27" s="341">
        <v>0</v>
      </c>
      <c r="NQ27" s="341">
        <v>0</v>
      </c>
      <c r="NR27" s="341">
        <v>0</v>
      </c>
      <c r="NS27" s="341">
        <v>0</v>
      </c>
      <c r="NT27" s="341">
        <v>0</v>
      </c>
      <c r="NU27" s="345">
        <v>0</v>
      </c>
      <c r="NV27" s="347">
        <v>0</v>
      </c>
      <c r="NW27" s="344">
        <v>0</v>
      </c>
      <c r="NX27" s="341">
        <v>0</v>
      </c>
      <c r="NY27" s="345">
        <v>0</v>
      </c>
      <c r="NZ27" s="352"/>
      <c r="OA27" s="341">
        <v>0</v>
      </c>
      <c r="OB27" s="341">
        <v>0</v>
      </c>
      <c r="OC27" s="341">
        <v>0</v>
      </c>
      <c r="OD27" s="341">
        <v>0</v>
      </c>
      <c r="OE27" s="341">
        <v>0</v>
      </c>
      <c r="OF27" s="345">
        <v>0</v>
      </c>
      <c r="OG27" s="347">
        <v>0</v>
      </c>
      <c r="OH27" s="344">
        <v>73297</v>
      </c>
      <c r="OI27" s="341">
        <v>141477</v>
      </c>
      <c r="OJ27" s="342">
        <v>214774</v>
      </c>
      <c r="OK27" s="348">
        <v>0</v>
      </c>
      <c r="OL27" s="341">
        <v>1455316</v>
      </c>
      <c r="OM27" s="341">
        <v>1656760</v>
      </c>
      <c r="ON27" s="341">
        <v>927067</v>
      </c>
      <c r="OO27" s="341">
        <v>2666314</v>
      </c>
      <c r="OP27" s="341">
        <v>1386107</v>
      </c>
      <c r="OQ27" s="345">
        <v>8091564</v>
      </c>
      <c r="OR27" s="351">
        <v>8306338</v>
      </c>
    </row>
    <row r="28" spans="1:408" ht="20.25" customHeight="1" x14ac:dyDescent="0.2">
      <c r="A28" s="111" t="s">
        <v>23</v>
      </c>
      <c r="B28" s="318">
        <v>61184</v>
      </c>
      <c r="C28" s="319">
        <v>182554</v>
      </c>
      <c r="D28" s="320">
        <v>243738</v>
      </c>
      <c r="E28" s="321">
        <v>0</v>
      </c>
      <c r="F28" s="319">
        <v>1339740</v>
      </c>
      <c r="G28" s="319">
        <v>2398523</v>
      </c>
      <c r="H28" s="319">
        <v>2200413</v>
      </c>
      <c r="I28" s="319">
        <v>2707416</v>
      </c>
      <c r="J28" s="319">
        <v>135469</v>
      </c>
      <c r="K28" s="358">
        <v>8781561</v>
      </c>
      <c r="L28" s="322">
        <v>9025299</v>
      </c>
      <c r="M28" s="318">
        <v>50390</v>
      </c>
      <c r="N28" s="319">
        <v>73507</v>
      </c>
      <c r="O28" s="320">
        <v>123897</v>
      </c>
      <c r="P28" s="318">
        <v>0</v>
      </c>
      <c r="Q28" s="319">
        <v>134358</v>
      </c>
      <c r="R28" s="319">
        <v>543456</v>
      </c>
      <c r="S28" s="319">
        <v>826243</v>
      </c>
      <c r="T28" s="319">
        <v>481761</v>
      </c>
      <c r="U28" s="319">
        <v>103360</v>
      </c>
      <c r="V28" s="320">
        <v>2089178</v>
      </c>
      <c r="W28" s="322">
        <v>2213075</v>
      </c>
      <c r="X28" s="318">
        <v>0</v>
      </c>
      <c r="Y28" s="319">
        <v>0</v>
      </c>
      <c r="Z28" s="320">
        <v>0</v>
      </c>
      <c r="AA28" s="318">
        <v>0</v>
      </c>
      <c r="AB28" s="319">
        <v>83707</v>
      </c>
      <c r="AC28" s="319">
        <v>233851</v>
      </c>
      <c r="AD28" s="319">
        <v>365732</v>
      </c>
      <c r="AE28" s="319">
        <v>31487</v>
      </c>
      <c r="AF28" s="319">
        <v>19159</v>
      </c>
      <c r="AG28" s="320">
        <v>733936</v>
      </c>
      <c r="AH28" s="322">
        <v>733936</v>
      </c>
      <c r="AI28" s="318">
        <v>0</v>
      </c>
      <c r="AJ28" s="319">
        <v>0</v>
      </c>
      <c r="AK28" s="320">
        <v>0</v>
      </c>
      <c r="AL28" s="318">
        <v>0</v>
      </c>
      <c r="AM28" s="319">
        <v>0</v>
      </c>
      <c r="AN28" s="319">
        <v>0</v>
      </c>
      <c r="AO28" s="319">
        <v>91667</v>
      </c>
      <c r="AP28" s="319">
        <v>39936</v>
      </c>
      <c r="AQ28" s="319">
        <v>0</v>
      </c>
      <c r="AR28" s="320">
        <v>131603</v>
      </c>
      <c r="AS28" s="322">
        <v>131603</v>
      </c>
      <c r="AT28" s="318">
        <v>50390</v>
      </c>
      <c r="AU28" s="319">
        <v>42392</v>
      </c>
      <c r="AV28" s="320">
        <v>92782</v>
      </c>
      <c r="AW28" s="318">
        <v>0</v>
      </c>
      <c r="AX28" s="319">
        <v>12459</v>
      </c>
      <c r="AY28" s="319">
        <v>132463</v>
      </c>
      <c r="AZ28" s="319">
        <v>239407</v>
      </c>
      <c r="BA28" s="319">
        <v>269778</v>
      </c>
      <c r="BB28" s="319">
        <v>84201</v>
      </c>
      <c r="BC28" s="320">
        <v>738308</v>
      </c>
      <c r="BD28" s="322">
        <v>831090</v>
      </c>
      <c r="BE28" s="318">
        <v>0</v>
      </c>
      <c r="BF28" s="319">
        <v>27489</v>
      </c>
      <c r="BG28" s="323">
        <v>27489</v>
      </c>
      <c r="BH28" s="324">
        <v>0</v>
      </c>
      <c r="BI28" s="319">
        <v>0</v>
      </c>
      <c r="BJ28" s="319">
        <v>96859</v>
      </c>
      <c r="BK28" s="319">
        <v>0</v>
      </c>
      <c r="BL28" s="319">
        <v>0</v>
      </c>
      <c r="BM28" s="319">
        <v>0</v>
      </c>
      <c r="BN28" s="320">
        <v>96859</v>
      </c>
      <c r="BO28" s="322">
        <v>124348</v>
      </c>
      <c r="BP28" s="318">
        <v>0</v>
      </c>
      <c r="BQ28" s="319">
        <v>3626</v>
      </c>
      <c r="BR28" s="320">
        <v>3626</v>
      </c>
      <c r="BS28" s="318">
        <v>0</v>
      </c>
      <c r="BT28" s="319">
        <v>38192</v>
      </c>
      <c r="BU28" s="319">
        <v>80283</v>
      </c>
      <c r="BV28" s="319">
        <v>129437</v>
      </c>
      <c r="BW28" s="319">
        <v>140560</v>
      </c>
      <c r="BX28" s="319">
        <v>0</v>
      </c>
      <c r="BY28" s="320">
        <v>388472</v>
      </c>
      <c r="BZ28" s="322">
        <v>392098</v>
      </c>
      <c r="CA28" s="318">
        <v>0</v>
      </c>
      <c r="CB28" s="319">
        <v>0</v>
      </c>
      <c r="CC28" s="320">
        <v>0</v>
      </c>
      <c r="CD28" s="318">
        <v>0</v>
      </c>
      <c r="CE28" s="319">
        <v>504703</v>
      </c>
      <c r="CF28" s="319">
        <v>1142240</v>
      </c>
      <c r="CG28" s="319">
        <v>719001</v>
      </c>
      <c r="CH28" s="319">
        <v>481047</v>
      </c>
      <c r="CI28" s="319">
        <v>0</v>
      </c>
      <c r="CJ28" s="320">
        <v>2846991</v>
      </c>
      <c r="CK28" s="322">
        <v>2846991</v>
      </c>
      <c r="CL28" s="318">
        <v>0</v>
      </c>
      <c r="CM28" s="319">
        <v>0</v>
      </c>
      <c r="CN28" s="320">
        <v>0</v>
      </c>
      <c r="CO28" s="324">
        <v>0</v>
      </c>
      <c r="CP28" s="319">
        <v>407109</v>
      </c>
      <c r="CQ28" s="319">
        <v>979897</v>
      </c>
      <c r="CR28" s="319">
        <v>306890</v>
      </c>
      <c r="CS28" s="319">
        <v>275604</v>
      </c>
      <c r="CT28" s="319">
        <v>0</v>
      </c>
      <c r="CU28" s="320">
        <v>1969500</v>
      </c>
      <c r="CV28" s="322">
        <v>1969500</v>
      </c>
      <c r="CW28" s="318">
        <v>0</v>
      </c>
      <c r="CX28" s="319">
        <v>0</v>
      </c>
      <c r="CY28" s="320">
        <v>0</v>
      </c>
      <c r="CZ28" s="318">
        <v>0</v>
      </c>
      <c r="DA28" s="319">
        <v>97594</v>
      </c>
      <c r="DB28" s="319">
        <v>162343</v>
      </c>
      <c r="DC28" s="319">
        <v>412111</v>
      </c>
      <c r="DD28" s="319">
        <v>205443</v>
      </c>
      <c r="DE28" s="319">
        <v>0</v>
      </c>
      <c r="DF28" s="320">
        <v>877491</v>
      </c>
      <c r="DG28" s="322">
        <v>877491</v>
      </c>
      <c r="DH28" s="318">
        <v>0</v>
      </c>
      <c r="DI28" s="319">
        <v>0</v>
      </c>
      <c r="DJ28" s="323">
        <v>0</v>
      </c>
      <c r="DK28" s="324">
        <v>0</v>
      </c>
      <c r="DL28" s="319">
        <v>98130</v>
      </c>
      <c r="DM28" s="319">
        <v>65261</v>
      </c>
      <c r="DN28" s="319">
        <v>31563</v>
      </c>
      <c r="DO28" s="319">
        <v>79386</v>
      </c>
      <c r="DP28" s="319">
        <v>0</v>
      </c>
      <c r="DQ28" s="320">
        <v>274340</v>
      </c>
      <c r="DR28" s="322">
        <v>274340</v>
      </c>
      <c r="DS28" s="318">
        <v>0</v>
      </c>
      <c r="DT28" s="319">
        <v>0</v>
      </c>
      <c r="DU28" s="320">
        <v>0</v>
      </c>
      <c r="DV28" s="318">
        <v>0</v>
      </c>
      <c r="DW28" s="319">
        <v>98130</v>
      </c>
      <c r="DX28" s="319">
        <v>65261</v>
      </c>
      <c r="DY28" s="319">
        <v>31563</v>
      </c>
      <c r="DZ28" s="319">
        <v>79386</v>
      </c>
      <c r="EA28" s="319">
        <v>0</v>
      </c>
      <c r="EB28" s="320">
        <v>274340</v>
      </c>
      <c r="EC28" s="322">
        <v>274340</v>
      </c>
      <c r="ED28" s="318">
        <v>0</v>
      </c>
      <c r="EE28" s="323">
        <v>0</v>
      </c>
      <c r="EF28" s="320">
        <v>0</v>
      </c>
      <c r="EG28" s="318">
        <v>0</v>
      </c>
      <c r="EH28" s="319">
        <v>0</v>
      </c>
      <c r="EI28" s="319">
        <v>0</v>
      </c>
      <c r="EJ28" s="319">
        <v>0</v>
      </c>
      <c r="EK28" s="319">
        <v>0</v>
      </c>
      <c r="EL28" s="319">
        <v>0</v>
      </c>
      <c r="EM28" s="323">
        <v>0</v>
      </c>
      <c r="EN28" s="322">
        <v>0</v>
      </c>
      <c r="EO28" s="318">
        <v>0</v>
      </c>
      <c r="EP28" s="319">
        <v>0</v>
      </c>
      <c r="EQ28" s="323">
        <v>0</v>
      </c>
      <c r="ER28" s="324">
        <v>0</v>
      </c>
      <c r="ES28" s="319">
        <v>0</v>
      </c>
      <c r="ET28" s="319">
        <v>0</v>
      </c>
      <c r="EU28" s="319">
        <v>0</v>
      </c>
      <c r="EV28" s="319">
        <v>0</v>
      </c>
      <c r="EW28" s="319">
        <v>0</v>
      </c>
      <c r="EX28" s="320">
        <v>0</v>
      </c>
      <c r="EY28" s="322">
        <v>0</v>
      </c>
      <c r="EZ28" s="318">
        <v>0</v>
      </c>
      <c r="FA28" s="319">
        <v>0</v>
      </c>
      <c r="FB28" s="323">
        <v>0</v>
      </c>
      <c r="FC28" s="325"/>
      <c r="FD28" s="319">
        <v>0</v>
      </c>
      <c r="FE28" s="319">
        <v>0</v>
      </c>
      <c r="FF28" s="319">
        <v>0</v>
      </c>
      <c r="FG28" s="319">
        <v>0</v>
      </c>
      <c r="FH28" s="319">
        <v>0</v>
      </c>
      <c r="FI28" s="320">
        <v>0</v>
      </c>
      <c r="FJ28" s="322">
        <v>0</v>
      </c>
      <c r="FK28" s="318">
        <v>10794</v>
      </c>
      <c r="FL28" s="319">
        <v>33740</v>
      </c>
      <c r="FM28" s="320">
        <v>44534</v>
      </c>
      <c r="FN28" s="318">
        <v>0</v>
      </c>
      <c r="FO28" s="319">
        <v>57744</v>
      </c>
      <c r="FP28" s="319">
        <v>198142</v>
      </c>
      <c r="FQ28" s="319">
        <v>184961</v>
      </c>
      <c r="FR28" s="319">
        <v>194761</v>
      </c>
      <c r="FS28" s="319">
        <v>32109</v>
      </c>
      <c r="FT28" s="320">
        <v>667717</v>
      </c>
      <c r="FU28" s="322">
        <v>712251</v>
      </c>
      <c r="FV28" s="326">
        <v>10794</v>
      </c>
      <c r="FW28" s="319">
        <v>16240</v>
      </c>
      <c r="FX28" s="323">
        <v>27034</v>
      </c>
      <c r="FY28" s="324">
        <v>0</v>
      </c>
      <c r="FZ28" s="319">
        <v>57744</v>
      </c>
      <c r="GA28" s="319">
        <v>198142</v>
      </c>
      <c r="GB28" s="319">
        <v>166761</v>
      </c>
      <c r="GC28" s="319">
        <v>173201</v>
      </c>
      <c r="GD28" s="319">
        <v>32109</v>
      </c>
      <c r="GE28" s="320">
        <v>627957</v>
      </c>
      <c r="GF28" s="327">
        <v>654991</v>
      </c>
      <c r="GG28" s="326">
        <v>0</v>
      </c>
      <c r="GH28" s="319">
        <v>0</v>
      </c>
      <c r="GI28" s="323">
        <v>0</v>
      </c>
      <c r="GJ28" s="324">
        <v>0</v>
      </c>
      <c r="GK28" s="319">
        <v>0</v>
      </c>
      <c r="GL28" s="319">
        <v>0</v>
      </c>
      <c r="GM28" s="319">
        <v>0</v>
      </c>
      <c r="GN28" s="319">
        <v>21560</v>
      </c>
      <c r="GO28" s="319">
        <v>0</v>
      </c>
      <c r="GP28" s="320">
        <v>21560</v>
      </c>
      <c r="GQ28" s="322">
        <v>21560</v>
      </c>
      <c r="GR28" s="318">
        <v>0</v>
      </c>
      <c r="GS28" s="319">
        <v>17500</v>
      </c>
      <c r="GT28" s="320">
        <v>17500</v>
      </c>
      <c r="GU28" s="318">
        <v>0</v>
      </c>
      <c r="GV28" s="319">
        <v>0</v>
      </c>
      <c r="GW28" s="319">
        <v>0</v>
      </c>
      <c r="GX28" s="319">
        <v>18200</v>
      </c>
      <c r="GY28" s="319">
        <v>0</v>
      </c>
      <c r="GZ28" s="319">
        <v>0</v>
      </c>
      <c r="HA28" s="323">
        <v>18200</v>
      </c>
      <c r="HB28" s="322">
        <v>35700</v>
      </c>
      <c r="HC28" s="318">
        <v>0</v>
      </c>
      <c r="HD28" s="319">
        <v>75307</v>
      </c>
      <c r="HE28" s="323">
        <v>75307</v>
      </c>
      <c r="HF28" s="324">
        <v>0</v>
      </c>
      <c r="HG28" s="319">
        <v>544805</v>
      </c>
      <c r="HH28" s="319">
        <v>449424</v>
      </c>
      <c r="HI28" s="319">
        <v>438645</v>
      </c>
      <c r="HJ28" s="319">
        <v>1470461</v>
      </c>
      <c r="HK28" s="319">
        <v>0</v>
      </c>
      <c r="HL28" s="320">
        <v>2903335</v>
      </c>
      <c r="HM28" s="321">
        <v>2978642</v>
      </c>
      <c r="HN28" s="411"/>
      <c r="HO28" s="411"/>
      <c r="HP28" s="411"/>
      <c r="HQ28" s="411"/>
      <c r="HR28" s="411"/>
      <c r="HS28" s="411"/>
      <c r="HT28" s="411"/>
      <c r="HU28" s="411"/>
      <c r="HV28" s="411"/>
      <c r="HW28" s="411"/>
      <c r="HX28" s="424"/>
      <c r="HY28" s="357">
        <v>0</v>
      </c>
      <c r="HZ28" s="332">
        <v>0</v>
      </c>
      <c r="IA28" s="357">
        <v>0</v>
      </c>
      <c r="IB28" s="331">
        <v>0</v>
      </c>
      <c r="IC28" s="332">
        <v>81422</v>
      </c>
      <c r="ID28" s="333">
        <v>59141</v>
      </c>
      <c r="IE28" s="334">
        <v>215513</v>
      </c>
      <c r="IF28" s="332">
        <v>0</v>
      </c>
      <c r="IG28" s="334">
        <v>207979</v>
      </c>
      <c r="IH28" s="335">
        <v>564055</v>
      </c>
      <c r="II28" s="357">
        <v>564055</v>
      </c>
      <c r="IJ28" s="337">
        <v>0</v>
      </c>
      <c r="IK28" s="338">
        <v>0</v>
      </c>
      <c r="IL28" s="339">
        <v>0</v>
      </c>
      <c r="IM28" s="411"/>
      <c r="IN28" s="341">
        <v>0</v>
      </c>
      <c r="IO28" s="341">
        <v>0</v>
      </c>
      <c r="IP28" s="341">
        <v>0</v>
      </c>
      <c r="IQ28" s="341">
        <v>0</v>
      </c>
      <c r="IR28" s="341">
        <v>0</v>
      </c>
      <c r="IS28" s="342">
        <v>0</v>
      </c>
      <c r="IT28" s="343">
        <v>0</v>
      </c>
      <c r="IU28" s="344">
        <v>0</v>
      </c>
      <c r="IV28" s="341">
        <v>0</v>
      </c>
      <c r="IW28" s="345">
        <v>0</v>
      </c>
      <c r="IX28" s="411"/>
      <c r="IY28" s="341">
        <v>0</v>
      </c>
      <c r="IZ28" s="341">
        <v>0</v>
      </c>
      <c r="JA28" s="341">
        <v>0</v>
      </c>
      <c r="JB28" s="341">
        <v>0</v>
      </c>
      <c r="JC28" s="341">
        <v>0</v>
      </c>
      <c r="JD28" s="345">
        <v>0</v>
      </c>
      <c r="JE28" s="347">
        <v>0</v>
      </c>
      <c r="JF28" s="344">
        <v>0</v>
      </c>
      <c r="JG28" s="341">
        <v>0</v>
      </c>
      <c r="JH28" s="342">
        <v>0</v>
      </c>
      <c r="JI28" s="348">
        <v>0</v>
      </c>
      <c r="JJ28" s="341">
        <v>81422</v>
      </c>
      <c r="JK28" s="341">
        <v>59141</v>
      </c>
      <c r="JL28" s="341">
        <v>0</v>
      </c>
      <c r="JM28" s="341">
        <v>0</v>
      </c>
      <c r="JN28" s="341">
        <v>207979</v>
      </c>
      <c r="JO28" s="345">
        <v>348542</v>
      </c>
      <c r="JP28" s="343">
        <v>348542</v>
      </c>
      <c r="JQ28" s="344">
        <v>0</v>
      </c>
      <c r="JR28" s="341">
        <v>0</v>
      </c>
      <c r="JS28" s="342">
        <v>0</v>
      </c>
      <c r="JT28" s="348">
        <v>0</v>
      </c>
      <c r="JU28" s="341">
        <v>0</v>
      </c>
      <c r="JV28" s="341">
        <v>0</v>
      </c>
      <c r="JW28" s="341">
        <v>0</v>
      </c>
      <c r="JX28" s="341">
        <v>0</v>
      </c>
      <c r="JY28" s="341">
        <v>0</v>
      </c>
      <c r="JZ28" s="345">
        <v>0</v>
      </c>
      <c r="KA28" s="343">
        <v>0</v>
      </c>
      <c r="KB28" s="349">
        <v>0</v>
      </c>
      <c r="KC28" s="350">
        <v>0</v>
      </c>
      <c r="KD28" s="345">
        <v>0</v>
      </c>
      <c r="KE28" s="348">
        <v>0</v>
      </c>
      <c r="KF28" s="341">
        <v>0</v>
      </c>
      <c r="KG28" s="341">
        <v>0</v>
      </c>
      <c r="KH28" s="341">
        <v>0</v>
      </c>
      <c r="KI28" s="341">
        <v>0</v>
      </c>
      <c r="KJ28" s="341">
        <v>0</v>
      </c>
      <c r="KK28" s="345">
        <v>0</v>
      </c>
      <c r="KL28" s="351">
        <v>0</v>
      </c>
      <c r="KM28" s="337">
        <v>0</v>
      </c>
      <c r="KN28" s="338">
        <v>0</v>
      </c>
      <c r="KO28" s="339">
        <v>0</v>
      </c>
      <c r="KP28" s="340"/>
      <c r="KQ28" s="341">
        <v>0</v>
      </c>
      <c r="KR28" s="341">
        <v>0</v>
      </c>
      <c r="KS28" s="341">
        <v>215513</v>
      </c>
      <c r="KT28" s="341">
        <v>0</v>
      </c>
      <c r="KU28" s="341">
        <v>0</v>
      </c>
      <c r="KV28" s="345">
        <v>215513</v>
      </c>
      <c r="KW28" s="343">
        <v>215513</v>
      </c>
      <c r="KX28" s="344">
        <v>0</v>
      </c>
      <c r="KY28" s="341">
        <v>0</v>
      </c>
      <c r="KZ28" s="345">
        <v>0</v>
      </c>
      <c r="LA28" s="352"/>
      <c r="LB28" s="341">
        <v>0</v>
      </c>
      <c r="LC28" s="341">
        <v>0</v>
      </c>
      <c r="LD28" s="341">
        <v>0</v>
      </c>
      <c r="LE28" s="341">
        <v>0</v>
      </c>
      <c r="LF28" s="341">
        <v>0</v>
      </c>
      <c r="LG28" s="345">
        <v>0</v>
      </c>
      <c r="LH28" s="347">
        <v>0</v>
      </c>
      <c r="LI28" s="344">
        <v>0</v>
      </c>
      <c r="LJ28" s="341">
        <v>0</v>
      </c>
      <c r="LK28" s="345">
        <v>0</v>
      </c>
      <c r="LL28" s="352"/>
      <c r="LM28" s="341">
        <v>0</v>
      </c>
      <c r="LN28" s="341">
        <v>0</v>
      </c>
      <c r="LO28" s="341">
        <v>0</v>
      </c>
      <c r="LP28" s="341">
        <v>0</v>
      </c>
      <c r="LQ28" s="341">
        <v>0</v>
      </c>
      <c r="LR28" s="345">
        <v>0</v>
      </c>
      <c r="LS28" s="343">
        <v>0</v>
      </c>
      <c r="LT28" s="344">
        <v>0</v>
      </c>
      <c r="LU28" s="341">
        <v>0</v>
      </c>
      <c r="LV28" s="345">
        <v>0</v>
      </c>
      <c r="LW28" s="352"/>
      <c r="LX28" s="341">
        <v>0</v>
      </c>
      <c r="LY28" s="341">
        <v>0</v>
      </c>
      <c r="LZ28" s="341">
        <v>0</v>
      </c>
      <c r="MA28" s="341">
        <v>0</v>
      </c>
      <c r="MB28" s="341">
        <v>0</v>
      </c>
      <c r="MC28" s="345">
        <v>0</v>
      </c>
      <c r="MD28" s="347">
        <v>0</v>
      </c>
      <c r="ME28" s="344">
        <v>0</v>
      </c>
      <c r="MF28" s="341">
        <v>0</v>
      </c>
      <c r="MG28" s="345">
        <v>0</v>
      </c>
      <c r="MH28" s="352"/>
      <c r="MI28" s="341">
        <v>0</v>
      </c>
      <c r="MJ28" s="341">
        <v>197730</v>
      </c>
      <c r="MK28" s="341">
        <v>1056091</v>
      </c>
      <c r="ML28" s="341">
        <v>1571304</v>
      </c>
      <c r="MM28" s="341">
        <v>1005994</v>
      </c>
      <c r="MN28" s="345">
        <v>3831119</v>
      </c>
      <c r="MO28" s="351">
        <v>3831119</v>
      </c>
      <c r="MP28" s="344">
        <v>0</v>
      </c>
      <c r="MQ28" s="341">
        <v>0</v>
      </c>
      <c r="MR28" s="345">
        <v>0</v>
      </c>
      <c r="MS28" s="352"/>
      <c r="MT28" s="341">
        <v>0</v>
      </c>
      <c r="MU28" s="341">
        <v>0</v>
      </c>
      <c r="MV28" s="341">
        <v>421696</v>
      </c>
      <c r="MW28" s="341">
        <v>1311074</v>
      </c>
      <c r="MX28" s="341">
        <v>258982</v>
      </c>
      <c r="MY28" s="345">
        <v>1991752</v>
      </c>
      <c r="MZ28" s="351">
        <v>1991752</v>
      </c>
      <c r="NA28" s="344">
        <v>0</v>
      </c>
      <c r="NB28" s="341">
        <v>0</v>
      </c>
      <c r="NC28" s="345">
        <v>0</v>
      </c>
      <c r="ND28" s="352"/>
      <c r="NE28" s="341">
        <v>0</v>
      </c>
      <c r="NF28" s="341">
        <v>197730</v>
      </c>
      <c r="NG28" s="341">
        <v>397247</v>
      </c>
      <c r="NH28" s="341">
        <v>260230</v>
      </c>
      <c r="NI28" s="341">
        <v>747012</v>
      </c>
      <c r="NJ28" s="345">
        <v>1602219</v>
      </c>
      <c r="NK28" s="343">
        <v>1602219</v>
      </c>
      <c r="NL28" s="344">
        <v>0</v>
      </c>
      <c r="NM28" s="341">
        <v>0</v>
      </c>
      <c r="NN28" s="345">
        <v>0</v>
      </c>
      <c r="NO28" s="352"/>
      <c r="NP28" s="341">
        <v>0</v>
      </c>
      <c r="NQ28" s="341">
        <v>0</v>
      </c>
      <c r="NR28" s="341">
        <v>237148</v>
      </c>
      <c r="NS28" s="341">
        <v>0</v>
      </c>
      <c r="NT28" s="341">
        <v>0</v>
      </c>
      <c r="NU28" s="345">
        <v>237148</v>
      </c>
      <c r="NV28" s="347">
        <v>237148</v>
      </c>
      <c r="NW28" s="344">
        <v>0</v>
      </c>
      <c r="NX28" s="341">
        <v>0</v>
      </c>
      <c r="NY28" s="345">
        <v>0</v>
      </c>
      <c r="NZ28" s="352"/>
      <c r="OA28" s="341">
        <v>0</v>
      </c>
      <c r="OB28" s="341">
        <v>0</v>
      </c>
      <c r="OC28" s="341">
        <v>0</v>
      </c>
      <c r="OD28" s="341">
        <v>0</v>
      </c>
      <c r="OE28" s="341">
        <v>0</v>
      </c>
      <c r="OF28" s="345">
        <v>0</v>
      </c>
      <c r="OG28" s="347">
        <v>0</v>
      </c>
      <c r="OH28" s="344">
        <v>61184</v>
      </c>
      <c r="OI28" s="341">
        <v>182554</v>
      </c>
      <c r="OJ28" s="342">
        <v>243738</v>
      </c>
      <c r="OK28" s="348">
        <v>0</v>
      </c>
      <c r="OL28" s="341">
        <v>1421162</v>
      </c>
      <c r="OM28" s="341">
        <v>2655394</v>
      </c>
      <c r="ON28" s="341">
        <v>3472017</v>
      </c>
      <c r="OO28" s="341">
        <v>4278720</v>
      </c>
      <c r="OP28" s="341">
        <v>1349442</v>
      </c>
      <c r="OQ28" s="345">
        <v>13176735</v>
      </c>
      <c r="OR28" s="351">
        <v>13420473</v>
      </c>
    </row>
    <row r="29" spans="1:408" ht="20.25" customHeight="1" x14ac:dyDescent="0.2">
      <c r="A29" s="111" t="s">
        <v>24</v>
      </c>
      <c r="B29" s="318">
        <v>268353</v>
      </c>
      <c r="C29" s="319">
        <v>153529</v>
      </c>
      <c r="D29" s="320">
        <v>421882</v>
      </c>
      <c r="E29" s="321">
        <v>0</v>
      </c>
      <c r="F29" s="319">
        <v>1937663</v>
      </c>
      <c r="G29" s="319">
        <v>2078112</v>
      </c>
      <c r="H29" s="319">
        <v>450912</v>
      </c>
      <c r="I29" s="319">
        <v>2864707</v>
      </c>
      <c r="J29" s="319">
        <v>1640390</v>
      </c>
      <c r="K29" s="358">
        <v>8971784</v>
      </c>
      <c r="L29" s="322">
        <v>9393666</v>
      </c>
      <c r="M29" s="318">
        <v>51877</v>
      </c>
      <c r="N29" s="319">
        <v>67616</v>
      </c>
      <c r="O29" s="320">
        <v>119493</v>
      </c>
      <c r="P29" s="318">
        <v>0</v>
      </c>
      <c r="Q29" s="319">
        <v>447045</v>
      </c>
      <c r="R29" s="319">
        <v>607082</v>
      </c>
      <c r="S29" s="319">
        <v>141931</v>
      </c>
      <c r="T29" s="319">
        <v>1014009</v>
      </c>
      <c r="U29" s="319">
        <v>854666</v>
      </c>
      <c r="V29" s="320">
        <v>3064733</v>
      </c>
      <c r="W29" s="322">
        <v>3184226</v>
      </c>
      <c r="X29" s="318">
        <v>0</v>
      </c>
      <c r="Y29" s="319">
        <v>0</v>
      </c>
      <c r="Z29" s="320">
        <v>0</v>
      </c>
      <c r="AA29" s="318">
        <v>0</v>
      </c>
      <c r="AB29" s="319">
        <v>142126</v>
      </c>
      <c r="AC29" s="319">
        <v>300755</v>
      </c>
      <c r="AD29" s="319">
        <v>46741</v>
      </c>
      <c r="AE29" s="319">
        <v>667380</v>
      </c>
      <c r="AF29" s="319">
        <v>285243</v>
      </c>
      <c r="AG29" s="320">
        <v>1442245</v>
      </c>
      <c r="AH29" s="322">
        <v>1442245</v>
      </c>
      <c r="AI29" s="318">
        <v>0</v>
      </c>
      <c r="AJ29" s="319">
        <v>0</v>
      </c>
      <c r="AK29" s="320">
        <v>0</v>
      </c>
      <c r="AL29" s="318">
        <v>0</v>
      </c>
      <c r="AM29" s="319">
        <v>0</v>
      </c>
      <c r="AN29" s="319">
        <v>0</v>
      </c>
      <c r="AO29" s="319">
        <v>0</v>
      </c>
      <c r="AP29" s="319">
        <v>0</v>
      </c>
      <c r="AQ29" s="319">
        <v>81345</v>
      </c>
      <c r="AR29" s="320">
        <v>81345</v>
      </c>
      <c r="AS29" s="322">
        <v>81345</v>
      </c>
      <c r="AT29" s="318">
        <v>0</v>
      </c>
      <c r="AU29" s="319">
        <v>58852</v>
      </c>
      <c r="AV29" s="320">
        <v>58852</v>
      </c>
      <c r="AW29" s="318">
        <v>0</v>
      </c>
      <c r="AX29" s="319">
        <v>199072</v>
      </c>
      <c r="AY29" s="319">
        <v>127417</v>
      </c>
      <c r="AZ29" s="319">
        <v>46652</v>
      </c>
      <c r="BA29" s="319">
        <v>134151</v>
      </c>
      <c r="BB29" s="319">
        <v>279359</v>
      </c>
      <c r="BC29" s="320">
        <v>786651</v>
      </c>
      <c r="BD29" s="322">
        <v>845503</v>
      </c>
      <c r="BE29" s="318">
        <v>0</v>
      </c>
      <c r="BF29" s="319">
        <v>0</v>
      </c>
      <c r="BG29" s="323">
        <v>0</v>
      </c>
      <c r="BH29" s="324">
        <v>0</v>
      </c>
      <c r="BI29" s="319">
        <v>0</v>
      </c>
      <c r="BJ29" s="319">
        <v>50474</v>
      </c>
      <c r="BK29" s="319">
        <v>0</v>
      </c>
      <c r="BL29" s="319">
        <v>0</v>
      </c>
      <c r="BM29" s="319">
        <v>91217</v>
      </c>
      <c r="BN29" s="320">
        <v>141691</v>
      </c>
      <c r="BO29" s="322">
        <v>141691</v>
      </c>
      <c r="BP29" s="318">
        <v>51877</v>
      </c>
      <c r="BQ29" s="319">
        <v>8764</v>
      </c>
      <c r="BR29" s="320">
        <v>60641</v>
      </c>
      <c r="BS29" s="318">
        <v>0</v>
      </c>
      <c r="BT29" s="319">
        <v>105847</v>
      </c>
      <c r="BU29" s="319">
        <v>128436</v>
      </c>
      <c r="BV29" s="319">
        <v>48538</v>
      </c>
      <c r="BW29" s="319">
        <v>212478</v>
      </c>
      <c r="BX29" s="319">
        <v>117502</v>
      </c>
      <c r="BY29" s="320">
        <v>612801</v>
      </c>
      <c r="BZ29" s="322">
        <v>673442</v>
      </c>
      <c r="CA29" s="318">
        <v>17860</v>
      </c>
      <c r="CB29" s="319">
        <v>0</v>
      </c>
      <c r="CC29" s="320">
        <v>17860</v>
      </c>
      <c r="CD29" s="318">
        <v>0</v>
      </c>
      <c r="CE29" s="319">
        <v>636374</v>
      </c>
      <c r="CF29" s="319">
        <v>390557</v>
      </c>
      <c r="CG29" s="319">
        <v>60617</v>
      </c>
      <c r="CH29" s="319">
        <v>384567</v>
      </c>
      <c r="CI29" s="319">
        <v>195921</v>
      </c>
      <c r="CJ29" s="320">
        <v>1668036</v>
      </c>
      <c r="CK29" s="322">
        <v>1685896</v>
      </c>
      <c r="CL29" s="318">
        <v>0</v>
      </c>
      <c r="CM29" s="319">
        <v>0</v>
      </c>
      <c r="CN29" s="320">
        <v>0</v>
      </c>
      <c r="CO29" s="324">
        <v>0</v>
      </c>
      <c r="CP29" s="319">
        <v>469648</v>
      </c>
      <c r="CQ29" s="319">
        <v>288044</v>
      </c>
      <c r="CR29" s="319">
        <v>0</v>
      </c>
      <c r="CS29" s="319">
        <v>80466</v>
      </c>
      <c r="CT29" s="319">
        <v>0</v>
      </c>
      <c r="CU29" s="320">
        <v>838158</v>
      </c>
      <c r="CV29" s="322">
        <v>838158</v>
      </c>
      <c r="CW29" s="318">
        <v>17860</v>
      </c>
      <c r="CX29" s="319">
        <v>0</v>
      </c>
      <c r="CY29" s="320">
        <v>17860</v>
      </c>
      <c r="CZ29" s="318">
        <v>0</v>
      </c>
      <c r="DA29" s="319">
        <v>166726</v>
      </c>
      <c r="DB29" s="319">
        <v>102513</v>
      </c>
      <c r="DC29" s="319">
        <v>60617</v>
      </c>
      <c r="DD29" s="319">
        <v>304101</v>
      </c>
      <c r="DE29" s="319">
        <v>195921</v>
      </c>
      <c r="DF29" s="320">
        <v>829878</v>
      </c>
      <c r="DG29" s="322">
        <v>847738</v>
      </c>
      <c r="DH29" s="318">
        <v>0</v>
      </c>
      <c r="DI29" s="319">
        <v>0</v>
      </c>
      <c r="DJ29" s="323">
        <v>0</v>
      </c>
      <c r="DK29" s="324">
        <v>0</v>
      </c>
      <c r="DL29" s="319">
        <v>0</v>
      </c>
      <c r="DM29" s="319">
        <v>47699</v>
      </c>
      <c r="DN29" s="319">
        <v>0</v>
      </c>
      <c r="DO29" s="319">
        <v>0</v>
      </c>
      <c r="DP29" s="319">
        <v>42930</v>
      </c>
      <c r="DQ29" s="320">
        <v>90629</v>
      </c>
      <c r="DR29" s="322">
        <v>90629</v>
      </c>
      <c r="DS29" s="318">
        <v>0</v>
      </c>
      <c r="DT29" s="319">
        <v>0</v>
      </c>
      <c r="DU29" s="320">
        <v>0</v>
      </c>
      <c r="DV29" s="318">
        <v>0</v>
      </c>
      <c r="DW29" s="319">
        <v>0</v>
      </c>
      <c r="DX29" s="319">
        <v>47699</v>
      </c>
      <c r="DY29" s="319">
        <v>0</v>
      </c>
      <c r="DZ29" s="319">
        <v>0</v>
      </c>
      <c r="EA29" s="319">
        <v>42930</v>
      </c>
      <c r="EB29" s="320">
        <v>90629</v>
      </c>
      <c r="EC29" s="322">
        <v>90629</v>
      </c>
      <c r="ED29" s="318">
        <v>0</v>
      </c>
      <c r="EE29" s="323">
        <v>0</v>
      </c>
      <c r="EF29" s="320">
        <v>0</v>
      </c>
      <c r="EG29" s="318">
        <v>0</v>
      </c>
      <c r="EH29" s="319">
        <v>0</v>
      </c>
      <c r="EI29" s="319">
        <v>0</v>
      </c>
      <c r="EJ29" s="319">
        <v>0</v>
      </c>
      <c r="EK29" s="319">
        <v>0</v>
      </c>
      <c r="EL29" s="319">
        <v>0</v>
      </c>
      <c r="EM29" s="323">
        <v>0</v>
      </c>
      <c r="EN29" s="322">
        <v>0</v>
      </c>
      <c r="EO29" s="318">
        <v>0</v>
      </c>
      <c r="EP29" s="319">
        <v>0</v>
      </c>
      <c r="EQ29" s="323">
        <v>0</v>
      </c>
      <c r="ER29" s="324">
        <v>0</v>
      </c>
      <c r="ES29" s="319">
        <v>0</v>
      </c>
      <c r="ET29" s="319">
        <v>0</v>
      </c>
      <c r="EU29" s="319">
        <v>0</v>
      </c>
      <c r="EV29" s="319">
        <v>0</v>
      </c>
      <c r="EW29" s="319">
        <v>0</v>
      </c>
      <c r="EX29" s="320">
        <v>0</v>
      </c>
      <c r="EY29" s="322">
        <v>0</v>
      </c>
      <c r="EZ29" s="318">
        <v>0</v>
      </c>
      <c r="FA29" s="319">
        <v>0</v>
      </c>
      <c r="FB29" s="323">
        <v>0</v>
      </c>
      <c r="FC29" s="325"/>
      <c r="FD29" s="319">
        <v>0</v>
      </c>
      <c r="FE29" s="319">
        <v>0</v>
      </c>
      <c r="FF29" s="319">
        <v>0</v>
      </c>
      <c r="FG29" s="319">
        <v>0</v>
      </c>
      <c r="FH29" s="319">
        <v>0</v>
      </c>
      <c r="FI29" s="320">
        <v>0</v>
      </c>
      <c r="FJ29" s="322">
        <v>0</v>
      </c>
      <c r="FK29" s="318">
        <v>11130</v>
      </c>
      <c r="FL29" s="319">
        <v>27230</v>
      </c>
      <c r="FM29" s="320">
        <v>38360</v>
      </c>
      <c r="FN29" s="318">
        <v>0</v>
      </c>
      <c r="FO29" s="319">
        <v>170170</v>
      </c>
      <c r="FP29" s="319">
        <v>154315</v>
      </c>
      <c r="FQ29" s="319">
        <v>81788</v>
      </c>
      <c r="FR29" s="319">
        <v>171724</v>
      </c>
      <c r="FS29" s="319">
        <v>143850</v>
      </c>
      <c r="FT29" s="320">
        <v>721847</v>
      </c>
      <c r="FU29" s="322">
        <v>760207</v>
      </c>
      <c r="FV29" s="326">
        <v>11130</v>
      </c>
      <c r="FW29" s="319">
        <v>27230</v>
      </c>
      <c r="FX29" s="323">
        <v>38360</v>
      </c>
      <c r="FY29" s="324">
        <v>0</v>
      </c>
      <c r="FZ29" s="319">
        <v>98210</v>
      </c>
      <c r="GA29" s="319">
        <v>154315</v>
      </c>
      <c r="GB29" s="319">
        <v>36358</v>
      </c>
      <c r="GC29" s="319">
        <v>171724</v>
      </c>
      <c r="GD29" s="319">
        <v>143850</v>
      </c>
      <c r="GE29" s="320">
        <v>604457</v>
      </c>
      <c r="GF29" s="327">
        <v>642817</v>
      </c>
      <c r="GG29" s="326">
        <v>0</v>
      </c>
      <c r="GH29" s="319">
        <v>0</v>
      </c>
      <c r="GI29" s="323">
        <v>0</v>
      </c>
      <c r="GJ29" s="324">
        <v>0</v>
      </c>
      <c r="GK29" s="319">
        <v>10360</v>
      </c>
      <c r="GL29" s="319">
        <v>0</v>
      </c>
      <c r="GM29" s="319">
        <v>22330</v>
      </c>
      <c r="GN29" s="319">
        <v>0</v>
      </c>
      <c r="GO29" s="319">
        <v>0</v>
      </c>
      <c r="GP29" s="320">
        <v>32690</v>
      </c>
      <c r="GQ29" s="322">
        <v>32690</v>
      </c>
      <c r="GR29" s="318">
        <v>0</v>
      </c>
      <c r="GS29" s="319">
        <v>0</v>
      </c>
      <c r="GT29" s="320">
        <v>0</v>
      </c>
      <c r="GU29" s="318">
        <v>0</v>
      </c>
      <c r="GV29" s="319">
        <v>61600</v>
      </c>
      <c r="GW29" s="319">
        <v>0</v>
      </c>
      <c r="GX29" s="319">
        <v>23100</v>
      </c>
      <c r="GY29" s="319">
        <v>0</v>
      </c>
      <c r="GZ29" s="319">
        <v>0</v>
      </c>
      <c r="HA29" s="323">
        <v>84700</v>
      </c>
      <c r="HB29" s="322">
        <v>84700</v>
      </c>
      <c r="HC29" s="318">
        <v>187486</v>
      </c>
      <c r="HD29" s="319">
        <v>58683</v>
      </c>
      <c r="HE29" s="323">
        <v>246169</v>
      </c>
      <c r="HF29" s="324">
        <v>0</v>
      </c>
      <c r="HG29" s="319">
        <v>684074</v>
      </c>
      <c r="HH29" s="319">
        <v>878459</v>
      </c>
      <c r="HI29" s="319">
        <v>166576</v>
      </c>
      <c r="HJ29" s="319">
        <v>1294407</v>
      </c>
      <c r="HK29" s="319">
        <v>403023</v>
      </c>
      <c r="HL29" s="320">
        <v>3426539</v>
      </c>
      <c r="HM29" s="321">
        <v>3672708</v>
      </c>
      <c r="HN29" s="411"/>
      <c r="HO29" s="411"/>
      <c r="HP29" s="411"/>
      <c r="HQ29" s="411"/>
      <c r="HR29" s="411"/>
      <c r="HS29" s="411"/>
      <c r="HT29" s="411"/>
      <c r="HU29" s="411"/>
      <c r="HV29" s="411"/>
      <c r="HW29" s="411"/>
      <c r="HX29" s="424"/>
      <c r="HY29" s="330">
        <v>35829</v>
      </c>
      <c r="HZ29" s="329">
        <v>61296</v>
      </c>
      <c r="IA29" s="330">
        <v>97125</v>
      </c>
      <c r="IB29" s="353">
        <v>0</v>
      </c>
      <c r="IC29" s="329">
        <v>412875</v>
      </c>
      <c r="ID29" s="354">
        <v>322374</v>
      </c>
      <c r="IE29" s="330">
        <v>317673</v>
      </c>
      <c r="IF29" s="329">
        <v>203966</v>
      </c>
      <c r="IG29" s="330">
        <v>462784</v>
      </c>
      <c r="IH29" s="355">
        <v>1719672</v>
      </c>
      <c r="II29" s="336">
        <v>1816797</v>
      </c>
      <c r="IJ29" s="337">
        <v>0</v>
      </c>
      <c r="IK29" s="338">
        <v>0</v>
      </c>
      <c r="IL29" s="339">
        <v>0</v>
      </c>
      <c r="IM29" s="411"/>
      <c r="IN29" s="341">
        <v>0</v>
      </c>
      <c r="IO29" s="341">
        <v>0</v>
      </c>
      <c r="IP29" s="341">
        <v>0</v>
      </c>
      <c r="IQ29" s="341">
        <v>0</v>
      </c>
      <c r="IR29" s="341">
        <v>0</v>
      </c>
      <c r="IS29" s="342">
        <v>0</v>
      </c>
      <c r="IT29" s="343">
        <v>0</v>
      </c>
      <c r="IU29" s="344">
        <v>0</v>
      </c>
      <c r="IV29" s="341">
        <v>0</v>
      </c>
      <c r="IW29" s="345">
        <v>0</v>
      </c>
      <c r="IX29" s="411"/>
      <c r="IY29" s="341">
        <v>0</v>
      </c>
      <c r="IZ29" s="341">
        <v>0</v>
      </c>
      <c r="JA29" s="341">
        <v>0</v>
      </c>
      <c r="JB29" s="341">
        <v>0</v>
      </c>
      <c r="JC29" s="341">
        <v>0</v>
      </c>
      <c r="JD29" s="345">
        <v>0</v>
      </c>
      <c r="JE29" s="347">
        <v>0</v>
      </c>
      <c r="JF29" s="344">
        <v>0</v>
      </c>
      <c r="JG29" s="341">
        <v>0</v>
      </c>
      <c r="JH29" s="342">
        <v>0</v>
      </c>
      <c r="JI29" s="348">
        <v>0</v>
      </c>
      <c r="JJ29" s="341">
        <v>58467</v>
      </c>
      <c r="JK29" s="341">
        <v>130494</v>
      </c>
      <c r="JL29" s="341">
        <v>114678</v>
      </c>
      <c r="JM29" s="341">
        <v>0</v>
      </c>
      <c r="JN29" s="341">
        <v>0</v>
      </c>
      <c r="JO29" s="345">
        <v>303639</v>
      </c>
      <c r="JP29" s="343">
        <v>303639</v>
      </c>
      <c r="JQ29" s="344">
        <v>0</v>
      </c>
      <c r="JR29" s="341">
        <v>0</v>
      </c>
      <c r="JS29" s="342">
        <v>0</v>
      </c>
      <c r="JT29" s="348">
        <v>0</v>
      </c>
      <c r="JU29" s="341">
        <v>0</v>
      </c>
      <c r="JV29" s="341">
        <v>63386</v>
      </c>
      <c r="JW29" s="341">
        <v>0</v>
      </c>
      <c r="JX29" s="341">
        <v>0</v>
      </c>
      <c r="JY29" s="341">
        <v>253923</v>
      </c>
      <c r="JZ29" s="345">
        <v>317309</v>
      </c>
      <c r="KA29" s="343">
        <v>317309</v>
      </c>
      <c r="KB29" s="349">
        <v>35829</v>
      </c>
      <c r="KC29" s="350">
        <v>61296</v>
      </c>
      <c r="KD29" s="345">
        <v>97125</v>
      </c>
      <c r="KE29" s="348">
        <v>0</v>
      </c>
      <c r="KF29" s="341">
        <v>354408</v>
      </c>
      <c r="KG29" s="341">
        <v>128494</v>
      </c>
      <c r="KH29" s="341">
        <v>0</v>
      </c>
      <c r="KI29" s="341">
        <v>0</v>
      </c>
      <c r="KJ29" s="341">
        <v>0</v>
      </c>
      <c r="KK29" s="345">
        <v>482902</v>
      </c>
      <c r="KL29" s="351">
        <v>580027</v>
      </c>
      <c r="KM29" s="337">
        <v>0</v>
      </c>
      <c r="KN29" s="338">
        <v>0</v>
      </c>
      <c r="KO29" s="339">
        <v>0</v>
      </c>
      <c r="KP29" s="340"/>
      <c r="KQ29" s="341">
        <v>0</v>
      </c>
      <c r="KR29" s="341">
        <v>0</v>
      </c>
      <c r="KS29" s="341">
        <v>202995</v>
      </c>
      <c r="KT29" s="341">
        <v>203966</v>
      </c>
      <c r="KU29" s="341">
        <v>208861</v>
      </c>
      <c r="KV29" s="345">
        <v>615822</v>
      </c>
      <c r="KW29" s="343">
        <v>615822</v>
      </c>
      <c r="KX29" s="344">
        <v>0</v>
      </c>
      <c r="KY29" s="341">
        <v>0</v>
      </c>
      <c r="KZ29" s="345">
        <v>0</v>
      </c>
      <c r="LA29" s="352"/>
      <c r="LB29" s="341">
        <v>0</v>
      </c>
      <c r="LC29" s="341">
        <v>0</v>
      </c>
      <c r="LD29" s="341">
        <v>0</v>
      </c>
      <c r="LE29" s="341">
        <v>0</v>
      </c>
      <c r="LF29" s="341">
        <v>0</v>
      </c>
      <c r="LG29" s="345">
        <v>0</v>
      </c>
      <c r="LH29" s="347">
        <v>0</v>
      </c>
      <c r="LI29" s="344">
        <v>0</v>
      </c>
      <c r="LJ29" s="341">
        <v>0</v>
      </c>
      <c r="LK29" s="345">
        <v>0</v>
      </c>
      <c r="LL29" s="352"/>
      <c r="LM29" s="341">
        <v>0</v>
      </c>
      <c r="LN29" s="341">
        <v>0</v>
      </c>
      <c r="LO29" s="341">
        <v>0</v>
      </c>
      <c r="LP29" s="341">
        <v>0</v>
      </c>
      <c r="LQ29" s="341">
        <v>0</v>
      </c>
      <c r="LR29" s="345">
        <v>0</v>
      </c>
      <c r="LS29" s="343">
        <v>0</v>
      </c>
      <c r="LT29" s="344">
        <v>0</v>
      </c>
      <c r="LU29" s="341">
        <v>0</v>
      </c>
      <c r="LV29" s="345">
        <v>0</v>
      </c>
      <c r="LW29" s="352"/>
      <c r="LX29" s="341">
        <v>0</v>
      </c>
      <c r="LY29" s="341">
        <v>0</v>
      </c>
      <c r="LZ29" s="341">
        <v>0</v>
      </c>
      <c r="MA29" s="341">
        <v>0</v>
      </c>
      <c r="MB29" s="341">
        <v>0</v>
      </c>
      <c r="MC29" s="345">
        <v>0</v>
      </c>
      <c r="MD29" s="347">
        <v>0</v>
      </c>
      <c r="ME29" s="344">
        <v>0</v>
      </c>
      <c r="MF29" s="341">
        <v>0</v>
      </c>
      <c r="MG29" s="345">
        <v>0</v>
      </c>
      <c r="MH29" s="352"/>
      <c r="MI29" s="341">
        <v>190659</v>
      </c>
      <c r="MJ29" s="341">
        <v>0</v>
      </c>
      <c r="MK29" s="341">
        <v>0</v>
      </c>
      <c r="ML29" s="341">
        <v>955089</v>
      </c>
      <c r="MM29" s="341">
        <v>0</v>
      </c>
      <c r="MN29" s="345">
        <v>1145748</v>
      </c>
      <c r="MO29" s="351">
        <v>1145748</v>
      </c>
      <c r="MP29" s="344">
        <v>0</v>
      </c>
      <c r="MQ29" s="341">
        <v>0</v>
      </c>
      <c r="MR29" s="345">
        <v>0</v>
      </c>
      <c r="MS29" s="352"/>
      <c r="MT29" s="341">
        <v>0</v>
      </c>
      <c r="MU29" s="341">
        <v>0</v>
      </c>
      <c r="MV29" s="341">
        <v>0</v>
      </c>
      <c r="MW29" s="341">
        <v>453453</v>
      </c>
      <c r="MX29" s="341">
        <v>0</v>
      </c>
      <c r="MY29" s="345">
        <v>453453</v>
      </c>
      <c r="MZ29" s="351">
        <v>453453</v>
      </c>
      <c r="NA29" s="344">
        <v>0</v>
      </c>
      <c r="NB29" s="341">
        <v>0</v>
      </c>
      <c r="NC29" s="345">
        <v>0</v>
      </c>
      <c r="ND29" s="352"/>
      <c r="NE29" s="341">
        <v>190659</v>
      </c>
      <c r="NF29" s="341">
        <v>0</v>
      </c>
      <c r="NG29" s="341">
        <v>0</v>
      </c>
      <c r="NH29" s="341">
        <v>501636</v>
      </c>
      <c r="NI29" s="341">
        <v>0</v>
      </c>
      <c r="NJ29" s="345">
        <v>692295</v>
      </c>
      <c r="NK29" s="343">
        <v>692295</v>
      </c>
      <c r="NL29" s="344">
        <v>0</v>
      </c>
      <c r="NM29" s="341">
        <v>0</v>
      </c>
      <c r="NN29" s="345">
        <v>0</v>
      </c>
      <c r="NO29" s="352"/>
      <c r="NP29" s="341">
        <v>0</v>
      </c>
      <c r="NQ29" s="341">
        <v>0</v>
      </c>
      <c r="NR29" s="341">
        <v>0</v>
      </c>
      <c r="NS29" s="341">
        <v>0</v>
      </c>
      <c r="NT29" s="341">
        <v>0</v>
      </c>
      <c r="NU29" s="345">
        <v>0</v>
      </c>
      <c r="NV29" s="347">
        <v>0</v>
      </c>
      <c r="NW29" s="344">
        <v>0</v>
      </c>
      <c r="NX29" s="341">
        <v>0</v>
      </c>
      <c r="NY29" s="345">
        <v>0</v>
      </c>
      <c r="NZ29" s="352"/>
      <c r="OA29" s="341">
        <v>0</v>
      </c>
      <c r="OB29" s="341">
        <v>0</v>
      </c>
      <c r="OC29" s="341">
        <v>0</v>
      </c>
      <c r="OD29" s="341">
        <v>0</v>
      </c>
      <c r="OE29" s="341">
        <v>0</v>
      </c>
      <c r="OF29" s="345">
        <v>0</v>
      </c>
      <c r="OG29" s="347">
        <v>0</v>
      </c>
      <c r="OH29" s="344">
        <v>304182</v>
      </c>
      <c r="OI29" s="341">
        <v>214825</v>
      </c>
      <c r="OJ29" s="342">
        <v>519007</v>
      </c>
      <c r="OK29" s="348">
        <v>0</v>
      </c>
      <c r="OL29" s="341">
        <v>2541197</v>
      </c>
      <c r="OM29" s="341">
        <v>2400486</v>
      </c>
      <c r="ON29" s="341">
        <v>768585</v>
      </c>
      <c r="OO29" s="341">
        <v>4023762</v>
      </c>
      <c r="OP29" s="341">
        <v>2103174</v>
      </c>
      <c r="OQ29" s="345">
        <v>11837204</v>
      </c>
      <c r="OR29" s="351">
        <v>12356211</v>
      </c>
    </row>
    <row r="30" spans="1:408" ht="20.25" customHeight="1" x14ac:dyDescent="0.2">
      <c r="A30" s="111" t="s">
        <v>25</v>
      </c>
      <c r="B30" s="318">
        <v>31192</v>
      </c>
      <c r="C30" s="319">
        <v>152370</v>
      </c>
      <c r="D30" s="320">
        <v>183562</v>
      </c>
      <c r="E30" s="321">
        <v>0</v>
      </c>
      <c r="F30" s="319">
        <v>963859</v>
      </c>
      <c r="G30" s="319">
        <v>1070181</v>
      </c>
      <c r="H30" s="319">
        <v>677387</v>
      </c>
      <c r="I30" s="319">
        <v>963372</v>
      </c>
      <c r="J30" s="319">
        <v>717710</v>
      </c>
      <c r="K30" s="358">
        <v>4392509</v>
      </c>
      <c r="L30" s="322">
        <v>4576071</v>
      </c>
      <c r="M30" s="318">
        <v>17654</v>
      </c>
      <c r="N30" s="319">
        <v>24220</v>
      </c>
      <c r="O30" s="320">
        <v>41874</v>
      </c>
      <c r="P30" s="318">
        <v>0</v>
      </c>
      <c r="Q30" s="319">
        <v>201442</v>
      </c>
      <c r="R30" s="319">
        <v>171619</v>
      </c>
      <c r="S30" s="319">
        <v>113410</v>
      </c>
      <c r="T30" s="319">
        <v>78045</v>
      </c>
      <c r="U30" s="319">
        <v>378185</v>
      </c>
      <c r="V30" s="320">
        <v>942701</v>
      </c>
      <c r="W30" s="322">
        <v>984575</v>
      </c>
      <c r="X30" s="318">
        <v>0</v>
      </c>
      <c r="Y30" s="319">
        <v>0</v>
      </c>
      <c r="Z30" s="320">
        <v>0</v>
      </c>
      <c r="AA30" s="318">
        <v>0</v>
      </c>
      <c r="AB30" s="319">
        <v>71116</v>
      </c>
      <c r="AC30" s="319">
        <v>25974</v>
      </c>
      <c r="AD30" s="319">
        <v>73250</v>
      </c>
      <c r="AE30" s="319">
        <v>18331</v>
      </c>
      <c r="AF30" s="319">
        <v>34895</v>
      </c>
      <c r="AG30" s="320">
        <v>223566</v>
      </c>
      <c r="AH30" s="322">
        <v>223566</v>
      </c>
      <c r="AI30" s="318">
        <v>0</v>
      </c>
      <c r="AJ30" s="319">
        <v>0</v>
      </c>
      <c r="AK30" s="320">
        <v>0</v>
      </c>
      <c r="AL30" s="318">
        <v>0</v>
      </c>
      <c r="AM30" s="319">
        <v>0</v>
      </c>
      <c r="AN30" s="319">
        <v>22148</v>
      </c>
      <c r="AO30" s="319">
        <v>0</v>
      </c>
      <c r="AP30" s="319">
        <v>0</v>
      </c>
      <c r="AQ30" s="319">
        <v>182194</v>
      </c>
      <c r="AR30" s="320">
        <v>204342</v>
      </c>
      <c r="AS30" s="322">
        <v>204342</v>
      </c>
      <c r="AT30" s="318">
        <v>13482</v>
      </c>
      <c r="AU30" s="319">
        <v>24220</v>
      </c>
      <c r="AV30" s="320">
        <v>37702</v>
      </c>
      <c r="AW30" s="318">
        <v>0</v>
      </c>
      <c r="AX30" s="319">
        <v>85820</v>
      </c>
      <c r="AY30" s="319">
        <v>74189</v>
      </c>
      <c r="AZ30" s="319">
        <v>38347</v>
      </c>
      <c r="BA30" s="319">
        <v>24063</v>
      </c>
      <c r="BB30" s="319">
        <v>153298</v>
      </c>
      <c r="BC30" s="320">
        <v>375717</v>
      </c>
      <c r="BD30" s="322">
        <v>413419</v>
      </c>
      <c r="BE30" s="318">
        <v>0</v>
      </c>
      <c r="BF30" s="319">
        <v>0</v>
      </c>
      <c r="BG30" s="323">
        <v>0</v>
      </c>
      <c r="BH30" s="324">
        <v>0</v>
      </c>
      <c r="BI30" s="319">
        <v>0</v>
      </c>
      <c r="BJ30" s="319">
        <v>0</v>
      </c>
      <c r="BK30" s="319">
        <v>0</v>
      </c>
      <c r="BL30" s="319">
        <v>14245</v>
      </c>
      <c r="BM30" s="319">
        <v>0</v>
      </c>
      <c r="BN30" s="320">
        <v>14245</v>
      </c>
      <c r="BO30" s="322">
        <v>14245</v>
      </c>
      <c r="BP30" s="318">
        <v>4172</v>
      </c>
      <c r="BQ30" s="319">
        <v>0</v>
      </c>
      <c r="BR30" s="320">
        <v>4172</v>
      </c>
      <c r="BS30" s="318">
        <v>0</v>
      </c>
      <c r="BT30" s="319">
        <v>44506</v>
      </c>
      <c r="BU30" s="319">
        <v>49308</v>
      </c>
      <c r="BV30" s="319">
        <v>1813</v>
      </c>
      <c r="BW30" s="319">
        <v>21406</v>
      </c>
      <c r="BX30" s="319">
        <v>7798</v>
      </c>
      <c r="BY30" s="320">
        <v>124831</v>
      </c>
      <c r="BZ30" s="322">
        <v>129003</v>
      </c>
      <c r="CA30" s="318">
        <v>0</v>
      </c>
      <c r="CB30" s="319">
        <v>64156</v>
      </c>
      <c r="CC30" s="320">
        <v>64156</v>
      </c>
      <c r="CD30" s="318">
        <v>0</v>
      </c>
      <c r="CE30" s="319">
        <v>479916</v>
      </c>
      <c r="CF30" s="319">
        <v>470893</v>
      </c>
      <c r="CG30" s="319">
        <v>490321</v>
      </c>
      <c r="CH30" s="319">
        <v>410952</v>
      </c>
      <c r="CI30" s="319">
        <v>0</v>
      </c>
      <c r="CJ30" s="320">
        <v>1852082</v>
      </c>
      <c r="CK30" s="322">
        <v>1916238</v>
      </c>
      <c r="CL30" s="318">
        <v>0</v>
      </c>
      <c r="CM30" s="319">
        <v>0</v>
      </c>
      <c r="CN30" s="320">
        <v>0</v>
      </c>
      <c r="CO30" s="324">
        <v>0</v>
      </c>
      <c r="CP30" s="319">
        <v>479916</v>
      </c>
      <c r="CQ30" s="319">
        <v>135027</v>
      </c>
      <c r="CR30" s="319">
        <v>252870</v>
      </c>
      <c r="CS30" s="319">
        <v>288297</v>
      </c>
      <c r="CT30" s="319">
        <v>0</v>
      </c>
      <c r="CU30" s="320">
        <v>1156110</v>
      </c>
      <c r="CV30" s="322">
        <v>1156110</v>
      </c>
      <c r="CW30" s="318">
        <v>0</v>
      </c>
      <c r="CX30" s="319">
        <v>64156</v>
      </c>
      <c r="CY30" s="320">
        <v>64156</v>
      </c>
      <c r="CZ30" s="318">
        <v>0</v>
      </c>
      <c r="DA30" s="319">
        <v>0</v>
      </c>
      <c r="DB30" s="319">
        <v>335866</v>
      </c>
      <c r="DC30" s="319">
        <v>237451</v>
      </c>
      <c r="DD30" s="319">
        <v>122655</v>
      </c>
      <c r="DE30" s="319">
        <v>0</v>
      </c>
      <c r="DF30" s="320">
        <v>695972</v>
      </c>
      <c r="DG30" s="322">
        <v>760128</v>
      </c>
      <c r="DH30" s="318">
        <v>0</v>
      </c>
      <c r="DI30" s="319">
        <v>0</v>
      </c>
      <c r="DJ30" s="323">
        <v>0</v>
      </c>
      <c r="DK30" s="324">
        <v>0</v>
      </c>
      <c r="DL30" s="319">
        <v>169409</v>
      </c>
      <c r="DM30" s="319">
        <v>55273</v>
      </c>
      <c r="DN30" s="319">
        <v>15353</v>
      </c>
      <c r="DO30" s="319">
        <v>30676</v>
      </c>
      <c r="DP30" s="319">
        <v>0</v>
      </c>
      <c r="DQ30" s="320">
        <v>270711</v>
      </c>
      <c r="DR30" s="322">
        <v>270711</v>
      </c>
      <c r="DS30" s="318">
        <v>0</v>
      </c>
      <c r="DT30" s="319">
        <v>0</v>
      </c>
      <c r="DU30" s="320">
        <v>0</v>
      </c>
      <c r="DV30" s="318">
        <v>0</v>
      </c>
      <c r="DW30" s="319">
        <v>169409</v>
      </c>
      <c r="DX30" s="319">
        <v>55273</v>
      </c>
      <c r="DY30" s="319">
        <v>15353</v>
      </c>
      <c r="DZ30" s="319">
        <v>30676</v>
      </c>
      <c r="EA30" s="319">
        <v>0</v>
      </c>
      <c r="EB30" s="320">
        <v>270711</v>
      </c>
      <c r="EC30" s="322">
        <v>270711</v>
      </c>
      <c r="ED30" s="318">
        <v>0</v>
      </c>
      <c r="EE30" s="323">
        <v>0</v>
      </c>
      <c r="EF30" s="320">
        <v>0</v>
      </c>
      <c r="EG30" s="318">
        <v>0</v>
      </c>
      <c r="EH30" s="319">
        <v>0</v>
      </c>
      <c r="EI30" s="319">
        <v>0</v>
      </c>
      <c r="EJ30" s="319">
        <v>0</v>
      </c>
      <c r="EK30" s="319">
        <v>0</v>
      </c>
      <c r="EL30" s="319">
        <v>0</v>
      </c>
      <c r="EM30" s="323">
        <v>0</v>
      </c>
      <c r="EN30" s="322">
        <v>0</v>
      </c>
      <c r="EO30" s="318">
        <v>0</v>
      </c>
      <c r="EP30" s="319">
        <v>0</v>
      </c>
      <c r="EQ30" s="323">
        <v>0</v>
      </c>
      <c r="ER30" s="324">
        <v>0</v>
      </c>
      <c r="ES30" s="319">
        <v>0</v>
      </c>
      <c r="ET30" s="319">
        <v>0</v>
      </c>
      <c r="EU30" s="319">
        <v>0</v>
      </c>
      <c r="EV30" s="319">
        <v>0</v>
      </c>
      <c r="EW30" s="319">
        <v>0</v>
      </c>
      <c r="EX30" s="320">
        <v>0</v>
      </c>
      <c r="EY30" s="322">
        <v>0</v>
      </c>
      <c r="EZ30" s="318">
        <v>0</v>
      </c>
      <c r="FA30" s="319">
        <v>0</v>
      </c>
      <c r="FB30" s="323">
        <v>0</v>
      </c>
      <c r="FC30" s="325"/>
      <c r="FD30" s="319">
        <v>0</v>
      </c>
      <c r="FE30" s="319">
        <v>0</v>
      </c>
      <c r="FF30" s="319">
        <v>0</v>
      </c>
      <c r="FG30" s="319">
        <v>0</v>
      </c>
      <c r="FH30" s="319">
        <v>0</v>
      </c>
      <c r="FI30" s="320">
        <v>0</v>
      </c>
      <c r="FJ30" s="322">
        <v>0</v>
      </c>
      <c r="FK30" s="318">
        <v>13538</v>
      </c>
      <c r="FL30" s="319">
        <v>63994</v>
      </c>
      <c r="FM30" s="320">
        <v>77532</v>
      </c>
      <c r="FN30" s="318">
        <v>0</v>
      </c>
      <c r="FO30" s="319">
        <v>113092</v>
      </c>
      <c r="FP30" s="319">
        <v>73808</v>
      </c>
      <c r="FQ30" s="319">
        <v>58303</v>
      </c>
      <c r="FR30" s="319">
        <v>83664</v>
      </c>
      <c r="FS30" s="319">
        <v>143696</v>
      </c>
      <c r="FT30" s="320">
        <v>472563</v>
      </c>
      <c r="FU30" s="322">
        <v>550095</v>
      </c>
      <c r="FV30" s="326">
        <v>13538</v>
      </c>
      <c r="FW30" s="319">
        <v>17304</v>
      </c>
      <c r="FX30" s="323">
        <v>30842</v>
      </c>
      <c r="FY30" s="324">
        <v>0</v>
      </c>
      <c r="FZ30" s="319">
        <v>43792</v>
      </c>
      <c r="GA30" s="319">
        <v>73808</v>
      </c>
      <c r="GB30" s="319">
        <v>58303</v>
      </c>
      <c r="GC30" s="319">
        <v>69664</v>
      </c>
      <c r="GD30" s="319">
        <v>143696</v>
      </c>
      <c r="GE30" s="320">
        <v>389263</v>
      </c>
      <c r="GF30" s="327">
        <v>420105</v>
      </c>
      <c r="GG30" s="326">
        <v>0</v>
      </c>
      <c r="GH30" s="319">
        <v>17290</v>
      </c>
      <c r="GI30" s="323">
        <v>17290</v>
      </c>
      <c r="GJ30" s="324">
        <v>0</v>
      </c>
      <c r="GK30" s="319">
        <v>69300</v>
      </c>
      <c r="GL30" s="319">
        <v>0</v>
      </c>
      <c r="GM30" s="319">
        <v>0</v>
      </c>
      <c r="GN30" s="319">
        <v>14000</v>
      </c>
      <c r="GO30" s="319">
        <v>0</v>
      </c>
      <c r="GP30" s="320">
        <v>83300</v>
      </c>
      <c r="GQ30" s="322">
        <v>100590</v>
      </c>
      <c r="GR30" s="318">
        <v>0</v>
      </c>
      <c r="GS30" s="319">
        <v>29400</v>
      </c>
      <c r="GT30" s="320">
        <v>29400</v>
      </c>
      <c r="GU30" s="318">
        <v>0</v>
      </c>
      <c r="GV30" s="319">
        <v>0</v>
      </c>
      <c r="GW30" s="319">
        <v>0</v>
      </c>
      <c r="GX30" s="319">
        <v>0</v>
      </c>
      <c r="GY30" s="319">
        <v>0</v>
      </c>
      <c r="GZ30" s="319">
        <v>0</v>
      </c>
      <c r="HA30" s="323">
        <v>0</v>
      </c>
      <c r="HB30" s="322">
        <v>29400</v>
      </c>
      <c r="HC30" s="318">
        <v>0</v>
      </c>
      <c r="HD30" s="319">
        <v>0</v>
      </c>
      <c r="HE30" s="323">
        <v>0</v>
      </c>
      <c r="HF30" s="324">
        <v>0</v>
      </c>
      <c r="HG30" s="319">
        <v>0</v>
      </c>
      <c r="HH30" s="319">
        <v>298588</v>
      </c>
      <c r="HI30" s="319">
        <v>0</v>
      </c>
      <c r="HJ30" s="319">
        <v>360035</v>
      </c>
      <c r="HK30" s="319">
        <v>195829</v>
      </c>
      <c r="HL30" s="320">
        <v>854452</v>
      </c>
      <c r="HM30" s="321">
        <v>854452</v>
      </c>
      <c r="HN30" s="411"/>
      <c r="HO30" s="411"/>
      <c r="HP30" s="411"/>
      <c r="HQ30" s="411"/>
      <c r="HR30" s="411"/>
      <c r="HS30" s="411"/>
      <c r="HT30" s="411"/>
      <c r="HU30" s="411"/>
      <c r="HV30" s="411"/>
      <c r="HW30" s="411"/>
      <c r="HX30" s="424"/>
      <c r="HY30" s="357">
        <v>0</v>
      </c>
      <c r="HZ30" s="332">
        <v>0</v>
      </c>
      <c r="IA30" s="357">
        <v>0</v>
      </c>
      <c r="IB30" s="331">
        <v>0</v>
      </c>
      <c r="IC30" s="332">
        <v>477863</v>
      </c>
      <c r="ID30" s="333">
        <v>406946</v>
      </c>
      <c r="IE30" s="334">
        <v>0</v>
      </c>
      <c r="IF30" s="332">
        <v>0</v>
      </c>
      <c r="IG30" s="334">
        <v>228823</v>
      </c>
      <c r="IH30" s="335">
        <v>1113632</v>
      </c>
      <c r="II30" s="357">
        <v>1113632</v>
      </c>
      <c r="IJ30" s="337">
        <v>0</v>
      </c>
      <c r="IK30" s="338">
        <v>0</v>
      </c>
      <c r="IL30" s="339">
        <v>0</v>
      </c>
      <c r="IM30" s="411"/>
      <c r="IN30" s="341">
        <v>0</v>
      </c>
      <c r="IO30" s="341">
        <v>0</v>
      </c>
      <c r="IP30" s="341">
        <v>0</v>
      </c>
      <c r="IQ30" s="341">
        <v>0</v>
      </c>
      <c r="IR30" s="341">
        <v>0</v>
      </c>
      <c r="IS30" s="342">
        <v>0</v>
      </c>
      <c r="IT30" s="343">
        <v>0</v>
      </c>
      <c r="IU30" s="344">
        <v>0</v>
      </c>
      <c r="IV30" s="341">
        <v>0</v>
      </c>
      <c r="IW30" s="345">
        <v>0</v>
      </c>
      <c r="IX30" s="411"/>
      <c r="IY30" s="341">
        <v>0</v>
      </c>
      <c r="IZ30" s="341">
        <v>0</v>
      </c>
      <c r="JA30" s="341">
        <v>0</v>
      </c>
      <c r="JB30" s="341">
        <v>0</v>
      </c>
      <c r="JC30" s="341">
        <v>0</v>
      </c>
      <c r="JD30" s="345">
        <v>0</v>
      </c>
      <c r="JE30" s="347">
        <v>0</v>
      </c>
      <c r="JF30" s="344">
        <v>0</v>
      </c>
      <c r="JG30" s="341">
        <v>0</v>
      </c>
      <c r="JH30" s="342">
        <v>0</v>
      </c>
      <c r="JI30" s="348">
        <v>0</v>
      </c>
      <c r="JJ30" s="341">
        <v>92159</v>
      </c>
      <c r="JK30" s="341">
        <v>0</v>
      </c>
      <c r="JL30" s="341">
        <v>0</v>
      </c>
      <c r="JM30" s="341">
        <v>0</v>
      </c>
      <c r="JN30" s="341">
        <v>0</v>
      </c>
      <c r="JO30" s="345">
        <v>92159</v>
      </c>
      <c r="JP30" s="343">
        <v>92159</v>
      </c>
      <c r="JQ30" s="344">
        <v>0</v>
      </c>
      <c r="JR30" s="341">
        <v>0</v>
      </c>
      <c r="JS30" s="342">
        <v>0</v>
      </c>
      <c r="JT30" s="348">
        <v>0</v>
      </c>
      <c r="JU30" s="341">
        <v>0</v>
      </c>
      <c r="JV30" s="341">
        <v>0</v>
      </c>
      <c r="JW30" s="341">
        <v>0</v>
      </c>
      <c r="JX30" s="341">
        <v>0</v>
      </c>
      <c r="JY30" s="341">
        <v>0</v>
      </c>
      <c r="JZ30" s="345">
        <v>0</v>
      </c>
      <c r="KA30" s="343">
        <v>0</v>
      </c>
      <c r="KB30" s="349">
        <v>0</v>
      </c>
      <c r="KC30" s="350">
        <v>0</v>
      </c>
      <c r="KD30" s="345">
        <v>0</v>
      </c>
      <c r="KE30" s="348">
        <v>0</v>
      </c>
      <c r="KF30" s="341">
        <v>0</v>
      </c>
      <c r="KG30" s="341">
        <v>0</v>
      </c>
      <c r="KH30" s="341">
        <v>0</v>
      </c>
      <c r="KI30" s="341">
        <v>0</v>
      </c>
      <c r="KJ30" s="341">
        <v>228823</v>
      </c>
      <c r="KK30" s="345">
        <v>228823</v>
      </c>
      <c r="KL30" s="351">
        <v>228823</v>
      </c>
      <c r="KM30" s="337">
        <v>0</v>
      </c>
      <c r="KN30" s="338">
        <v>0</v>
      </c>
      <c r="KO30" s="339">
        <v>0</v>
      </c>
      <c r="KP30" s="340"/>
      <c r="KQ30" s="341">
        <v>385704</v>
      </c>
      <c r="KR30" s="341">
        <v>406946</v>
      </c>
      <c r="KS30" s="341">
        <v>0</v>
      </c>
      <c r="KT30" s="341">
        <v>0</v>
      </c>
      <c r="KU30" s="341">
        <v>0</v>
      </c>
      <c r="KV30" s="345">
        <v>792650</v>
      </c>
      <c r="KW30" s="343">
        <v>792650</v>
      </c>
      <c r="KX30" s="344">
        <v>0</v>
      </c>
      <c r="KY30" s="341">
        <v>0</v>
      </c>
      <c r="KZ30" s="345">
        <v>0</v>
      </c>
      <c r="LA30" s="352"/>
      <c r="LB30" s="341">
        <v>0</v>
      </c>
      <c r="LC30" s="341">
        <v>0</v>
      </c>
      <c r="LD30" s="341">
        <v>0</v>
      </c>
      <c r="LE30" s="341">
        <v>0</v>
      </c>
      <c r="LF30" s="341">
        <v>0</v>
      </c>
      <c r="LG30" s="345">
        <v>0</v>
      </c>
      <c r="LH30" s="347">
        <v>0</v>
      </c>
      <c r="LI30" s="344">
        <v>0</v>
      </c>
      <c r="LJ30" s="341">
        <v>0</v>
      </c>
      <c r="LK30" s="345">
        <v>0</v>
      </c>
      <c r="LL30" s="352"/>
      <c r="LM30" s="341">
        <v>0</v>
      </c>
      <c r="LN30" s="341">
        <v>0</v>
      </c>
      <c r="LO30" s="341">
        <v>0</v>
      </c>
      <c r="LP30" s="341">
        <v>0</v>
      </c>
      <c r="LQ30" s="341">
        <v>0</v>
      </c>
      <c r="LR30" s="345">
        <v>0</v>
      </c>
      <c r="LS30" s="343">
        <v>0</v>
      </c>
      <c r="LT30" s="344">
        <v>0</v>
      </c>
      <c r="LU30" s="341">
        <v>0</v>
      </c>
      <c r="LV30" s="345">
        <v>0</v>
      </c>
      <c r="LW30" s="352"/>
      <c r="LX30" s="341">
        <v>0</v>
      </c>
      <c r="LY30" s="341">
        <v>0</v>
      </c>
      <c r="LZ30" s="341">
        <v>0</v>
      </c>
      <c r="MA30" s="341">
        <v>0</v>
      </c>
      <c r="MB30" s="341">
        <v>0</v>
      </c>
      <c r="MC30" s="345">
        <v>0</v>
      </c>
      <c r="MD30" s="347">
        <v>0</v>
      </c>
      <c r="ME30" s="344">
        <v>0</v>
      </c>
      <c r="MF30" s="341">
        <v>0</v>
      </c>
      <c r="MG30" s="345">
        <v>0</v>
      </c>
      <c r="MH30" s="352"/>
      <c r="MI30" s="341">
        <v>0</v>
      </c>
      <c r="MJ30" s="341">
        <v>0</v>
      </c>
      <c r="MK30" s="341">
        <v>0</v>
      </c>
      <c r="ML30" s="341">
        <v>454472</v>
      </c>
      <c r="MM30" s="341">
        <v>454940</v>
      </c>
      <c r="MN30" s="345">
        <v>909412</v>
      </c>
      <c r="MO30" s="351">
        <v>909412</v>
      </c>
      <c r="MP30" s="344">
        <v>0</v>
      </c>
      <c r="MQ30" s="341">
        <v>0</v>
      </c>
      <c r="MR30" s="345">
        <v>0</v>
      </c>
      <c r="MS30" s="352"/>
      <c r="MT30" s="341">
        <v>0</v>
      </c>
      <c r="MU30" s="341">
        <v>0</v>
      </c>
      <c r="MV30" s="341">
        <v>0</v>
      </c>
      <c r="MW30" s="341">
        <v>205338</v>
      </c>
      <c r="MX30" s="341">
        <v>454940</v>
      </c>
      <c r="MY30" s="345">
        <v>660278</v>
      </c>
      <c r="MZ30" s="351">
        <v>660278</v>
      </c>
      <c r="NA30" s="344">
        <v>0</v>
      </c>
      <c r="NB30" s="341">
        <v>0</v>
      </c>
      <c r="NC30" s="345">
        <v>0</v>
      </c>
      <c r="ND30" s="352"/>
      <c r="NE30" s="341">
        <v>0</v>
      </c>
      <c r="NF30" s="341">
        <v>0</v>
      </c>
      <c r="NG30" s="341">
        <v>0</v>
      </c>
      <c r="NH30" s="341">
        <v>249134</v>
      </c>
      <c r="NI30" s="341">
        <v>0</v>
      </c>
      <c r="NJ30" s="345">
        <v>249134</v>
      </c>
      <c r="NK30" s="343">
        <v>249134</v>
      </c>
      <c r="NL30" s="344">
        <v>0</v>
      </c>
      <c r="NM30" s="341">
        <v>0</v>
      </c>
      <c r="NN30" s="345">
        <v>0</v>
      </c>
      <c r="NO30" s="352"/>
      <c r="NP30" s="341">
        <v>0</v>
      </c>
      <c r="NQ30" s="341">
        <v>0</v>
      </c>
      <c r="NR30" s="341">
        <v>0</v>
      </c>
      <c r="NS30" s="341">
        <v>0</v>
      </c>
      <c r="NT30" s="341">
        <v>0</v>
      </c>
      <c r="NU30" s="345">
        <v>0</v>
      </c>
      <c r="NV30" s="347">
        <v>0</v>
      </c>
      <c r="NW30" s="344">
        <v>0</v>
      </c>
      <c r="NX30" s="341">
        <v>0</v>
      </c>
      <c r="NY30" s="345">
        <v>0</v>
      </c>
      <c r="NZ30" s="352"/>
      <c r="OA30" s="341">
        <v>0</v>
      </c>
      <c r="OB30" s="341">
        <v>0</v>
      </c>
      <c r="OC30" s="341">
        <v>0</v>
      </c>
      <c r="OD30" s="341">
        <v>0</v>
      </c>
      <c r="OE30" s="341">
        <v>0</v>
      </c>
      <c r="OF30" s="345">
        <v>0</v>
      </c>
      <c r="OG30" s="347">
        <v>0</v>
      </c>
      <c r="OH30" s="344">
        <v>31192</v>
      </c>
      <c r="OI30" s="341">
        <v>152370</v>
      </c>
      <c r="OJ30" s="342">
        <v>183562</v>
      </c>
      <c r="OK30" s="348">
        <v>0</v>
      </c>
      <c r="OL30" s="341">
        <v>1441722</v>
      </c>
      <c r="OM30" s="341">
        <v>1477127</v>
      </c>
      <c r="ON30" s="341">
        <v>677387</v>
      </c>
      <c r="OO30" s="341">
        <v>1417844</v>
      </c>
      <c r="OP30" s="341">
        <v>1401473</v>
      </c>
      <c r="OQ30" s="345">
        <v>6415553</v>
      </c>
      <c r="OR30" s="351">
        <v>6599115</v>
      </c>
    </row>
    <row r="31" spans="1:408" ht="20.25" customHeight="1" x14ac:dyDescent="0.2">
      <c r="A31" s="111" t="s">
        <v>26</v>
      </c>
      <c r="B31" s="318">
        <v>142510</v>
      </c>
      <c r="C31" s="319">
        <v>197481</v>
      </c>
      <c r="D31" s="320">
        <v>339991</v>
      </c>
      <c r="E31" s="321">
        <v>0</v>
      </c>
      <c r="F31" s="319">
        <v>822396</v>
      </c>
      <c r="G31" s="319">
        <v>1449713</v>
      </c>
      <c r="H31" s="319">
        <v>491716</v>
      </c>
      <c r="I31" s="319">
        <v>617228</v>
      </c>
      <c r="J31" s="319">
        <v>561426</v>
      </c>
      <c r="K31" s="358">
        <v>3942479</v>
      </c>
      <c r="L31" s="322">
        <v>4282470</v>
      </c>
      <c r="M31" s="318">
        <v>35630</v>
      </c>
      <c r="N31" s="319">
        <v>57125</v>
      </c>
      <c r="O31" s="320">
        <v>92755</v>
      </c>
      <c r="P31" s="318">
        <v>0</v>
      </c>
      <c r="Q31" s="319">
        <v>144172</v>
      </c>
      <c r="R31" s="319">
        <v>424559</v>
      </c>
      <c r="S31" s="319">
        <v>206955</v>
      </c>
      <c r="T31" s="319">
        <v>330291</v>
      </c>
      <c r="U31" s="319">
        <v>517466</v>
      </c>
      <c r="V31" s="320">
        <v>1623443</v>
      </c>
      <c r="W31" s="322">
        <v>1716198</v>
      </c>
      <c r="X31" s="318">
        <v>0</v>
      </c>
      <c r="Y31" s="319">
        <v>0</v>
      </c>
      <c r="Z31" s="320">
        <v>0</v>
      </c>
      <c r="AA31" s="318">
        <v>0</v>
      </c>
      <c r="AB31" s="319">
        <v>64993</v>
      </c>
      <c r="AC31" s="319">
        <v>282266</v>
      </c>
      <c r="AD31" s="319">
        <v>129786</v>
      </c>
      <c r="AE31" s="319">
        <v>210850</v>
      </c>
      <c r="AF31" s="319">
        <v>424703</v>
      </c>
      <c r="AG31" s="320">
        <v>1112598</v>
      </c>
      <c r="AH31" s="322">
        <v>1112598</v>
      </c>
      <c r="AI31" s="318">
        <v>0</v>
      </c>
      <c r="AJ31" s="319">
        <v>0</v>
      </c>
      <c r="AK31" s="320">
        <v>0</v>
      </c>
      <c r="AL31" s="318">
        <v>0</v>
      </c>
      <c r="AM31" s="319">
        <v>0</v>
      </c>
      <c r="AN31" s="319">
        <v>0</v>
      </c>
      <c r="AO31" s="319">
        <v>0</v>
      </c>
      <c r="AP31" s="319">
        <v>0</v>
      </c>
      <c r="AQ31" s="319">
        <v>0</v>
      </c>
      <c r="AR31" s="320">
        <v>0</v>
      </c>
      <c r="AS31" s="322">
        <v>0</v>
      </c>
      <c r="AT31" s="318">
        <v>0</v>
      </c>
      <c r="AU31" s="319">
        <v>57125</v>
      </c>
      <c r="AV31" s="320">
        <v>57125</v>
      </c>
      <c r="AW31" s="318">
        <v>0</v>
      </c>
      <c r="AX31" s="319">
        <v>63555</v>
      </c>
      <c r="AY31" s="319">
        <v>102974</v>
      </c>
      <c r="AZ31" s="319">
        <v>69385</v>
      </c>
      <c r="BA31" s="319">
        <v>57708</v>
      </c>
      <c r="BB31" s="319">
        <v>50287</v>
      </c>
      <c r="BC31" s="320">
        <v>343909</v>
      </c>
      <c r="BD31" s="322">
        <v>401034</v>
      </c>
      <c r="BE31" s="318">
        <v>0</v>
      </c>
      <c r="BF31" s="319">
        <v>0</v>
      </c>
      <c r="BG31" s="323">
        <v>0</v>
      </c>
      <c r="BH31" s="324">
        <v>0</v>
      </c>
      <c r="BI31" s="319">
        <v>0</v>
      </c>
      <c r="BJ31" s="319">
        <v>0</v>
      </c>
      <c r="BK31" s="319">
        <v>0</v>
      </c>
      <c r="BL31" s="319">
        <v>0</v>
      </c>
      <c r="BM31" s="319">
        <v>0</v>
      </c>
      <c r="BN31" s="320">
        <v>0</v>
      </c>
      <c r="BO31" s="322">
        <v>0</v>
      </c>
      <c r="BP31" s="318">
        <v>35630</v>
      </c>
      <c r="BQ31" s="319">
        <v>0</v>
      </c>
      <c r="BR31" s="320">
        <v>35630</v>
      </c>
      <c r="BS31" s="318">
        <v>0</v>
      </c>
      <c r="BT31" s="319">
        <v>15624</v>
      </c>
      <c r="BU31" s="319">
        <v>39319</v>
      </c>
      <c r="BV31" s="319">
        <v>7784</v>
      </c>
      <c r="BW31" s="319">
        <v>61733</v>
      </c>
      <c r="BX31" s="319">
        <v>42476</v>
      </c>
      <c r="BY31" s="320">
        <v>166936</v>
      </c>
      <c r="BZ31" s="322">
        <v>202566</v>
      </c>
      <c r="CA31" s="318">
        <v>0</v>
      </c>
      <c r="CB31" s="319">
        <v>31967</v>
      </c>
      <c r="CC31" s="320">
        <v>31967</v>
      </c>
      <c r="CD31" s="318">
        <v>0</v>
      </c>
      <c r="CE31" s="319">
        <v>432074</v>
      </c>
      <c r="CF31" s="319">
        <v>463709</v>
      </c>
      <c r="CG31" s="319">
        <v>69777</v>
      </c>
      <c r="CH31" s="319">
        <v>0</v>
      </c>
      <c r="CI31" s="319">
        <v>0</v>
      </c>
      <c r="CJ31" s="320">
        <v>965560</v>
      </c>
      <c r="CK31" s="322">
        <v>997527</v>
      </c>
      <c r="CL31" s="318">
        <v>0</v>
      </c>
      <c r="CM31" s="319">
        <v>0</v>
      </c>
      <c r="CN31" s="320">
        <v>0</v>
      </c>
      <c r="CO31" s="324">
        <v>0</v>
      </c>
      <c r="CP31" s="319">
        <v>350590</v>
      </c>
      <c r="CQ31" s="319">
        <v>285085</v>
      </c>
      <c r="CR31" s="319">
        <v>37188</v>
      </c>
      <c r="CS31" s="319">
        <v>0</v>
      </c>
      <c r="CT31" s="319">
        <v>0</v>
      </c>
      <c r="CU31" s="320">
        <v>672863</v>
      </c>
      <c r="CV31" s="322">
        <v>672863</v>
      </c>
      <c r="CW31" s="318">
        <v>0</v>
      </c>
      <c r="CX31" s="319">
        <v>31967</v>
      </c>
      <c r="CY31" s="320">
        <v>31967</v>
      </c>
      <c r="CZ31" s="318">
        <v>0</v>
      </c>
      <c r="DA31" s="319">
        <v>81484</v>
      </c>
      <c r="DB31" s="319">
        <v>178624</v>
      </c>
      <c r="DC31" s="319">
        <v>32589</v>
      </c>
      <c r="DD31" s="319">
        <v>0</v>
      </c>
      <c r="DE31" s="319">
        <v>0</v>
      </c>
      <c r="DF31" s="320">
        <v>292697</v>
      </c>
      <c r="DG31" s="322">
        <v>324664</v>
      </c>
      <c r="DH31" s="318">
        <v>0</v>
      </c>
      <c r="DI31" s="319">
        <v>0</v>
      </c>
      <c r="DJ31" s="323">
        <v>0</v>
      </c>
      <c r="DK31" s="324">
        <v>0</v>
      </c>
      <c r="DL31" s="319">
        <v>19089</v>
      </c>
      <c r="DM31" s="319">
        <v>0</v>
      </c>
      <c r="DN31" s="319">
        <v>164318</v>
      </c>
      <c r="DO31" s="319">
        <v>0</v>
      </c>
      <c r="DP31" s="319">
        <v>0</v>
      </c>
      <c r="DQ31" s="320">
        <v>183407</v>
      </c>
      <c r="DR31" s="322">
        <v>183407</v>
      </c>
      <c r="DS31" s="318">
        <v>0</v>
      </c>
      <c r="DT31" s="319">
        <v>0</v>
      </c>
      <c r="DU31" s="320">
        <v>0</v>
      </c>
      <c r="DV31" s="318">
        <v>0</v>
      </c>
      <c r="DW31" s="319">
        <v>19089</v>
      </c>
      <c r="DX31" s="319">
        <v>0</v>
      </c>
      <c r="DY31" s="319">
        <v>118755</v>
      </c>
      <c r="DZ31" s="319">
        <v>0</v>
      </c>
      <c r="EA31" s="319">
        <v>0</v>
      </c>
      <c r="EB31" s="320">
        <v>137844</v>
      </c>
      <c r="EC31" s="322">
        <v>137844</v>
      </c>
      <c r="ED31" s="318">
        <v>0</v>
      </c>
      <c r="EE31" s="323">
        <v>0</v>
      </c>
      <c r="EF31" s="320">
        <v>0</v>
      </c>
      <c r="EG31" s="318">
        <v>0</v>
      </c>
      <c r="EH31" s="319">
        <v>0</v>
      </c>
      <c r="EI31" s="319">
        <v>0</v>
      </c>
      <c r="EJ31" s="319">
        <v>45563</v>
      </c>
      <c r="EK31" s="319">
        <v>0</v>
      </c>
      <c r="EL31" s="319">
        <v>0</v>
      </c>
      <c r="EM31" s="323">
        <v>45563</v>
      </c>
      <c r="EN31" s="322">
        <v>45563</v>
      </c>
      <c r="EO31" s="318">
        <v>0</v>
      </c>
      <c r="EP31" s="319">
        <v>0</v>
      </c>
      <c r="EQ31" s="323">
        <v>0</v>
      </c>
      <c r="ER31" s="324">
        <v>0</v>
      </c>
      <c r="ES31" s="319">
        <v>0</v>
      </c>
      <c r="ET31" s="319">
        <v>0</v>
      </c>
      <c r="EU31" s="319">
        <v>0</v>
      </c>
      <c r="EV31" s="319">
        <v>0</v>
      </c>
      <c r="EW31" s="319">
        <v>0</v>
      </c>
      <c r="EX31" s="320">
        <v>0</v>
      </c>
      <c r="EY31" s="322">
        <v>0</v>
      </c>
      <c r="EZ31" s="318">
        <v>0</v>
      </c>
      <c r="FA31" s="319">
        <v>0</v>
      </c>
      <c r="FB31" s="323">
        <v>0</v>
      </c>
      <c r="FC31" s="325"/>
      <c r="FD31" s="319">
        <v>0</v>
      </c>
      <c r="FE31" s="319">
        <v>0</v>
      </c>
      <c r="FF31" s="319">
        <v>0</v>
      </c>
      <c r="FG31" s="319">
        <v>0</v>
      </c>
      <c r="FH31" s="319">
        <v>0</v>
      </c>
      <c r="FI31" s="320">
        <v>0</v>
      </c>
      <c r="FJ31" s="322">
        <v>0</v>
      </c>
      <c r="FK31" s="318">
        <v>11900</v>
      </c>
      <c r="FL31" s="319">
        <v>32970</v>
      </c>
      <c r="FM31" s="320">
        <v>44870</v>
      </c>
      <c r="FN31" s="318">
        <v>0</v>
      </c>
      <c r="FO31" s="319">
        <v>90300</v>
      </c>
      <c r="FP31" s="319">
        <v>104286</v>
      </c>
      <c r="FQ31" s="319">
        <v>50666</v>
      </c>
      <c r="FR31" s="319">
        <v>56630</v>
      </c>
      <c r="FS31" s="319">
        <v>43960</v>
      </c>
      <c r="FT31" s="320">
        <v>345842</v>
      </c>
      <c r="FU31" s="322">
        <v>390712</v>
      </c>
      <c r="FV31" s="326">
        <v>11900</v>
      </c>
      <c r="FW31" s="319">
        <v>32970</v>
      </c>
      <c r="FX31" s="323">
        <v>44870</v>
      </c>
      <c r="FY31" s="324">
        <v>0</v>
      </c>
      <c r="FZ31" s="319">
        <v>38710</v>
      </c>
      <c r="GA31" s="319">
        <v>104286</v>
      </c>
      <c r="GB31" s="319">
        <v>50666</v>
      </c>
      <c r="GC31" s="319">
        <v>56630</v>
      </c>
      <c r="GD31" s="319">
        <v>43960</v>
      </c>
      <c r="GE31" s="320">
        <v>294252</v>
      </c>
      <c r="GF31" s="327">
        <v>339122</v>
      </c>
      <c r="GG31" s="326">
        <v>0</v>
      </c>
      <c r="GH31" s="319">
        <v>0</v>
      </c>
      <c r="GI31" s="323">
        <v>0</v>
      </c>
      <c r="GJ31" s="324">
        <v>0</v>
      </c>
      <c r="GK31" s="319">
        <v>0</v>
      </c>
      <c r="GL31" s="319">
        <v>0</v>
      </c>
      <c r="GM31" s="319">
        <v>0</v>
      </c>
      <c r="GN31" s="319">
        <v>0</v>
      </c>
      <c r="GO31" s="319">
        <v>0</v>
      </c>
      <c r="GP31" s="320">
        <v>0</v>
      </c>
      <c r="GQ31" s="322">
        <v>0</v>
      </c>
      <c r="GR31" s="318">
        <v>0</v>
      </c>
      <c r="GS31" s="319">
        <v>0</v>
      </c>
      <c r="GT31" s="320">
        <v>0</v>
      </c>
      <c r="GU31" s="318">
        <v>0</v>
      </c>
      <c r="GV31" s="319">
        <v>51590</v>
      </c>
      <c r="GW31" s="319">
        <v>0</v>
      </c>
      <c r="GX31" s="319">
        <v>0</v>
      </c>
      <c r="GY31" s="319">
        <v>0</v>
      </c>
      <c r="GZ31" s="319">
        <v>0</v>
      </c>
      <c r="HA31" s="323">
        <v>51590</v>
      </c>
      <c r="HB31" s="322">
        <v>51590</v>
      </c>
      <c r="HC31" s="318">
        <v>94980</v>
      </c>
      <c r="HD31" s="319">
        <v>75419</v>
      </c>
      <c r="HE31" s="323">
        <v>170399</v>
      </c>
      <c r="HF31" s="324">
        <v>0</v>
      </c>
      <c r="HG31" s="319">
        <v>136761</v>
      </c>
      <c r="HH31" s="319">
        <v>457159</v>
      </c>
      <c r="HI31" s="319">
        <v>0</v>
      </c>
      <c r="HJ31" s="319">
        <v>230307</v>
      </c>
      <c r="HK31" s="319">
        <v>0</v>
      </c>
      <c r="HL31" s="320">
        <v>824227</v>
      </c>
      <c r="HM31" s="321">
        <v>994626</v>
      </c>
      <c r="HN31" s="411"/>
      <c r="HO31" s="411"/>
      <c r="HP31" s="411"/>
      <c r="HQ31" s="411"/>
      <c r="HR31" s="411"/>
      <c r="HS31" s="411"/>
      <c r="HT31" s="411"/>
      <c r="HU31" s="411"/>
      <c r="HV31" s="411"/>
      <c r="HW31" s="411"/>
      <c r="HX31" s="424"/>
      <c r="HY31" s="330">
        <v>0</v>
      </c>
      <c r="HZ31" s="329">
        <v>0</v>
      </c>
      <c r="IA31" s="330">
        <v>0</v>
      </c>
      <c r="IB31" s="353">
        <v>0</v>
      </c>
      <c r="IC31" s="329">
        <v>199998</v>
      </c>
      <c r="ID31" s="354">
        <v>65260</v>
      </c>
      <c r="IE31" s="330">
        <v>0</v>
      </c>
      <c r="IF31" s="329">
        <v>209659</v>
      </c>
      <c r="IG31" s="330">
        <v>593945</v>
      </c>
      <c r="IH31" s="355">
        <v>1068862</v>
      </c>
      <c r="II31" s="336">
        <v>1068862</v>
      </c>
      <c r="IJ31" s="337">
        <v>0</v>
      </c>
      <c r="IK31" s="338">
        <v>0</v>
      </c>
      <c r="IL31" s="339">
        <v>0</v>
      </c>
      <c r="IM31" s="411"/>
      <c r="IN31" s="341">
        <v>0</v>
      </c>
      <c r="IO31" s="341">
        <v>0</v>
      </c>
      <c r="IP31" s="341">
        <v>0</v>
      </c>
      <c r="IQ31" s="341">
        <v>0</v>
      </c>
      <c r="IR31" s="341">
        <v>0</v>
      </c>
      <c r="IS31" s="342">
        <v>0</v>
      </c>
      <c r="IT31" s="343">
        <v>0</v>
      </c>
      <c r="IU31" s="344">
        <v>0</v>
      </c>
      <c r="IV31" s="341">
        <v>0</v>
      </c>
      <c r="IW31" s="345">
        <v>0</v>
      </c>
      <c r="IX31" s="411"/>
      <c r="IY31" s="341">
        <v>0</v>
      </c>
      <c r="IZ31" s="341">
        <v>0</v>
      </c>
      <c r="JA31" s="341">
        <v>0</v>
      </c>
      <c r="JB31" s="341">
        <v>0</v>
      </c>
      <c r="JC31" s="341">
        <v>0</v>
      </c>
      <c r="JD31" s="345">
        <v>0</v>
      </c>
      <c r="JE31" s="347">
        <v>0</v>
      </c>
      <c r="JF31" s="344">
        <v>0</v>
      </c>
      <c r="JG31" s="341">
        <v>0</v>
      </c>
      <c r="JH31" s="342">
        <v>0</v>
      </c>
      <c r="JI31" s="348">
        <v>0</v>
      </c>
      <c r="JJ31" s="341">
        <v>94491</v>
      </c>
      <c r="JK31" s="341">
        <v>65260</v>
      </c>
      <c r="JL31" s="341">
        <v>0</v>
      </c>
      <c r="JM31" s="341">
        <v>0</v>
      </c>
      <c r="JN31" s="341">
        <v>166489</v>
      </c>
      <c r="JO31" s="345">
        <v>326240</v>
      </c>
      <c r="JP31" s="343">
        <v>326240</v>
      </c>
      <c r="JQ31" s="344">
        <v>0</v>
      </c>
      <c r="JR31" s="341">
        <v>0</v>
      </c>
      <c r="JS31" s="342">
        <v>0</v>
      </c>
      <c r="JT31" s="348">
        <v>0</v>
      </c>
      <c r="JU31" s="341">
        <v>0</v>
      </c>
      <c r="JV31" s="341">
        <v>0</v>
      </c>
      <c r="JW31" s="341">
        <v>0</v>
      </c>
      <c r="JX31" s="341">
        <v>0</v>
      </c>
      <c r="JY31" s="341">
        <v>0</v>
      </c>
      <c r="JZ31" s="345">
        <v>0</v>
      </c>
      <c r="KA31" s="343">
        <v>0</v>
      </c>
      <c r="KB31" s="349">
        <v>0</v>
      </c>
      <c r="KC31" s="350">
        <v>0</v>
      </c>
      <c r="KD31" s="345">
        <v>0</v>
      </c>
      <c r="KE31" s="348">
        <v>0</v>
      </c>
      <c r="KF31" s="341">
        <v>105507</v>
      </c>
      <c r="KG31" s="341">
        <v>0</v>
      </c>
      <c r="KH31" s="341">
        <v>0</v>
      </c>
      <c r="KI31" s="341">
        <v>0</v>
      </c>
      <c r="KJ31" s="341">
        <v>0</v>
      </c>
      <c r="KK31" s="345">
        <v>105507</v>
      </c>
      <c r="KL31" s="351">
        <v>105507</v>
      </c>
      <c r="KM31" s="337">
        <v>0</v>
      </c>
      <c r="KN31" s="338">
        <v>0</v>
      </c>
      <c r="KO31" s="339">
        <v>0</v>
      </c>
      <c r="KP31" s="340"/>
      <c r="KQ31" s="341">
        <v>0</v>
      </c>
      <c r="KR31" s="341">
        <v>0</v>
      </c>
      <c r="KS31" s="341">
        <v>0</v>
      </c>
      <c r="KT31" s="341">
        <v>209659</v>
      </c>
      <c r="KU31" s="341">
        <v>427456</v>
      </c>
      <c r="KV31" s="345">
        <v>637115</v>
      </c>
      <c r="KW31" s="343">
        <v>637115</v>
      </c>
      <c r="KX31" s="344">
        <v>0</v>
      </c>
      <c r="KY31" s="341">
        <v>0</v>
      </c>
      <c r="KZ31" s="345">
        <v>0</v>
      </c>
      <c r="LA31" s="352"/>
      <c r="LB31" s="341">
        <v>0</v>
      </c>
      <c r="LC31" s="341">
        <v>0</v>
      </c>
      <c r="LD31" s="341">
        <v>0</v>
      </c>
      <c r="LE31" s="341">
        <v>0</v>
      </c>
      <c r="LF31" s="341">
        <v>0</v>
      </c>
      <c r="LG31" s="345">
        <v>0</v>
      </c>
      <c r="LH31" s="347">
        <v>0</v>
      </c>
      <c r="LI31" s="344">
        <v>0</v>
      </c>
      <c r="LJ31" s="341">
        <v>0</v>
      </c>
      <c r="LK31" s="345">
        <v>0</v>
      </c>
      <c r="LL31" s="352"/>
      <c r="LM31" s="341">
        <v>0</v>
      </c>
      <c r="LN31" s="341">
        <v>0</v>
      </c>
      <c r="LO31" s="341">
        <v>0</v>
      </c>
      <c r="LP31" s="341">
        <v>0</v>
      </c>
      <c r="LQ31" s="341">
        <v>0</v>
      </c>
      <c r="LR31" s="345">
        <v>0</v>
      </c>
      <c r="LS31" s="343">
        <v>0</v>
      </c>
      <c r="LT31" s="344">
        <v>0</v>
      </c>
      <c r="LU31" s="341">
        <v>0</v>
      </c>
      <c r="LV31" s="345">
        <v>0</v>
      </c>
      <c r="LW31" s="352"/>
      <c r="LX31" s="341">
        <v>0</v>
      </c>
      <c r="LY31" s="341">
        <v>0</v>
      </c>
      <c r="LZ31" s="341">
        <v>0</v>
      </c>
      <c r="MA31" s="341">
        <v>0</v>
      </c>
      <c r="MB31" s="341">
        <v>0</v>
      </c>
      <c r="MC31" s="345">
        <v>0</v>
      </c>
      <c r="MD31" s="347">
        <v>0</v>
      </c>
      <c r="ME31" s="344">
        <v>0</v>
      </c>
      <c r="MF31" s="341">
        <v>0</v>
      </c>
      <c r="MG31" s="345">
        <v>0</v>
      </c>
      <c r="MH31" s="352"/>
      <c r="MI31" s="341">
        <v>191557</v>
      </c>
      <c r="MJ31" s="341">
        <v>170601</v>
      </c>
      <c r="MK31" s="341">
        <v>205058</v>
      </c>
      <c r="ML31" s="341">
        <v>366343</v>
      </c>
      <c r="MM31" s="341">
        <v>-242</v>
      </c>
      <c r="MN31" s="345">
        <v>933317</v>
      </c>
      <c r="MO31" s="351">
        <v>933317</v>
      </c>
      <c r="MP31" s="344">
        <v>0</v>
      </c>
      <c r="MQ31" s="341">
        <v>0</v>
      </c>
      <c r="MR31" s="345">
        <v>0</v>
      </c>
      <c r="MS31" s="352"/>
      <c r="MT31" s="341">
        <v>0</v>
      </c>
      <c r="MU31" s="341">
        <v>0</v>
      </c>
      <c r="MV31" s="341">
        <v>0</v>
      </c>
      <c r="MW31" s="341">
        <v>366343</v>
      </c>
      <c r="MX31" s="341">
        <v>-242</v>
      </c>
      <c r="MY31" s="345">
        <v>366101</v>
      </c>
      <c r="MZ31" s="351">
        <v>366101</v>
      </c>
      <c r="NA31" s="344">
        <v>0</v>
      </c>
      <c r="NB31" s="341">
        <v>0</v>
      </c>
      <c r="NC31" s="345">
        <v>0</v>
      </c>
      <c r="ND31" s="352"/>
      <c r="NE31" s="341">
        <v>191557</v>
      </c>
      <c r="NF31" s="341">
        <v>170601</v>
      </c>
      <c r="NG31" s="341">
        <v>205058</v>
      </c>
      <c r="NH31" s="341">
        <v>0</v>
      </c>
      <c r="NI31" s="341">
        <v>0</v>
      </c>
      <c r="NJ31" s="345">
        <v>567216</v>
      </c>
      <c r="NK31" s="343">
        <v>567216</v>
      </c>
      <c r="NL31" s="344">
        <v>0</v>
      </c>
      <c r="NM31" s="341">
        <v>0</v>
      </c>
      <c r="NN31" s="345">
        <v>0</v>
      </c>
      <c r="NO31" s="352"/>
      <c r="NP31" s="341">
        <v>0</v>
      </c>
      <c r="NQ31" s="341">
        <v>0</v>
      </c>
      <c r="NR31" s="341">
        <v>0</v>
      </c>
      <c r="NS31" s="341">
        <v>0</v>
      </c>
      <c r="NT31" s="341">
        <v>0</v>
      </c>
      <c r="NU31" s="345">
        <v>0</v>
      </c>
      <c r="NV31" s="347">
        <v>0</v>
      </c>
      <c r="NW31" s="344">
        <v>0</v>
      </c>
      <c r="NX31" s="341">
        <v>0</v>
      </c>
      <c r="NY31" s="345">
        <v>0</v>
      </c>
      <c r="NZ31" s="352"/>
      <c r="OA31" s="341">
        <v>0</v>
      </c>
      <c r="OB31" s="341">
        <v>0</v>
      </c>
      <c r="OC31" s="341">
        <v>0</v>
      </c>
      <c r="OD31" s="341">
        <v>0</v>
      </c>
      <c r="OE31" s="341">
        <v>0</v>
      </c>
      <c r="OF31" s="345">
        <v>0</v>
      </c>
      <c r="OG31" s="347">
        <v>0</v>
      </c>
      <c r="OH31" s="344">
        <v>142510</v>
      </c>
      <c r="OI31" s="341">
        <v>197481</v>
      </c>
      <c r="OJ31" s="342">
        <v>339991</v>
      </c>
      <c r="OK31" s="348">
        <v>0</v>
      </c>
      <c r="OL31" s="341">
        <v>1213951</v>
      </c>
      <c r="OM31" s="341">
        <v>1685574</v>
      </c>
      <c r="ON31" s="341">
        <v>696774</v>
      </c>
      <c r="OO31" s="341">
        <v>1193230</v>
      </c>
      <c r="OP31" s="341">
        <v>1155129</v>
      </c>
      <c r="OQ31" s="345">
        <v>5944658</v>
      </c>
      <c r="OR31" s="351">
        <v>6284649</v>
      </c>
    </row>
    <row r="32" spans="1:408" ht="20.25" customHeight="1" x14ac:dyDescent="0.2">
      <c r="A32" s="111" t="s">
        <v>27</v>
      </c>
      <c r="B32" s="318">
        <v>69033</v>
      </c>
      <c r="C32" s="319">
        <v>439470</v>
      </c>
      <c r="D32" s="320">
        <v>508503</v>
      </c>
      <c r="E32" s="321">
        <v>0</v>
      </c>
      <c r="F32" s="319">
        <v>959078</v>
      </c>
      <c r="G32" s="319">
        <v>609731</v>
      </c>
      <c r="H32" s="319">
        <v>1445503</v>
      </c>
      <c r="I32" s="319">
        <v>799570</v>
      </c>
      <c r="J32" s="319">
        <v>234689</v>
      </c>
      <c r="K32" s="358">
        <v>4048571</v>
      </c>
      <c r="L32" s="322">
        <v>4557074</v>
      </c>
      <c r="M32" s="318">
        <v>24857</v>
      </c>
      <c r="N32" s="319">
        <v>78697</v>
      </c>
      <c r="O32" s="320">
        <v>103554</v>
      </c>
      <c r="P32" s="318">
        <v>0</v>
      </c>
      <c r="Q32" s="319">
        <v>287901</v>
      </c>
      <c r="R32" s="319">
        <v>194060</v>
      </c>
      <c r="S32" s="319">
        <v>338388</v>
      </c>
      <c r="T32" s="319">
        <v>316255</v>
      </c>
      <c r="U32" s="319">
        <v>224889</v>
      </c>
      <c r="V32" s="320">
        <v>1361493</v>
      </c>
      <c r="W32" s="322">
        <v>1465047</v>
      </c>
      <c r="X32" s="318">
        <v>0</v>
      </c>
      <c r="Y32" s="319">
        <v>0</v>
      </c>
      <c r="Z32" s="320">
        <v>0</v>
      </c>
      <c r="AA32" s="318">
        <v>0</v>
      </c>
      <c r="AB32" s="319">
        <v>132807</v>
      </c>
      <c r="AC32" s="319">
        <v>122072</v>
      </c>
      <c r="AD32" s="319">
        <v>189744</v>
      </c>
      <c r="AE32" s="319">
        <v>222924</v>
      </c>
      <c r="AF32" s="319">
        <v>207333</v>
      </c>
      <c r="AG32" s="320">
        <v>874880</v>
      </c>
      <c r="AH32" s="322">
        <v>874880</v>
      </c>
      <c r="AI32" s="318">
        <v>0</v>
      </c>
      <c r="AJ32" s="319">
        <v>0</v>
      </c>
      <c r="AK32" s="320">
        <v>0</v>
      </c>
      <c r="AL32" s="318">
        <v>0</v>
      </c>
      <c r="AM32" s="319">
        <v>0</v>
      </c>
      <c r="AN32" s="319">
        <v>0</v>
      </c>
      <c r="AO32" s="319">
        <v>0</v>
      </c>
      <c r="AP32" s="319">
        <v>0</v>
      </c>
      <c r="AQ32" s="319">
        <v>0</v>
      </c>
      <c r="AR32" s="320">
        <v>0</v>
      </c>
      <c r="AS32" s="322">
        <v>0</v>
      </c>
      <c r="AT32" s="318">
        <v>24857</v>
      </c>
      <c r="AU32" s="319">
        <v>41206</v>
      </c>
      <c r="AV32" s="320">
        <v>66063</v>
      </c>
      <c r="AW32" s="318">
        <v>0</v>
      </c>
      <c r="AX32" s="319">
        <v>126170</v>
      </c>
      <c r="AY32" s="319">
        <v>59038</v>
      </c>
      <c r="AZ32" s="319">
        <v>55768</v>
      </c>
      <c r="BA32" s="319">
        <v>27174</v>
      </c>
      <c r="BB32" s="319">
        <v>13930</v>
      </c>
      <c r="BC32" s="320">
        <v>282080</v>
      </c>
      <c r="BD32" s="322">
        <v>348143</v>
      </c>
      <c r="BE32" s="318">
        <v>0</v>
      </c>
      <c r="BF32" s="319">
        <v>27159</v>
      </c>
      <c r="BG32" s="323">
        <v>27159</v>
      </c>
      <c r="BH32" s="324">
        <v>0</v>
      </c>
      <c r="BI32" s="319">
        <v>0</v>
      </c>
      <c r="BJ32" s="319">
        <v>0</v>
      </c>
      <c r="BK32" s="319">
        <v>0</v>
      </c>
      <c r="BL32" s="319">
        <v>0</v>
      </c>
      <c r="BM32" s="319">
        <v>0</v>
      </c>
      <c r="BN32" s="320">
        <v>0</v>
      </c>
      <c r="BO32" s="322">
        <v>27159</v>
      </c>
      <c r="BP32" s="318">
        <v>0</v>
      </c>
      <c r="BQ32" s="319">
        <v>10332</v>
      </c>
      <c r="BR32" s="320">
        <v>10332</v>
      </c>
      <c r="BS32" s="318">
        <v>0</v>
      </c>
      <c r="BT32" s="319">
        <v>28924</v>
      </c>
      <c r="BU32" s="319">
        <v>12950</v>
      </c>
      <c r="BV32" s="319">
        <v>92876</v>
      </c>
      <c r="BW32" s="319">
        <v>66157</v>
      </c>
      <c r="BX32" s="319">
        <v>3626</v>
      </c>
      <c r="BY32" s="320">
        <v>204533</v>
      </c>
      <c r="BZ32" s="322">
        <v>214865</v>
      </c>
      <c r="CA32" s="318">
        <v>38366</v>
      </c>
      <c r="CB32" s="319">
        <v>69734</v>
      </c>
      <c r="CC32" s="320">
        <v>108100</v>
      </c>
      <c r="CD32" s="318">
        <v>0</v>
      </c>
      <c r="CE32" s="319">
        <v>128438</v>
      </c>
      <c r="CF32" s="319">
        <v>194210</v>
      </c>
      <c r="CG32" s="319">
        <v>301922</v>
      </c>
      <c r="CH32" s="319">
        <v>94930</v>
      </c>
      <c r="CI32" s="319">
        <v>0</v>
      </c>
      <c r="CJ32" s="320">
        <v>719500</v>
      </c>
      <c r="CK32" s="322">
        <v>827600</v>
      </c>
      <c r="CL32" s="318">
        <v>0</v>
      </c>
      <c r="CM32" s="319">
        <v>0</v>
      </c>
      <c r="CN32" s="320">
        <v>0</v>
      </c>
      <c r="CO32" s="324">
        <v>0</v>
      </c>
      <c r="CP32" s="319">
        <v>110600</v>
      </c>
      <c r="CQ32" s="319">
        <v>94901</v>
      </c>
      <c r="CR32" s="319">
        <v>228593</v>
      </c>
      <c r="CS32" s="319">
        <v>94930</v>
      </c>
      <c r="CT32" s="319">
        <v>0</v>
      </c>
      <c r="CU32" s="320">
        <v>529024</v>
      </c>
      <c r="CV32" s="322">
        <v>529024</v>
      </c>
      <c r="CW32" s="318">
        <v>38366</v>
      </c>
      <c r="CX32" s="319">
        <v>69734</v>
      </c>
      <c r="CY32" s="320">
        <v>108100</v>
      </c>
      <c r="CZ32" s="318">
        <v>0</v>
      </c>
      <c r="DA32" s="319">
        <v>17838</v>
      </c>
      <c r="DB32" s="319">
        <v>99309</v>
      </c>
      <c r="DC32" s="319">
        <v>73329</v>
      </c>
      <c r="DD32" s="319">
        <v>0</v>
      </c>
      <c r="DE32" s="319">
        <v>0</v>
      </c>
      <c r="DF32" s="320">
        <v>190476</v>
      </c>
      <c r="DG32" s="322">
        <v>298576</v>
      </c>
      <c r="DH32" s="318">
        <v>0</v>
      </c>
      <c r="DI32" s="319">
        <v>0</v>
      </c>
      <c r="DJ32" s="323">
        <v>0</v>
      </c>
      <c r="DK32" s="324">
        <v>0</v>
      </c>
      <c r="DL32" s="319">
        <v>0</v>
      </c>
      <c r="DM32" s="319">
        <v>31787</v>
      </c>
      <c r="DN32" s="319">
        <v>75194</v>
      </c>
      <c r="DO32" s="319">
        <v>0</v>
      </c>
      <c r="DP32" s="319">
        <v>0</v>
      </c>
      <c r="DQ32" s="320">
        <v>106981</v>
      </c>
      <c r="DR32" s="322">
        <v>106981</v>
      </c>
      <c r="DS32" s="318">
        <v>0</v>
      </c>
      <c r="DT32" s="319">
        <v>0</v>
      </c>
      <c r="DU32" s="320">
        <v>0</v>
      </c>
      <c r="DV32" s="318">
        <v>0</v>
      </c>
      <c r="DW32" s="319">
        <v>0</v>
      </c>
      <c r="DX32" s="319">
        <v>0</v>
      </c>
      <c r="DY32" s="319">
        <v>75194</v>
      </c>
      <c r="DZ32" s="319">
        <v>0</v>
      </c>
      <c r="EA32" s="319">
        <v>0</v>
      </c>
      <c r="EB32" s="320">
        <v>75194</v>
      </c>
      <c r="EC32" s="322">
        <v>75194</v>
      </c>
      <c r="ED32" s="318">
        <v>0</v>
      </c>
      <c r="EE32" s="323">
        <v>0</v>
      </c>
      <c r="EF32" s="320">
        <v>0</v>
      </c>
      <c r="EG32" s="318">
        <v>0</v>
      </c>
      <c r="EH32" s="319">
        <v>0</v>
      </c>
      <c r="EI32" s="319">
        <v>31787</v>
      </c>
      <c r="EJ32" s="319">
        <v>0</v>
      </c>
      <c r="EK32" s="319">
        <v>0</v>
      </c>
      <c r="EL32" s="319">
        <v>0</v>
      </c>
      <c r="EM32" s="323">
        <v>31787</v>
      </c>
      <c r="EN32" s="322">
        <v>31787</v>
      </c>
      <c r="EO32" s="318">
        <v>0</v>
      </c>
      <c r="EP32" s="319">
        <v>0</v>
      </c>
      <c r="EQ32" s="323">
        <v>0</v>
      </c>
      <c r="ER32" s="324">
        <v>0</v>
      </c>
      <c r="ES32" s="319">
        <v>0</v>
      </c>
      <c r="ET32" s="319">
        <v>0</v>
      </c>
      <c r="EU32" s="319">
        <v>0</v>
      </c>
      <c r="EV32" s="319">
        <v>0</v>
      </c>
      <c r="EW32" s="319">
        <v>0</v>
      </c>
      <c r="EX32" s="320">
        <v>0</v>
      </c>
      <c r="EY32" s="322">
        <v>0</v>
      </c>
      <c r="EZ32" s="318">
        <v>0</v>
      </c>
      <c r="FA32" s="319">
        <v>0</v>
      </c>
      <c r="FB32" s="323">
        <v>0</v>
      </c>
      <c r="FC32" s="325"/>
      <c r="FD32" s="319">
        <v>0</v>
      </c>
      <c r="FE32" s="319">
        <v>0</v>
      </c>
      <c r="FF32" s="319">
        <v>0</v>
      </c>
      <c r="FG32" s="319">
        <v>0</v>
      </c>
      <c r="FH32" s="319">
        <v>0</v>
      </c>
      <c r="FI32" s="320">
        <v>0</v>
      </c>
      <c r="FJ32" s="322">
        <v>0</v>
      </c>
      <c r="FK32" s="318">
        <v>5810</v>
      </c>
      <c r="FL32" s="319">
        <v>49700</v>
      </c>
      <c r="FM32" s="320">
        <v>55510</v>
      </c>
      <c r="FN32" s="318">
        <v>0</v>
      </c>
      <c r="FO32" s="319">
        <v>13650</v>
      </c>
      <c r="FP32" s="319">
        <v>42056</v>
      </c>
      <c r="FQ32" s="319">
        <v>58695</v>
      </c>
      <c r="FR32" s="319">
        <v>24500</v>
      </c>
      <c r="FS32" s="319">
        <v>9800</v>
      </c>
      <c r="FT32" s="320">
        <v>148701</v>
      </c>
      <c r="FU32" s="322">
        <v>204211</v>
      </c>
      <c r="FV32" s="326">
        <v>5810</v>
      </c>
      <c r="FW32" s="319">
        <v>49700</v>
      </c>
      <c r="FX32" s="323">
        <v>55510</v>
      </c>
      <c r="FY32" s="324">
        <v>0</v>
      </c>
      <c r="FZ32" s="319">
        <v>13650</v>
      </c>
      <c r="GA32" s="319">
        <v>31556</v>
      </c>
      <c r="GB32" s="319">
        <v>46375</v>
      </c>
      <c r="GC32" s="319">
        <v>24500</v>
      </c>
      <c r="GD32" s="319">
        <v>9800</v>
      </c>
      <c r="GE32" s="320">
        <v>125881</v>
      </c>
      <c r="GF32" s="327">
        <v>181391</v>
      </c>
      <c r="GG32" s="326">
        <v>0</v>
      </c>
      <c r="GH32" s="319">
        <v>0</v>
      </c>
      <c r="GI32" s="323">
        <v>0</v>
      </c>
      <c r="GJ32" s="324">
        <v>0</v>
      </c>
      <c r="GK32" s="319">
        <v>0</v>
      </c>
      <c r="GL32" s="319">
        <v>0</v>
      </c>
      <c r="GM32" s="319">
        <v>12320</v>
      </c>
      <c r="GN32" s="319">
        <v>0</v>
      </c>
      <c r="GO32" s="319">
        <v>0</v>
      </c>
      <c r="GP32" s="320">
        <v>12320</v>
      </c>
      <c r="GQ32" s="322">
        <v>12320</v>
      </c>
      <c r="GR32" s="318">
        <v>0</v>
      </c>
      <c r="GS32" s="319">
        <v>0</v>
      </c>
      <c r="GT32" s="320">
        <v>0</v>
      </c>
      <c r="GU32" s="318">
        <v>0</v>
      </c>
      <c r="GV32" s="319">
        <v>0</v>
      </c>
      <c r="GW32" s="319">
        <v>10500</v>
      </c>
      <c r="GX32" s="319">
        <v>0</v>
      </c>
      <c r="GY32" s="319">
        <v>0</v>
      </c>
      <c r="GZ32" s="319">
        <v>0</v>
      </c>
      <c r="HA32" s="323">
        <v>10500</v>
      </c>
      <c r="HB32" s="322">
        <v>10500</v>
      </c>
      <c r="HC32" s="318">
        <v>0</v>
      </c>
      <c r="HD32" s="319">
        <v>241339</v>
      </c>
      <c r="HE32" s="323">
        <v>241339</v>
      </c>
      <c r="HF32" s="324">
        <v>0</v>
      </c>
      <c r="HG32" s="319">
        <v>529089</v>
      </c>
      <c r="HH32" s="319">
        <v>147618</v>
      </c>
      <c r="HI32" s="319">
        <v>671304</v>
      </c>
      <c r="HJ32" s="319">
        <v>363885</v>
      </c>
      <c r="HK32" s="319">
        <v>0</v>
      </c>
      <c r="HL32" s="320">
        <v>1711896</v>
      </c>
      <c r="HM32" s="321">
        <v>1953235</v>
      </c>
      <c r="HN32" s="411"/>
      <c r="HO32" s="411"/>
      <c r="HP32" s="411"/>
      <c r="HQ32" s="411"/>
      <c r="HR32" s="411"/>
      <c r="HS32" s="411"/>
      <c r="HT32" s="411"/>
      <c r="HU32" s="411"/>
      <c r="HV32" s="411"/>
      <c r="HW32" s="411"/>
      <c r="HX32" s="424"/>
      <c r="HY32" s="357">
        <v>0</v>
      </c>
      <c r="HZ32" s="332">
        <v>0</v>
      </c>
      <c r="IA32" s="357">
        <v>0</v>
      </c>
      <c r="IB32" s="331">
        <v>0</v>
      </c>
      <c r="IC32" s="332">
        <v>92113</v>
      </c>
      <c r="ID32" s="333">
        <v>0</v>
      </c>
      <c r="IE32" s="334">
        <v>5247</v>
      </c>
      <c r="IF32" s="332">
        <v>0</v>
      </c>
      <c r="IG32" s="334">
        <v>0</v>
      </c>
      <c r="IH32" s="335">
        <v>97360</v>
      </c>
      <c r="II32" s="357">
        <v>97360</v>
      </c>
      <c r="IJ32" s="337">
        <v>0</v>
      </c>
      <c r="IK32" s="338">
        <v>0</v>
      </c>
      <c r="IL32" s="339">
        <v>0</v>
      </c>
      <c r="IM32" s="411"/>
      <c r="IN32" s="341">
        <v>0</v>
      </c>
      <c r="IO32" s="341">
        <v>0</v>
      </c>
      <c r="IP32" s="341">
        <v>0</v>
      </c>
      <c r="IQ32" s="341">
        <v>0</v>
      </c>
      <c r="IR32" s="341">
        <v>0</v>
      </c>
      <c r="IS32" s="342">
        <v>0</v>
      </c>
      <c r="IT32" s="343">
        <v>0</v>
      </c>
      <c r="IU32" s="344">
        <v>0</v>
      </c>
      <c r="IV32" s="341">
        <v>0</v>
      </c>
      <c r="IW32" s="345">
        <v>0</v>
      </c>
      <c r="IX32" s="411"/>
      <c r="IY32" s="341">
        <v>0</v>
      </c>
      <c r="IZ32" s="341">
        <v>0</v>
      </c>
      <c r="JA32" s="341">
        <v>0</v>
      </c>
      <c r="JB32" s="341">
        <v>0</v>
      </c>
      <c r="JC32" s="341">
        <v>0</v>
      </c>
      <c r="JD32" s="345">
        <v>0</v>
      </c>
      <c r="JE32" s="347">
        <v>0</v>
      </c>
      <c r="JF32" s="344">
        <v>0</v>
      </c>
      <c r="JG32" s="341">
        <v>0</v>
      </c>
      <c r="JH32" s="342">
        <v>0</v>
      </c>
      <c r="JI32" s="348">
        <v>0</v>
      </c>
      <c r="JJ32" s="341">
        <v>0</v>
      </c>
      <c r="JK32" s="341">
        <v>0</v>
      </c>
      <c r="JL32" s="341">
        <v>5247</v>
      </c>
      <c r="JM32" s="341">
        <v>0</v>
      </c>
      <c r="JN32" s="341">
        <v>0</v>
      </c>
      <c r="JO32" s="345">
        <v>5247</v>
      </c>
      <c r="JP32" s="343">
        <v>5247</v>
      </c>
      <c r="JQ32" s="344">
        <v>0</v>
      </c>
      <c r="JR32" s="341">
        <v>0</v>
      </c>
      <c r="JS32" s="342">
        <v>0</v>
      </c>
      <c r="JT32" s="348">
        <v>0</v>
      </c>
      <c r="JU32" s="341">
        <v>92113</v>
      </c>
      <c r="JV32" s="341">
        <v>0</v>
      </c>
      <c r="JW32" s="341">
        <v>0</v>
      </c>
      <c r="JX32" s="341">
        <v>0</v>
      </c>
      <c r="JY32" s="341">
        <v>0</v>
      </c>
      <c r="JZ32" s="345">
        <v>92113</v>
      </c>
      <c r="KA32" s="343">
        <v>92113</v>
      </c>
      <c r="KB32" s="349">
        <v>0</v>
      </c>
      <c r="KC32" s="350">
        <v>0</v>
      </c>
      <c r="KD32" s="345">
        <v>0</v>
      </c>
      <c r="KE32" s="348">
        <v>0</v>
      </c>
      <c r="KF32" s="341">
        <v>0</v>
      </c>
      <c r="KG32" s="341">
        <v>0</v>
      </c>
      <c r="KH32" s="341">
        <v>0</v>
      </c>
      <c r="KI32" s="341">
        <v>0</v>
      </c>
      <c r="KJ32" s="341">
        <v>0</v>
      </c>
      <c r="KK32" s="345">
        <v>0</v>
      </c>
      <c r="KL32" s="351">
        <v>0</v>
      </c>
      <c r="KM32" s="337">
        <v>0</v>
      </c>
      <c r="KN32" s="338">
        <v>0</v>
      </c>
      <c r="KO32" s="339">
        <v>0</v>
      </c>
      <c r="KP32" s="340"/>
      <c r="KQ32" s="341">
        <v>0</v>
      </c>
      <c r="KR32" s="341">
        <v>0</v>
      </c>
      <c r="KS32" s="341">
        <v>0</v>
      </c>
      <c r="KT32" s="341">
        <v>0</v>
      </c>
      <c r="KU32" s="341">
        <v>0</v>
      </c>
      <c r="KV32" s="345">
        <v>0</v>
      </c>
      <c r="KW32" s="343">
        <v>0</v>
      </c>
      <c r="KX32" s="344">
        <v>0</v>
      </c>
      <c r="KY32" s="341">
        <v>0</v>
      </c>
      <c r="KZ32" s="345">
        <v>0</v>
      </c>
      <c r="LA32" s="352"/>
      <c r="LB32" s="341">
        <v>0</v>
      </c>
      <c r="LC32" s="341">
        <v>0</v>
      </c>
      <c r="LD32" s="341">
        <v>0</v>
      </c>
      <c r="LE32" s="341">
        <v>0</v>
      </c>
      <c r="LF32" s="341">
        <v>0</v>
      </c>
      <c r="LG32" s="345">
        <v>0</v>
      </c>
      <c r="LH32" s="347">
        <v>0</v>
      </c>
      <c r="LI32" s="344">
        <v>0</v>
      </c>
      <c r="LJ32" s="341">
        <v>0</v>
      </c>
      <c r="LK32" s="345">
        <v>0</v>
      </c>
      <c r="LL32" s="352"/>
      <c r="LM32" s="341">
        <v>0</v>
      </c>
      <c r="LN32" s="341">
        <v>0</v>
      </c>
      <c r="LO32" s="341">
        <v>0</v>
      </c>
      <c r="LP32" s="341">
        <v>0</v>
      </c>
      <c r="LQ32" s="341">
        <v>0</v>
      </c>
      <c r="LR32" s="345">
        <v>0</v>
      </c>
      <c r="LS32" s="343">
        <v>0</v>
      </c>
      <c r="LT32" s="344">
        <v>0</v>
      </c>
      <c r="LU32" s="341">
        <v>0</v>
      </c>
      <c r="LV32" s="345">
        <v>0</v>
      </c>
      <c r="LW32" s="352"/>
      <c r="LX32" s="341">
        <v>0</v>
      </c>
      <c r="LY32" s="341">
        <v>0</v>
      </c>
      <c r="LZ32" s="341">
        <v>0</v>
      </c>
      <c r="MA32" s="341">
        <v>0</v>
      </c>
      <c r="MB32" s="341">
        <v>0</v>
      </c>
      <c r="MC32" s="345">
        <v>0</v>
      </c>
      <c r="MD32" s="347">
        <v>0</v>
      </c>
      <c r="ME32" s="344">
        <v>0</v>
      </c>
      <c r="MF32" s="341">
        <v>0</v>
      </c>
      <c r="MG32" s="345">
        <v>0</v>
      </c>
      <c r="MH32" s="352"/>
      <c r="MI32" s="341">
        <v>0</v>
      </c>
      <c r="MJ32" s="341">
        <v>0</v>
      </c>
      <c r="MK32" s="341">
        <v>591321</v>
      </c>
      <c r="ML32" s="341">
        <v>469488</v>
      </c>
      <c r="MM32" s="341">
        <v>0</v>
      </c>
      <c r="MN32" s="345">
        <v>1060809</v>
      </c>
      <c r="MO32" s="351">
        <v>1060809</v>
      </c>
      <c r="MP32" s="344">
        <v>0</v>
      </c>
      <c r="MQ32" s="341">
        <v>0</v>
      </c>
      <c r="MR32" s="345">
        <v>0</v>
      </c>
      <c r="MS32" s="352"/>
      <c r="MT32" s="341">
        <v>0</v>
      </c>
      <c r="MU32" s="341">
        <v>0</v>
      </c>
      <c r="MV32" s="341">
        <v>362482</v>
      </c>
      <c r="MW32" s="341">
        <v>229659</v>
      </c>
      <c r="MX32" s="341">
        <v>0</v>
      </c>
      <c r="MY32" s="345">
        <v>592141</v>
      </c>
      <c r="MZ32" s="351">
        <v>592141</v>
      </c>
      <c r="NA32" s="344">
        <v>0</v>
      </c>
      <c r="NB32" s="341">
        <v>0</v>
      </c>
      <c r="NC32" s="345">
        <v>0</v>
      </c>
      <c r="ND32" s="352"/>
      <c r="NE32" s="341">
        <v>0</v>
      </c>
      <c r="NF32" s="341">
        <v>0</v>
      </c>
      <c r="NG32" s="341">
        <v>228839</v>
      </c>
      <c r="NH32" s="341">
        <v>239829</v>
      </c>
      <c r="NI32" s="341">
        <v>0</v>
      </c>
      <c r="NJ32" s="345">
        <v>468668</v>
      </c>
      <c r="NK32" s="343">
        <v>468668</v>
      </c>
      <c r="NL32" s="344">
        <v>0</v>
      </c>
      <c r="NM32" s="341">
        <v>0</v>
      </c>
      <c r="NN32" s="345">
        <v>0</v>
      </c>
      <c r="NO32" s="352"/>
      <c r="NP32" s="341">
        <v>0</v>
      </c>
      <c r="NQ32" s="341">
        <v>0</v>
      </c>
      <c r="NR32" s="341">
        <v>0</v>
      </c>
      <c r="NS32" s="341">
        <v>0</v>
      </c>
      <c r="NT32" s="341">
        <v>0</v>
      </c>
      <c r="NU32" s="345">
        <v>0</v>
      </c>
      <c r="NV32" s="347">
        <v>0</v>
      </c>
      <c r="NW32" s="344">
        <v>0</v>
      </c>
      <c r="NX32" s="341">
        <v>0</v>
      </c>
      <c r="NY32" s="345">
        <v>0</v>
      </c>
      <c r="NZ32" s="352"/>
      <c r="OA32" s="341">
        <v>0</v>
      </c>
      <c r="OB32" s="341">
        <v>0</v>
      </c>
      <c r="OC32" s="341">
        <v>0</v>
      </c>
      <c r="OD32" s="341">
        <v>0</v>
      </c>
      <c r="OE32" s="341">
        <v>0</v>
      </c>
      <c r="OF32" s="345">
        <v>0</v>
      </c>
      <c r="OG32" s="347">
        <v>0</v>
      </c>
      <c r="OH32" s="344">
        <v>69033</v>
      </c>
      <c r="OI32" s="341">
        <v>439470</v>
      </c>
      <c r="OJ32" s="342">
        <v>508503</v>
      </c>
      <c r="OK32" s="348">
        <v>0</v>
      </c>
      <c r="OL32" s="341">
        <v>1051191</v>
      </c>
      <c r="OM32" s="341">
        <v>609731</v>
      </c>
      <c r="ON32" s="341">
        <v>2042071</v>
      </c>
      <c r="OO32" s="341">
        <v>1269058</v>
      </c>
      <c r="OP32" s="341">
        <v>234689</v>
      </c>
      <c r="OQ32" s="345">
        <v>5206740</v>
      </c>
      <c r="OR32" s="351">
        <v>5715243</v>
      </c>
    </row>
    <row r="33" spans="1:408" ht="20.25" customHeight="1" x14ac:dyDescent="0.2">
      <c r="A33" s="111" t="s">
        <v>28</v>
      </c>
      <c r="B33" s="318">
        <v>0</v>
      </c>
      <c r="C33" s="319">
        <v>51086</v>
      </c>
      <c r="D33" s="320">
        <v>51086</v>
      </c>
      <c r="E33" s="321">
        <v>0</v>
      </c>
      <c r="F33" s="319">
        <v>377002</v>
      </c>
      <c r="G33" s="319">
        <v>293394</v>
      </c>
      <c r="H33" s="319">
        <v>72001</v>
      </c>
      <c r="I33" s="319">
        <v>0</v>
      </c>
      <c r="J33" s="319">
        <v>331613</v>
      </c>
      <c r="K33" s="358">
        <v>1074010</v>
      </c>
      <c r="L33" s="322">
        <v>1125096</v>
      </c>
      <c r="M33" s="318">
        <v>0</v>
      </c>
      <c r="N33" s="319">
        <v>3619</v>
      </c>
      <c r="O33" s="320">
        <v>3619</v>
      </c>
      <c r="P33" s="318">
        <v>0</v>
      </c>
      <c r="Q33" s="319">
        <v>86597</v>
      </c>
      <c r="R33" s="319">
        <v>128064</v>
      </c>
      <c r="S33" s="319">
        <v>28168</v>
      </c>
      <c r="T33" s="319">
        <v>0</v>
      </c>
      <c r="U33" s="319">
        <v>8778</v>
      </c>
      <c r="V33" s="320">
        <v>251607</v>
      </c>
      <c r="W33" s="322">
        <v>255226</v>
      </c>
      <c r="X33" s="318">
        <v>0</v>
      </c>
      <c r="Y33" s="319">
        <v>0</v>
      </c>
      <c r="Z33" s="320">
        <v>0</v>
      </c>
      <c r="AA33" s="318">
        <v>0</v>
      </c>
      <c r="AB33" s="319">
        <v>22895</v>
      </c>
      <c r="AC33" s="319">
        <v>75004</v>
      </c>
      <c r="AD33" s="319">
        <v>0</v>
      </c>
      <c r="AE33" s="319">
        <v>0</v>
      </c>
      <c r="AF33" s="319">
        <v>0</v>
      </c>
      <c r="AG33" s="320">
        <v>97899</v>
      </c>
      <c r="AH33" s="322">
        <v>97899</v>
      </c>
      <c r="AI33" s="318">
        <v>0</v>
      </c>
      <c r="AJ33" s="319">
        <v>0</v>
      </c>
      <c r="AK33" s="320">
        <v>0</v>
      </c>
      <c r="AL33" s="318">
        <v>0</v>
      </c>
      <c r="AM33" s="319">
        <v>0</v>
      </c>
      <c r="AN33" s="319">
        <v>0</v>
      </c>
      <c r="AO33" s="319">
        <v>0</v>
      </c>
      <c r="AP33" s="319">
        <v>0</v>
      </c>
      <c r="AQ33" s="319">
        <v>0</v>
      </c>
      <c r="AR33" s="320">
        <v>0</v>
      </c>
      <c r="AS33" s="322">
        <v>0</v>
      </c>
      <c r="AT33" s="318">
        <v>0</v>
      </c>
      <c r="AU33" s="319">
        <v>0</v>
      </c>
      <c r="AV33" s="320">
        <v>0</v>
      </c>
      <c r="AW33" s="318">
        <v>0</v>
      </c>
      <c r="AX33" s="319">
        <v>0</v>
      </c>
      <c r="AY33" s="319">
        <v>25529</v>
      </c>
      <c r="AZ33" s="319">
        <v>13139</v>
      </c>
      <c r="BA33" s="319">
        <v>0</v>
      </c>
      <c r="BB33" s="319">
        <v>0</v>
      </c>
      <c r="BC33" s="320">
        <v>38668</v>
      </c>
      <c r="BD33" s="322">
        <v>38668</v>
      </c>
      <c r="BE33" s="318">
        <v>0</v>
      </c>
      <c r="BF33" s="319">
        <v>0</v>
      </c>
      <c r="BG33" s="323">
        <v>0</v>
      </c>
      <c r="BH33" s="324">
        <v>0</v>
      </c>
      <c r="BI33" s="319">
        <v>55302</v>
      </c>
      <c r="BJ33" s="319">
        <v>0</v>
      </c>
      <c r="BK33" s="319">
        <v>0</v>
      </c>
      <c r="BL33" s="319">
        <v>0</v>
      </c>
      <c r="BM33" s="319">
        <v>0</v>
      </c>
      <c r="BN33" s="320">
        <v>55302</v>
      </c>
      <c r="BO33" s="322">
        <v>55302</v>
      </c>
      <c r="BP33" s="318">
        <v>0</v>
      </c>
      <c r="BQ33" s="319">
        <v>3619</v>
      </c>
      <c r="BR33" s="320">
        <v>3619</v>
      </c>
      <c r="BS33" s="318">
        <v>0</v>
      </c>
      <c r="BT33" s="319">
        <v>8400</v>
      </c>
      <c r="BU33" s="319">
        <v>27531</v>
      </c>
      <c r="BV33" s="319">
        <v>15029</v>
      </c>
      <c r="BW33" s="319">
        <v>0</v>
      </c>
      <c r="BX33" s="319">
        <v>8778</v>
      </c>
      <c r="BY33" s="320">
        <v>59738</v>
      </c>
      <c r="BZ33" s="322">
        <v>63357</v>
      </c>
      <c r="CA33" s="318">
        <v>0</v>
      </c>
      <c r="CB33" s="319">
        <v>34867</v>
      </c>
      <c r="CC33" s="320">
        <v>34867</v>
      </c>
      <c r="CD33" s="318">
        <v>0</v>
      </c>
      <c r="CE33" s="319">
        <v>137759</v>
      </c>
      <c r="CF33" s="319">
        <v>123862</v>
      </c>
      <c r="CG33" s="319">
        <v>8029</v>
      </c>
      <c r="CH33" s="319">
        <v>0</v>
      </c>
      <c r="CI33" s="319">
        <v>70420</v>
      </c>
      <c r="CJ33" s="320">
        <v>340070</v>
      </c>
      <c r="CK33" s="322">
        <v>374937</v>
      </c>
      <c r="CL33" s="318">
        <v>0</v>
      </c>
      <c r="CM33" s="319">
        <v>0</v>
      </c>
      <c r="CN33" s="320">
        <v>0</v>
      </c>
      <c r="CO33" s="324">
        <v>0</v>
      </c>
      <c r="CP33" s="319">
        <v>62398</v>
      </c>
      <c r="CQ33" s="319">
        <v>103884</v>
      </c>
      <c r="CR33" s="319">
        <v>0</v>
      </c>
      <c r="CS33" s="319">
        <v>0</v>
      </c>
      <c r="CT33" s="319">
        <v>0</v>
      </c>
      <c r="CU33" s="320">
        <v>166282</v>
      </c>
      <c r="CV33" s="322">
        <v>166282</v>
      </c>
      <c r="CW33" s="318">
        <v>0</v>
      </c>
      <c r="CX33" s="319">
        <v>34867</v>
      </c>
      <c r="CY33" s="320">
        <v>34867</v>
      </c>
      <c r="CZ33" s="318">
        <v>0</v>
      </c>
      <c r="DA33" s="319">
        <v>75361</v>
      </c>
      <c r="DB33" s="319">
        <v>19978</v>
      </c>
      <c r="DC33" s="319">
        <v>8029</v>
      </c>
      <c r="DD33" s="319">
        <v>0</v>
      </c>
      <c r="DE33" s="319">
        <v>70420</v>
      </c>
      <c r="DF33" s="320">
        <v>173788</v>
      </c>
      <c r="DG33" s="322">
        <v>208655</v>
      </c>
      <c r="DH33" s="318">
        <v>0</v>
      </c>
      <c r="DI33" s="319">
        <v>0</v>
      </c>
      <c r="DJ33" s="323">
        <v>0</v>
      </c>
      <c r="DK33" s="324">
        <v>0</v>
      </c>
      <c r="DL33" s="319">
        <v>0</v>
      </c>
      <c r="DM33" s="319">
        <v>0</v>
      </c>
      <c r="DN33" s="319">
        <v>28454</v>
      </c>
      <c r="DO33" s="319">
        <v>0</v>
      </c>
      <c r="DP33" s="319">
        <v>0</v>
      </c>
      <c r="DQ33" s="320">
        <v>28454</v>
      </c>
      <c r="DR33" s="322">
        <v>28454</v>
      </c>
      <c r="DS33" s="318">
        <v>0</v>
      </c>
      <c r="DT33" s="319">
        <v>0</v>
      </c>
      <c r="DU33" s="320">
        <v>0</v>
      </c>
      <c r="DV33" s="318">
        <v>0</v>
      </c>
      <c r="DW33" s="319">
        <v>0</v>
      </c>
      <c r="DX33" s="319">
        <v>0</v>
      </c>
      <c r="DY33" s="319">
        <v>28454</v>
      </c>
      <c r="DZ33" s="319">
        <v>0</v>
      </c>
      <c r="EA33" s="319">
        <v>0</v>
      </c>
      <c r="EB33" s="320">
        <v>28454</v>
      </c>
      <c r="EC33" s="322">
        <v>28454</v>
      </c>
      <c r="ED33" s="318">
        <v>0</v>
      </c>
      <c r="EE33" s="323">
        <v>0</v>
      </c>
      <c r="EF33" s="320">
        <v>0</v>
      </c>
      <c r="EG33" s="318">
        <v>0</v>
      </c>
      <c r="EH33" s="319">
        <v>0</v>
      </c>
      <c r="EI33" s="319">
        <v>0</v>
      </c>
      <c r="EJ33" s="319">
        <v>0</v>
      </c>
      <c r="EK33" s="319">
        <v>0</v>
      </c>
      <c r="EL33" s="319">
        <v>0</v>
      </c>
      <c r="EM33" s="323">
        <v>0</v>
      </c>
      <c r="EN33" s="322">
        <v>0</v>
      </c>
      <c r="EO33" s="318">
        <v>0</v>
      </c>
      <c r="EP33" s="319">
        <v>0</v>
      </c>
      <c r="EQ33" s="323">
        <v>0</v>
      </c>
      <c r="ER33" s="324">
        <v>0</v>
      </c>
      <c r="ES33" s="319">
        <v>0</v>
      </c>
      <c r="ET33" s="319">
        <v>0</v>
      </c>
      <c r="EU33" s="319">
        <v>0</v>
      </c>
      <c r="EV33" s="319">
        <v>0</v>
      </c>
      <c r="EW33" s="319">
        <v>0</v>
      </c>
      <c r="EX33" s="320">
        <v>0</v>
      </c>
      <c r="EY33" s="322">
        <v>0</v>
      </c>
      <c r="EZ33" s="318">
        <v>0</v>
      </c>
      <c r="FA33" s="319">
        <v>0</v>
      </c>
      <c r="FB33" s="323">
        <v>0</v>
      </c>
      <c r="FC33" s="325"/>
      <c r="FD33" s="319">
        <v>0</v>
      </c>
      <c r="FE33" s="319">
        <v>0</v>
      </c>
      <c r="FF33" s="319">
        <v>0</v>
      </c>
      <c r="FG33" s="319">
        <v>0</v>
      </c>
      <c r="FH33" s="319">
        <v>0</v>
      </c>
      <c r="FI33" s="320">
        <v>0</v>
      </c>
      <c r="FJ33" s="322">
        <v>0</v>
      </c>
      <c r="FK33" s="318">
        <v>0</v>
      </c>
      <c r="FL33" s="319">
        <v>12600</v>
      </c>
      <c r="FM33" s="320">
        <v>12600</v>
      </c>
      <c r="FN33" s="318">
        <v>0</v>
      </c>
      <c r="FO33" s="319">
        <v>18760</v>
      </c>
      <c r="FP33" s="319">
        <v>43862</v>
      </c>
      <c r="FQ33" s="319">
        <v>7350</v>
      </c>
      <c r="FR33" s="319">
        <v>0</v>
      </c>
      <c r="FS33" s="319">
        <v>45150</v>
      </c>
      <c r="FT33" s="320">
        <v>115122</v>
      </c>
      <c r="FU33" s="322">
        <v>127722</v>
      </c>
      <c r="FV33" s="326">
        <v>0</v>
      </c>
      <c r="FW33" s="319">
        <v>12600</v>
      </c>
      <c r="FX33" s="323">
        <v>12600</v>
      </c>
      <c r="FY33" s="324">
        <v>0</v>
      </c>
      <c r="FZ33" s="319">
        <v>18760</v>
      </c>
      <c r="GA33" s="319">
        <v>43862</v>
      </c>
      <c r="GB33" s="319">
        <v>7350</v>
      </c>
      <c r="GC33" s="319">
        <v>0</v>
      </c>
      <c r="GD33" s="319">
        <v>45150</v>
      </c>
      <c r="GE33" s="320">
        <v>115122</v>
      </c>
      <c r="GF33" s="327">
        <v>127722</v>
      </c>
      <c r="GG33" s="326">
        <v>0</v>
      </c>
      <c r="GH33" s="319">
        <v>0</v>
      </c>
      <c r="GI33" s="323">
        <v>0</v>
      </c>
      <c r="GJ33" s="324">
        <v>0</v>
      </c>
      <c r="GK33" s="319">
        <v>0</v>
      </c>
      <c r="GL33" s="319">
        <v>0</v>
      </c>
      <c r="GM33" s="319">
        <v>0</v>
      </c>
      <c r="GN33" s="319">
        <v>0</v>
      </c>
      <c r="GO33" s="319">
        <v>0</v>
      </c>
      <c r="GP33" s="320">
        <v>0</v>
      </c>
      <c r="GQ33" s="322">
        <v>0</v>
      </c>
      <c r="GR33" s="318">
        <v>0</v>
      </c>
      <c r="GS33" s="319">
        <v>0</v>
      </c>
      <c r="GT33" s="320">
        <v>0</v>
      </c>
      <c r="GU33" s="318">
        <v>0</v>
      </c>
      <c r="GV33" s="319">
        <v>0</v>
      </c>
      <c r="GW33" s="319">
        <v>0</v>
      </c>
      <c r="GX33" s="319">
        <v>0</v>
      </c>
      <c r="GY33" s="319">
        <v>0</v>
      </c>
      <c r="GZ33" s="319">
        <v>0</v>
      </c>
      <c r="HA33" s="323">
        <v>0</v>
      </c>
      <c r="HB33" s="322">
        <v>0</v>
      </c>
      <c r="HC33" s="318">
        <v>0</v>
      </c>
      <c r="HD33" s="319">
        <v>0</v>
      </c>
      <c r="HE33" s="323">
        <v>0</v>
      </c>
      <c r="HF33" s="324">
        <v>0</v>
      </c>
      <c r="HG33" s="319">
        <v>133886</v>
      </c>
      <c r="HH33" s="319">
        <v>-2394</v>
      </c>
      <c r="HI33" s="319">
        <v>0</v>
      </c>
      <c r="HJ33" s="319">
        <v>0</v>
      </c>
      <c r="HK33" s="319">
        <v>207265</v>
      </c>
      <c r="HL33" s="320">
        <v>338757</v>
      </c>
      <c r="HM33" s="321">
        <v>338757</v>
      </c>
      <c r="HN33" s="411"/>
      <c r="HO33" s="411"/>
      <c r="HP33" s="411"/>
      <c r="HQ33" s="411"/>
      <c r="HR33" s="411"/>
      <c r="HS33" s="411"/>
      <c r="HT33" s="411"/>
      <c r="HU33" s="411"/>
      <c r="HV33" s="411"/>
      <c r="HW33" s="411"/>
      <c r="HX33" s="424"/>
      <c r="HY33" s="330">
        <v>0</v>
      </c>
      <c r="HZ33" s="329">
        <v>0</v>
      </c>
      <c r="IA33" s="330">
        <v>0</v>
      </c>
      <c r="IB33" s="353">
        <v>0</v>
      </c>
      <c r="IC33" s="329">
        <v>68922</v>
      </c>
      <c r="ID33" s="354">
        <v>46550</v>
      </c>
      <c r="IE33" s="330">
        <v>11025</v>
      </c>
      <c r="IF33" s="329">
        <v>0</v>
      </c>
      <c r="IG33" s="330">
        <v>0</v>
      </c>
      <c r="IH33" s="355">
        <v>126497</v>
      </c>
      <c r="II33" s="336">
        <v>126497</v>
      </c>
      <c r="IJ33" s="337">
        <v>0</v>
      </c>
      <c r="IK33" s="338">
        <v>0</v>
      </c>
      <c r="IL33" s="339">
        <v>0</v>
      </c>
      <c r="IM33" s="411"/>
      <c r="IN33" s="341">
        <v>0</v>
      </c>
      <c r="IO33" s="341">
        <v>0</v>
      </c>
      <c r="IP33" s="341">
        <v>0</v>
      </c>
      <c r="IQ33" s="341">
        <v>0</v>
      </c>
      <c r="IR33" s="341">
        <v>0</v>
      </c>
      <c r="IS33" s="342">
        <v>0</v>
      </c>
      <c r="IT33" s="343">
        <v>0</v>
      </c>
      <c r="IU33" s="344">
        <v>0</v>
      </c>
      <c r="IV33" s="341">
        <v>0</v>
      </c>
      <c r="IW33" s="345">
        <v>0</v>
      </c>
      <c r="IX33" s="411"/>
      <c r="IY33" s="341">
        <v>0</v>
      </c>
      <c r="IZ33" s="341">
        <v>0</v>
      </c>
      <c r="JA33" s="341">
        <v>0</v>
      </c>
      <c r="JB33" s="341">
        <v>0</v>
      </c>
      <c r="JC33" s="341">
        <v>0</v>
      </c>
      <c r="JD33" s="345">
        <v>0</v>
      </c>
      <c r="JE33" s="347">
        <v>0</v>
      </c>
      <c r="JF33" s="344">
        <v>0</v>
      </c>
      <c r="JG33" s="341">
        <v>0</v>
      </c>
      <c r="JH33" s="342">
        <v>0</v>
      </c>
      <c r="JI33" s="348">
        <v>0</v>
      </c>
      <c r="JJ33" s="341">
        <v>68922</v>
      </c>
      <c r="JK33" s="341">
        <v>46550</v>
      </c>
      <c r="JL33" s="341">
        <v>0</v>
      </c>
      <c r="JM33" s="341">
        <v>0</v>
      </c>
      <c r="JN33" s="341">
        <v>0</v>
      </c>
      <c r="JO33" s="345">
        <v>115472</v>
      </c>
      <c r="JP33" s="343">
        <v>115472</v>
      </c>
      <c r="JQ33" s="344">
        <v>0</v>
      </c>
      <c r="JR33" s="341">
        <v>0</v>
      </c>
      <c r="JS33" s="342">
        <v>0</v>
      </c>
      <c r="JT33" s="348">
        <v>0</v>
      </c>
      <c r="JU33" s="341">
        <v>0</v>
      </c>
      <c r="JV33" s="341">
        <v>0</v>
      </c>
      <c r="JW33" s="341">
        <v>11025</v>
      </c>
      <c r="JX33" s="341">
        <v>0</v>
      </c>
      <c r="JY33" s="341">
        <v>0</v>
      </c>
      <c r="JZ33" s="345">
        <v>11025</v>
      </c>
      <c r="KA33" s="343">
        <v>11025</v>
      </c>
      <c r="KB33" s="349">
        <v>0</v>
      </c>
      <c r="KC33" s="350">
        <v>0</v>
      </c>
      <c r="KD33" s="345">
        <v>0</v>
      </c>
      <c r="KE33" s="348">
        <v>0</v>
      </c>
      <c r="KF33" s="341">
        <v>0</v>
      </c>
      <c r="KG33" s="341">
        <v>0</v>
      </c>
      <c r="KH33" s="341">
        <v>0</v>
      </c>
      <c r="KI33" s="341">
        <v>0</v>
      </c>
      <c r="KJ33" s="341">
        <v>0</v>
      </c>
      <c r="KK33" s="345">
        <v>0</v>
      </c>
      <c r="KL33" s="351">
        <v>0</v>
      </c>
      <c r="KM33" s="337">
        <v>0</v>
      </c>
      <c r="KN33" s="338">
        <v>0</v>
      </c>
      <c r="KO33" s="339">
        <v>0</v>
      </c>
      <c r="KP33" s="340"/>
      <c r="KQ33" s="341">
        <v>0</v>
      </c>
      <c r="KR33" s="341">
        <v>0</v>
      </c>
      <c r="KS33" s="341">
        <v>0</v>
      </c>
      <c r="KT33" s="341">
        <v>0</v>
      </c>
      <c r="KU33" s="341">
        <v>0</v>
      </c>
      <c r="KV33" s="345">
        <v>0</v>
      </c>
      <c r="KW33" s="343">
        <v>0</v>
      </c>
      <c r="KX33" s="344">
        <v>0</v>
      </c>
      <c r="KY33" s="341">
        <v>0</v>
      </c>
      <c r="KZ33" s="345">
        <v>0</v>
      </c>
      <c r="LA33" s="352"/>
      <c r="LB33" s="341">
        <v>0</v>
      </c>
      <c r="LC33" s="341">
        <v>0</v>
      </c>
      <c r="LD33" s="341">
        <v>0</v>
      </c>
      <c r="LE33" s="341">
        <v>0</v>
      </c>
      <c r="LF33" s="341">
        <v>0</v>
      </c>
      <c r="LG33" s="345">
        <v>0</v>
      </c>
      <c r="LH33" s="347">
        <v>0</v>
      </c>
      <c r="LI33" s="344">
        <v>0</v>
      </c>
      <c r="LJ33" s="341">
        <v>0</v>
      </c>
      <c r="LK33" s="345">
        <v>0</v>
      </c>
      <c r="LL33" s="352"/>
      <c r="LM33" s="341">
        <v>0</v>
      </c>
      <c r="LN33" s="341">
        <v>0</v>
      </c>
      <c r="LO33" s="341">
        <v>0</v>
      </c>
      <c r="LP33" s="341">
        <v>0</v>
      </c>
      <c r="LQ33" s="341">
        <v>0</v>
      </c>
      <c r="LR33" s="345">
        <v>0</v>
      </c>
      <c r="LS33" s="343">
        <v>0</v>
      </c>
      <c r="LT33" s="344">
        <v>0</v>
      </c>
      <c r="LU33" s="341">
        <v>0</v>
      </c>
      <c r="LV33" s="345">
        <v>0</v>
      </c>
      <c r="LW33" s="352"/>
      <c r="LX33" s="341">
        <v>0</v>
      </c>
      <c r="LY33" s="341">
        <v>0</v>
      </c>
      <c r="LZ33" s="341">
        <v>0</v>
      </c>
      <c r="MA33" s="341">
        <v>0</v>
      </c>
      <c r="MB33" s="341">
        <v>0</v>
      </c>
      <c r="MC33" s="345">
        <v>0</v>
      </c>
      <c r="MD33" s="347">
        <v>0</v>
      </c>
      <c r="ME33" s="344">
        <v>0</v>
      </c>
      <c r="MF33" s="341">
        <v>0</v>
      </c>
      <c r="MG33" s="345">
        <v>0</v>
      </c>
      <c r="MH33" s="352"/>
      <c r="MI33" s="341">
        <v>0</v>
      </c>
      <c r="MJ33" s="341">
        <v>0</v>
      </c>
      <c r="MK33" s="341">
        <v>264734</v>
      </c>
      <c r="ML33" s="341">
        <v>361635</v>
      </c>
      <c r="MM33" s="341">
        <v>256237</v>
      </c>
      <c r="MN33" s="345">
        <v>882606</v>
      </c>
      <c r="MO33" s="351">
        <v>882606</v>
      </c>
      <c r="MP33" s="344">
        <v>0</v>
      </c>
      <c r="MQ33" s="341">
        <v>0</v>
      </c>
      <c r="MR33" s="345">
        <v>0</v>
      </c>
      <c r="MS33" s="352"/>
      <c r="MT33" s="341">
        <v>0</v>
      </c>
      <c r="MU33" s="341">
        <v>0</v>
      </c>
      <c r="MV33" s="341">
        <v>0</v>
      </c>
      <c r="MW33" s="341">
        <v>361635</v>
      </c>
      <c r="MX33" s="341">
        <v>0</v>
      </c>
      <c r="MY33" s="345">
        <v>361635</v>
      </c>
      <c r="MZ33" s="351">
        <v>361635</v>
      </c>
      <c r="NA33" s="344">
        <v>0</v>
      </c>
      <c r="NB33" s="341">
        <v>0</v>
      </c>
      <c r="NC33" s="345">
        <v>0</v>
      </c>
      <c r="ND33" s="352"/>
      <c r="NE33" s="341">
        <v>0</v>
      </c>
      <c r="NF33" s="341">
        <v>0</v>
      </c>
      <c r="NG33" s="341">
        <v>264734</v>
      </c>
      <c r="NH33" s="341">
        <v>0</v>
      </c>
      <c r="NI33" s="341">
        <v>256237</v>
      </c>
      <c r="NJ33" s="345">
        <v>520971</v>
      </c>
      <c r="NK33" s="343">
        <v>520971</v>
      </c>
      <c r="NL33" s="344">
        <v>0</v>
      </c>
      <c r="NM33" s="341">
        <v>0</v>
      </c>
      <c r="NN33" s="345">
        <v>0</v>
      </c>
      <c r="NO33" s="352"/>
      <c r="NP33" s="341">
        <v>0</v>
      </c>
      <c r="NQ33" s="341">
        <v>0</v>
      </c>
      <c r="NR33" s="341">
        <v>0</v>
      </c>
      <c r="NS33" s="341">
        <v>0</v>
      </c>
      <c r="NT33" s="341">
        <v>0</v>
      </c>
      <c r="NU33" s="345">
        <v>0</v>
      </c>
      <c r="NV33" s="347">
        <v>0</v>
      </c>
      <c r="NW33" s="344">
        <v>0</v>
      </c>
      <c r="NX33" s="341">
        <v>0</v>
      </c>
      <c r="NY33" s="345">
        <v>0</v>
      </c>
      <c r="NZ33" s="352"/>
      <c r="OA33" s="341">
        <v>0</v>
      </c>
      <c r="OB33" s="341">
        <v>0</v>
      </c>
      <c r="OC33" s="341">
        <v>0</v>
      </c>
      <c r="OD33" s="341">
        <v>0</v>
      </c>
      <c r="OE33" s="341">
        <v>0</v>
      </c>
      <c r="OF33" s="345">
        <v>0</v>
      </c>
      <c r="OG33" s="347">
        <v>0</v>
      </c>
      <c r="OH33" s="344">
        <v>0</v>
      </c>
      <c r="OI33" s="341">
        <v>51086</v>
      </c>
      <c r="OJ33" s="342">
        <v>51086</v>
      </c>
      <c r="OK33" s="348">
        <v>0</v>
      </c>
      <c r="OL33" s="341">
        <v>445924</v>
      </c>
      <c r="OM33" s="341">
        <v>339944</v>
      </c>
      <c r="ON33" s="341">
        <v>347760</v>
      </c>
      <c r="OO33" s="341">
        <v>361635</v>
      </c>
      <c r="OP33" s="341">
        <v>587850</v>
      </c>
      <c r="OQ33" s="345">
        <v>2083113</v>
      </c>
      <c r="OR33" s="351">
        <v>2134199</v>
      </c>
    </row>
    <row r="34" spans="1:408" ht="20.25" customHeight="1" x14ac:dyDescent="0.2">
      <c r="A34" s="111" t="s">
        <v>29</v>
      </c>
      <c r="B34" s="318">
        <v>5572</v>
      </c>
      <c r="C34" s="319">
        <v>11900</v>
      </c>
      <c r="D34" s="320">
        <v>17472</v>
      </c>
      <c r="E34" s="321">
        <v>0</v>
      </c>
      <c r="F34" s="319">
        <v>425019</v>
      </c>
      <c r="G34" s="319">
        <v>360851</v>
      </c>
      <c r="H34" s="319">
        <v>535044</v>
      </c>
      <c r="I34" s="319">
        <v>200668</v>
      </c>
      <c r="J34" s="319">
        <v>0</v>
      </c>
      <c r="K34" s="358">
        <v>1521582</v>
      </c>
      <c r="L34" s="322">
        <v>1539054</v>
      </c>
      <c r="M34" s="318">
        <v>4172</v>
      </c>
      <c r="N34" s="319">
        <v>0</v>
      </c>
      <c r="O34" s="320">
        <v>4172</v>
      </c>
      <c r="P34" s="318">
        <v>0</v>
      </c>
      <c r="Q34" s="319">
        <v>67396</v>
      </c>
      <c r="R34" s="319">
        <v>155878</v>
      </c>
      <c r="S34" s="319">
        <v>135730</v>
      </c>
      <c r="T34" s="319">
        <v>23170</v>
      </c>
      <c r="U34" s="319">
        <v>0</v>
      </c>
      <c r="V34" s="320">
        <v>382174</v>
      </c>
      <c r="W34" s="322">
        <v>386346</v>
      </c>
      <c r="X34" s="318">
        <v>0</v>
      </c>
      <c r="Y34" s="319">
        <v>0</v>
      </c>
      <c r="Z34" s="320">
        <v>0</v>
      </c>
      <c r="AA34" s="318">
        <v>0</v>
      </c>
      <c r="AB34" s="319">
        <v>9170</v>
      </c>
      <c r="AC34" s="319">
        <v>77597</v>
      </c>
      <c r="AD34" s="319">
        <v>0</v>
      </c>
      <c r="AE34" s="319">
        <v>0</v>
      </c>
      <c r="AF34" s="319">
        <v>0</v>
      </c>
      <c r="AG34" s="320">
        <v>86767</v>
      </c>
      <c r="AH34" s="322">
        <v>86767</v>
      </c>
      <c r="AI34" s="318">
        <v>0</v>
      </c>
      <c r="AJ34" s="319">
        <v>0</v>
      </c>
      <c r="AK34" s="320">
        <v>0</v>
      </c>
      <c r="AL34" s="318">
        <v>0</v>
      </c>
      <c r="AM34" s="319">
        <v>0</v>
      </c>
      <c r="AN34" s="319">
        <v>0</v>
      </c>
      <c r="AO34" s="319">
        <v>28392</v>
      </c>
      <c r="AP34" s="319">
        <v>0</v>
      </c>
      <c r="AQ34" s="319">
        <v>0</v>
      </c>
      <c r="AR34" s="320">
        <v>28392</v>
      </c>
      <c r="AS34" s="322">
        <v>28392</v>
      </c>
      <c r="AT34" s="318">
        <v>0</v>
      </c>
      <c r="AU34" s="319">
        <v>0</v>
      </c>
      <c r="AV34" s="320">
        <v>0</v>
      </c>
      <c r="AW34" s="318">
        <v>0</v>
      </c>
      <c r="AX34" s="319">
        <v>40026</v>
      </c>
      <c r="AY34" s="319">
        <v>0</v>
      </c>
      <c r="AZ34" s="319">
        <v>98938</v>
      </c>
      <c r="BA34" s="319">
        <v>0</v>
      </c>
      <c r="BB34" s="319">
        <v>0</v>
      </c>
      <c r="BC34" s="320">
        <v>138964</v>
      </c>
      <c r="BD34" s="322">
        <v>138964</v>
      </c>
      <c r="BE34" s="318">
        <v>0</v>
      </c>
      <c r="BF34" s="319">
        <v>0</v>
      </c>
      <c r="BG34" s="323">
        <v>0</v>
      </c>
      <c r="BH34" s="324">
        <v>0</v>
      </c>
      <c r="BI34" s="319">
        <v>0</v>
      </c>
      <c r="BJ34" s="319">
        <v>33460</v>
      </c>
      <c r="BK34" s="319">
        <v>0</v>
      </c>
      <c r="BL34" s="319">
        <v>0</v>
      </c>
      <c r="BM34" s="319">
        <v>0</v>
      </c>
      <c r="BN34" s="320">
        <v>33460</v>
      </c>
      <c r="BO34" s="322">
        <v>33460</v>
      </c>
      <c r="BP34" s="318">
        <v>4172</v>
      </c>
      <c r="BQ34" s="319">
        <v>0</v>
      </c>
      <c r="BR34" s="320">
        <v>4172</v>
      </c>
      <c r="BS34" s="318">
        <v>0</v>
      </c>
      <c r="BT34" s="319">
        <v>18200</v>
      </c>
      <c r="BU34" s="319">
        <v>44821</v>
      </c>
      <c r="BV34" s="319">
        <v>8400</v>
      </c>
      <c r="BW34" s="319">
        <v>23170</v>
      </c>
      <c r="BX34" s="319">
        <v>0</v>
      </c>
      <c r="BY34" s="320">
        <v>94591</v>
      </c>
      <c r="BZ34" s="322">
        <v>98763</v>
      </c>
      <c r="CA34" s="318">
        <v>0</v>
      </c>
      <c r="CB34" s="319">
        <v>0</v>
      </c>
      <c r="CC34" s="320">
        <v>0</v>
      </c>
      <c r="CD34" s="318">
        <v>0</v>
      </c>
      <c r="CE34" s="319">
        <v>76080</v>
      </c>
      <c r="CF34" s="319">
        <v>51303</v>
      </c>
      <c r="CG34" s="319">
        <v>157168</v>
      </c>
      <c r="CH34" s="319">
        <v>0</v>
      </c>
      <c r="CI34" s="319">
        <v>0</v>
      </c>
      <c r="CJ34" s="320">
        <v>284551</v>
      </c>
      <c r="CK34" s="322">
        <v>284551</v>
      </c>
      <c r="CL34" s="318">
        <v>0</v>
      </c>
      <c r="CM34" s="319">
        <v>0</v>
      </c>
      <c r="CN34" s="320">
        <v>0</v>
      </c>
      <c r="CO34" s="324">
        <v>0</v>
      </c>
      <c r="CP34" s="319">
        <v>76080</v>
      </c>
      <c r="CQ34" s="319">
        <v>0</v>
      </c>
      <c r="CR34" s="319">
        <v>24899</v>
      </c>
      <c r="CS34" s="319">
        <v>0</v>
      </c>
      <c r="CT34" s="319">
        <v>0</v>
      </c>
      <c r="CU34" s="320">
        <v>100979</v>
      </c>
      <c r="CV34" s="322">
        <v>100979</v>
      </c>
      <c r="CW34" s="318">
        <v>0</v>
      </c>
      <c r="CX34" s="319">
        <v>0</v>
      </c>
      <c r="CY34" s="320">
        <v>0</v>
      </c>
      <c r="CZ34" s="318">
        <v>0</v>
      </c>
      <c r="DA34" s="319">
        <v>0</v>
      </c>
      <c r="DB34" s="319">
        <v>51303</v>
      </c>
      <c r="DC34" s="319">
        <v>132269</v>
      </c>
      <c r="DD34" s="319">
        <v>0</v>
      </c>
      <c r="DE34" s="319">
        <v>0</v>
      </c>
      <c r="DF34" s="320">
        <v>183572</v>
      </c>
      <c r="DG34" s="322">
        <v>183572</v>
      </c>
      <c r="DH34" s="318">
        <v>0</v>
      </c>
      <c r="DI34" s="319">
        <v>0</v>
      </c>
      <c r="DJ34" s="323">
        <v>0</v>
      </c>
      <c r="DK34" s="324">
        <v>0</v>
      </c>
      <c r="DL34" s="319">
        <v>0</v>
      </c>
      <c r="DM34" s="319">
        <v>0</v>
      </c>
      <c r="DN34" s="319">
        <v>30233</v>
      </c>
      <c r="DO34" s="319">
        <v>0</v>
      </c>
      <c r="DP34" s="319">
        <v>0</v>
      </c>
      <c r="DQ34" s="320">
        <v>30233</v>
      </c>
      <c r="DR34" s="322">
        <v>30233</v>
      </c>
      <c r="DS34" s="318">
        <v>0</v>
      </c>
      <c r="DT34" s="319">
        <v>0</v>
      </c>
      <c r="DU34" s="320">
        <v>0</v>
      </c>
      <c r="DV34" s="318">
        <v>0</v>
      </c>
      <c r="DW34" s="319">
        <v>0</v>
      </c>
      <c r="DX34" s="319">
        <v>0</v>
      </c>
      <c r="DY34" s="319">
        <v>30233</v>
      </c>
      <c r="DZ34" s="319">
        <v>0</v>
      </c>
      <c r="EA34" s="319">
        <v>0</v>
      </c>
      <c r="EB34" s="320">
        <v>30233</v>
      </c>
      <c r="EC34" s="322">
        <v>30233</v>
      </c>
      <c r="ED34" s="318">
        <v>0</v>
      </c>
      <c r="EE34" s="323">
        <v>0</v>
      </c>
      <c r="EF34" s="320">
        <v>0</v>
      </c>
      <c r="EG34" s="318">
        <v>0</v>
      </c>
      <c r="EH34" s="319">
        <v>0</v>
      </c>
      <c r="EI34" s="319">
        <v>0</v>
      </c>
      <c r="EJ34" s="319">
        <v>0</v>
      </c>
      <c r="EK34" s="319">
        <v>0</v>
      </c>
      <c r="EL34" s="319">
        <v>0</v>
      </c>
      <c r="EM34" s="323">
        <v>0</v>
      </c>
      <c r="EN34" s="322">
        <v>0</v>
      </c>
      <c r="EO34" s="318">
        <v>0</v>
      </c>
      <c r="EP34" s="319">
        <v>0</v>
      </c>
      <c r="EQ34" s="323">
        <v>0</v>
      </c>
      <c r="ER34" s="324">
        <v>0</v>
      </c>
      <c r="ES34" s="319">
        <v>0</v>
      </c>
      <c r="ET34" s="319">
        <v>0</v>
      </c>
      <c r="EU34" s="319">
        <v>0</v>
      </c>
      <c r="EV34" s="319">
        <v>0</v>
      </c>
      <c r="EW34" s="319">
        <v>0</v>
      </c>
      <c r="EX34" s="320">
        <v>0</v>
      </c>
      <c r="EY34" s="322">
        <v>0</v>
      </c>
      <c r="EZ34" s="318">
        <v>0</v>
      </c>
      <c r="FA34" s="319">
        <v>0</v>
      </c>
      <c r="FB34" s="323">
        <v>0</v>
      </c>
      <c r="FC34" s="325"/>
      <c r="FD34" s="319">
        <v>0</v>
      </c>
      <c r="FE34" s="319">
        <v>0</v>
      </c>
      <c r="FF34" s="319">
        <v>0</v>
      </c>
      <c r="FG34" s="319">
        <v>0</v>
      </c>
      <c r="FH34" s="319">
        <v>0</v>
      </c>
      <c r="FI34" s="320">
        <v>0</v>
      </c>
      <c r="FJ34" s="322">
        <v>0</v>
      </c>
      <c r="FK34" s="318">
        <v>1400</v>
      </c>
      <c r="FL34" s="319">
        <v>11900</v>
      </c>
      <c r="FM34" s="320">
        <v>13300</v>
      </c>
      <c r="FN34" s="318">
        <v>0</v>
      </c>
      <c r="FO34" s="319">
        <v>24500</v>
      </c>
      <c r="FP34" s="319">
        <v>7700</v>
      </c>
      <c r="FQ34" s="319">
        <v>44905</v>
      </c>
      <c r="FR34" s="319">
        <v>0</v>
      </c>
      <c r="FS34" s="319">
        <v>0</v>
      </c>
      <c r="FT34" s="320">
        <v>77105</v>
      </c>
      <c r="FU34" s="322">
        <v>90405</v>
      </c>
      <c r="FV34" s="326">
        <v>1400</v>
      </c>
      <c r="FW34" s="319">
        <v>11900</v>
      </c>
      <c r="FX34" s="323">
        <v>13300</v>
      </c>
      <c r="FY34" s="324">
        <v>0</v>
      </c>
      <c r="FZ34" s="319">
        <v>24500</v>
      </c>
      <c r="GA34" s="319">
        <v>7700</v>
      </c>
      <c r="GB34" s="319">
        <v>44905</v>
      </c>
      <c r="GC34" s="319">
        <v>0</v>
      </c>
      <c r="GD34" s="319">
        <v>0</v>
      </c>
      <c r="GE34" s="320">
        <v>77105</v>
      </c>
      <c r="GF34" s="327">
        <v>90405</v>
      </c>
      <c r="GG34" s="326">
        <v>0</v>
      </c>
      <c r="GH34" s="319">
        <v>0</v>
      </c>
      <c r="GI34" s="323">
        <v>0</v>
      </c>
      <c r="GJ34" s="324">
        <v>0</v>
      </c>
      <c r="GK34" s="319">
        <v>0</v>
      </c>
      <c r="GL34" s="319">
        <v>0</v>
      </c>
      <c r="GM34" s="319">
        <v>0</v>
      </c>
      <c r="GN34" s="319">
        <v>0</v>
      </c>
      <c r="GO34" s="319">
        <v>0</v>
      </c>
      <c r="GP34" s="320">
        <v>0</v>
      </c>
      <c r="GQ34" s="322">
        <v>0</v>
      </c>
      <c r="GR34" s="318">
        <v>0</v>
      </c>
      <c r="GS34" s="319">
        <v>0</v>
      </c>
      <c r="GT34" s="320">
        <v>0</v>
      </c>
      <c r="GU34" s="318">
        <v>0</v>
      </c>
      <c r="GV34" s="319">
        <v>0</v>
      </c>
      <c r="GW34" s="319">
        <v>0</v>
      </c>
      <c r="GX34" s="319">
        <v>0</v>
      </c>
      <c r="GY34" s="319">
        <v>0</v>
      </c>
      <c r="GZ34" s="319">
        <v>0</v>
      </c>
      <c r="HA34" s="323">
        <v>0</v>
      </c>
      <c r="HB34" s="322">
        <v>0</v>
      </c>
      <c r="HC34" s="318">
        <v>0</v>
      </c>
      <c r="HD34" s="319">
        <v>0</v>
      </c>
      <c r="HE34" s="323">
        <v>0</v>
      </c>
      <c r="HF34" s="324">
        <v>0</v>
      </c>
      <c r="HG34" s="319">
        <v>257043</v>
      </c>
      <c r="HH34" s="319">
        <v>145970</v>
      </c>
      <c r="HI34" s="319">
        <v>167008</v>
      </c>
      <c r="HJ34" s="319">
        <v>177498</v>
      </c>
      <c r="HK34" s="319">
        <v>0</v>
      </c>
      <c r="HL34" s="320">
        <v>747519</v>
      </c>
      <c r="HM34" s="321">
        <v>747519</v>
      </c>
      <c r="HN34" s="411"/>
      <c r="HO34" s="411"/>
      <c r="HP34" s="411"/>
      <c r="HQ34" s="411"/>
      <c r="HR34" s="411"/>
      <c r="HS34" s="411"/>
      <c r="HT34" s="411"/>
      <c r="HU34" s="411"/>
      <c r="HV34" s="411"/>
      <c r="HW34" s="411"/>
      <c r="HX34" s="424"/>
      <c r="HY34" s="357">
        <v>0</v>
      </c>
      <c r="HZ34" s="332">
        <v>0</v>
      </c>
      <c r="IA34" s="357">
        <v>0</v>
      </c>
      <c r="IB34" s="331">
        <v>0</v>
      </c>
      <c r="IC34" s="332">
        <v>202174</v>
      </c>
      <c r="ID34" s="333">
        <v>12362</v>
      </c>
      <c r="IE34" s="334">
        <v>80724</v>
      </c>
      <c r="IF34" s="332">
        <v>0</v>
      </c>
      <c r="IG34" s="334">
        <v>0</v>
      </c>
      <c r="IH34" s="335">
        <v>295260</v>
      </c>
      <c r="II34" s="357">
        <v>295260</v>
      </c>
      <c r="IJ34" s="337">
        <v>0</v>
      </c>
      <c r="IK34" s="338">
        <v>0</v>
      </c>
      <c r="IL34" s="339">
        <v>0</v>
      </c>
      <c r="IM34" s="411"/>
      <c r="IN34" s="341">
        <v>0</v>
      </c>
      <c r="IO34" s="341">
        <v>0</v>
      </c>
      <c r="IP34" s="341">
        <v>0</v>
      </c>
      <c r="IQ34" s="341">
        <v>0</v>
      </c>
      <c r="IR34" s="341">
        <v>0</v>
      </c>
      <c r="IS34" s="342">
        <v>0</v>
      </c>
      <c r="IT34" s="343">
        <v>0</v>
      </c>
      <c r="IU34" s="344">
        <v>0</v>
      </c>
      <c r="IV34" s="341">
        <v>0</v>
      </c>
      <c r="IW34" s="345">
        <v>0</v>
      </c>
      <c r="IX34" s="411"/>
      <c r="IY34" s="341">
        <v>0</v>
      </c>
      <c r="IZ34" s="341">
        <v>0</v>
      </c>
      <c r="JA34" s="341">
        <v>0</v>
      </c>
      <c r="JB34" s="341">
        <v>0</v>
      </c>
      <c r="JC34" s="341">
        <v>0</v>
      </c>
      <c r="JD34" s="345">
        <v>0</v>
      </c>
      <c r="JE34" s="347">
        <v>0</v>
      </c>
      <c r="JF34" s="344">
        <v>0</v>
      </c>
      <c r="JG34" s="341">
        <v>0</v>
      </c>
      <c r="JH34" s="342">
        <v>0</v>
      </c>
      <c r="JI34" s="348">
        <v>0</v>
      </c>
      <c r="JJ34" s="341">
        <v>0</v>
      </c>
      <c r="JK34" s="341">
        <v>12362</v>
      </c>
      <c r="JL34" s="341">
        <v>0</v>
      </c>
      <c r="JM34" s="341">
        <v>0</v>
      </c>
      <c r="JN34" s="341">
        <v>0</v>
      </c>
      <c r="JO34" s="345">
        <v>12362</v>
      </c>
      <c r="JP34" s="343">
        <v>12362</v>
      </c>
      <c r="JQ34" s="344">
        <v>0</v>
      </c>
      <c r="JR34" s="341">
        <v>0</v>
      </c>
      <c r="JS34" s="342">
        <v>0</v>
      </c>
      <c r="JT34" s="348">
        <v>0</v>
      </c>
      <c r="JU34" s="341">
        <v>0</v>
      </c>
      <c r="JV34" s="341">
        <v>0</v>
      </c>
      <c r="JW34" s="341">
        <v>80724</v>
      </c>
      <c r="JX34" s="341">
        <v>0</v>
      </c>
      <c r="JY34" s="341">
        <v>0</v>
      </c>
      <c r="JZ34" s="345">
        <v>80724</v>
      </c>
      <c r="KA34" s="343">
        <v>80724</v>
      </c>
      <c r="KB34" s="349">
        <v>0</v>
      </c>
      <c r="KC34" s="350">
        <v>0</v>
      </c>
      <c r="KD34" s="345">
        <v>0</v>
      </c>
      <c r="KE34" s="348">
        <v>0</v>
      </c>
      <c r="KF34" s="341">
        <v>202174</v>
      </c>
      <c r="KG34" s="341">
        <v>0</v>
      </c>
      <c r="KH34" s="341">
        <v>0</v>
      </c>
      <c r="KI34" s="341">
        <v>0</v>
      </c>
      <c r="KJ34" s="341">
        <v>0</v>
      </c>
      <c r="KK34" s="345">
        <v>202174</v>
      </c>
      <c r="KL34" s="351">
        <v>202174</v>
      </c>
      <c r="KM34" s="337">
        <v>0</v>
      </c>
      <c r="KN34" s="338">
        <v>0</v>
      </c>
      <c r="KO34" s="339">
        <v>0</v>
      </c>
      <c r="KP34" s="340"/>
      <c r="KQ34" s="341">
        <v>0</v>
      </c>
      <c r="KR34" s="341">
        <v>0</v>
      </c>
      <c r="KS34" s="341">
        <v>0</v>
      </c>
      <c r="KT34" s="341">
        <v>0</v>
      </c>
      <c r="KU34" s="341">
        <v>0</v>
      </c>
      <c r="KV34" s="345">
        <v>0</v>
      </c>
      <c r="KW34" s="343">
        <v>0</v>
      </c>
      <c r="KX34" s="344">
        <v>0</v>
      </c>
      <c r="KY34" s="341">
        <v>0</v>
      </c>
      <c r="KZ34" s="345">
        <v>0</v>
      </c>
      <c r="LA34" s="352"/>
      <c r="LB34" s="341">
        <v>0</v>
      </c>
      <c r="LC34" s="341">
        <v>0</v>
      </c>
      <c r="LD34" s="341">
        <v>0</v>
      </c>
      <c r="LE34" s="341">
        <v>0</v>
      </c>
      <c r="LF34" s="341">
        <v>0</v>
      </c>
      <c r="LG34" s="345">
        <v>0</v>
      </c>
      <c r="LH34" s="347">
        <v>0</v>
      </c>
      <c r="LI34" s="344">
        <v>0</v>
      </c>
      <c r="LJ34" s="341">
        <v>0</v>
      </c>
      <c r="LK34" s="345">
        <v>0</v>
      </c>
      <c r="LL34" s="352"/>
      <c r="LM34" s="341">
        <v>0</v>
      </c>
      <c r="LN34" s="341">
        <v>0</v>
      </c>
      <c r="LO34" s="341">
        <v>0</v>
      </c>
      <c r="LP34" s="341">
        <v>0</v>
      </c>
      <c r="LQ34" s="341">
        <v>0</v>
      </c>
      <c r="LR34" s="345">
        <v>0</v>
      </c>
      <c r="LS34" s="343">
        <v>0</v>
      </c>
      <c r="LT34" s="344">
        <v>0</v>
      </c>
      <c r="LU34" s="341">
        <v>0</v>
      </c>
      <c r="LV34" s="345">
        <v>0</v>
      </c>
      <c r="LW34" s="352"/>
      <c r="LX34" s="341">
        <v>0</v>
      </c>
      <c r="LY34" s="341">
        <v>0</v>
      </c>
      <c r="LZ34" s="341">
        <v>0</v>
      </c>
      <c r="MA34" s="341">
        <v>0</v>
      </c>
      <c r="MB34" s="341">
        <v>0</v>
      </c>
      <c r="MC34" s="345">
        <v>0</v>
      </c>
      <c r="MD34" s="347">
        <v>0</v>
      </c>
      <c r="ME34" s="344">
        <v>0</v>
      </c>
      <c r="MF34" s="341">
        <v>0</v>
      </c>
      <c r="MG34" s="345">
        <v>0</v>
      </c>
      <c r="MH34" s="352"/>
      <c r="MI34" s="341">
        <v>0</v>
      </c>
      <c r="MJ34" s="341">
        <v>0</v>
      </c>
      <c r="MK34" s="341">
        <v>413902</v>
      </c>
      <c r="ML34" s="341">
        <v>120543</v>
      </c>
      <c r="MM34" s="341">
        <v>219618</v>
      </c>
      <c r="MN34" s="345">
        <v>754063</v>
      </c>
      <c r="MO34" s="351">
        <v>754063</v>
      </c>
      <c r="MP34" s="344">
        <v>0</v>
      </c>
      <c r="MQ34" s="341">
        <v>0</v>
      </c>
      <c r="MR34" s="345">
        <v>0</v>
      </c>
      <c r="MS34" s="352"/>
      <c r="MT34" s="341">
        <v>0</v>
      </c>
      <c r="MU34" s="341">
        <v>0</v>
      </c>
      <c r="MV34" s="341">
        <v>203728</v>
      </c>
      <c r="MW34" s="341">
        <v>120543</v>
      </c>
      <c r="MX34" s="341">
        <v>0</v>
      </c>
      <c r="MY34" s="345">
        <v>324271</v>
      </c>
      <c r="MZ34" s="351">
        <v>324271</v>
      </c>
      <c r="NA34" s="344">
        <v>0</v>
      </c>
      <c r="NB34" s="341">
        <v>0</v>
      </c>
      <c r="NC34" s="345">
        <v>0</v>
      </c>
      <c r="ND34" s="352"/>
      <c r="NE34" s="341">
        <v>0</v>
      </c>
      <c r="NF34" s="341">
        <v>0</v>
      </c>
      <c r="NG34" s="341">
        <v>210174</v>
      </c>
      <c r="NH34" s="341">
        <v>0</v>
      </c>
      <c r="NI34" s="341">
        <v>219618</v>
      </c>
      <c r="NJ34" s="345">
        <v>429792</v>
      </c>
      <c r="NK34" s="343">
        <v>429792</v>
      </c>
      <c r="NL34" s="344">
        <v>0</v>
      </c>
      <c r="NM34" s="341">
        <v>0</v>
      </c>
      <c r="NN34" s="345">
        <v>0</v>
      </c>
      <c r="NO34" s="352"/>
      <c r="NP34" s="341">
        <v>0</v>
      </c>
      <c r="NQ34" s="341">
        <v>0</v>
      </c>
      <c r="NR34" s="341">
        <v>0</v>
      </c>
      <c r="NS34" s="341">
        <v>0</v>
      </c>
      <c r="NT34" s="341">
        <v>0</v>
      </c>
      <c r="NU34" s="345">
        <v>0</v>
      </c>
      <c r="NV34" s="347">
        <v>0</v>
      </c>
      <c r="NW34" s="344">
        <v>0</v>
      </c>
      <c r="NX34" s="341">
        <v>0</v>
      </c>
      <c r="NY34" s="345">
        <v>0</v>
      </c>
      <c r="NZ34" s="352"/>
      <c r="OA34" s="341">
        <v>0</v>
      </c>
      <c r="OB34" s="341">
        <v>0</v>
      </c>
      <c r="OC34" s="341">
        <v>0</v>
      </c>
      <c r="OD34" s="341">
        <v>0</v>
      </c>
      <c r="OE34" s="341">
        <v>0</v>
      </c>
      <c r="OF34" s="345">
        <v>0</v>
      </c>
      <c r="OG34" s="347">
        <v>0</v>
      </c>
      <c r="OH34" s="344">
        <v>5572</v>
      </c>
      <c r="OI34" s="341">
        <v>11900</v>
      </c>
      <c r="OJ34" s="342">
        <v>17472</v>
      </c>
      <c r="OK34" s="348">
        <v>0</v>
      </c>
      <c r="OL34" s="341">
        <v>627193</v>
      </c>
      <c r="OM34" s="341">
        <v>373213</v>
      </c>
      <c r="ON34" s="341">
        <v>1029670</v>
      </c>
      <c r="OO34" s="341">
        <v>321211</v>
      </c>
      <c r="OP34" s="341">
        <v>219618</v>
      </c>
      <c r="OQ34" s="345">
        <v>2570905</v>
      </c>
      <c r="OR34" s="351">
        <v>2588377</v>
      </c>
    </row>
    <row r="35" spans="1:408" ht="20.25" customHeight="1" x14ac:dyDescent="0.2">
      <c r="A35" s="111" t="s">
        <v>30</v>
      </c>
      <c r="B35" s="318">
        <v>3850</v>
      </c>
      <c r="C35" s="319">
        <v>2100</v>
      </c>
      <c r="D35" s="359">
        <v>5950</v>
      </c>
      <c r="E35" s="360">
        <v>0</v>
      </c>
      <c r="F35" s="361">
        <v>312930</v>
      </c>
      <c r="G35" s="361">
        <v>310128</v>
      </c>
      <c r="H35" s="361">
        <v>409246</v>
      </c>
      <c r="I35" s="361">
        <v>493410</v>
      </c>
      <c r="J35" s="361">
        <v>0</v>
      </c>
      <c r="K35" s="362">
        <v>1525714</v>
      </c>
      <c r="L35" s="322">
        <v>1531664</v>
      </c>
      <c r="M35" s="318">
        <v>0</v>
      </c>
      <c r="N35" s="319">
        <v>0</v>
      </c>
      <c r="O35" s="320">
        <v>0</v>
      </c>
      <c r="P35" s="318">
        <v>0</v>
      </c>
      <c r="Q35" s="319">
        <v>9296</v>
      </c>
      <c r="R35" s="319">
        <v>69055</v>
      </c>
      <c r="S35" s="319">
        <v>187223</v>
      </c>
      <c r="T35" s="319">
        <v>271486</v>
      </c>
      <c r="U35" s="319">
        <v>0</v>
      </c>
      <c r="V35" s="320">
        <v>537060</v>
      </c>
      <c r="W35" s="322">
        <v>537060</v>
      </c>
      <c r="X35" s="318">
        <v>0</v>
      </c>
      <c r="Y35" s="319">
        <v>0</v>
      </c>
      <c r="Z35" s="320">
        <v>0</v>
      </c>
      <c r="AA35" s="318">
        <v>0</v>
      </c>
      <c r="AB35" s="319">
        <v>0</v>
      </c>
      <c r="AC35" s="319">
        <v>30359</v>
      </c>
      <c r="AD35" s="319">
        <v>178823</v>
      </c>
      <c r="AE35" s="319">
        <v>134814</v>
      </c>
      <c r="AF35" s="319">
        <v>0</v>
      </c>
      <c r="AG35" s="320">
        <v>343996</v>
      </c>
      <c r="AH35" s="322">
        <v>343996</v>
      </c>
      <c r="AI35" s="318">
        <v>0</v>
      </c>
      <c r="AJ35" s="319">
        <v>0</v>
      </c>
      <c r="AK35" s="320">
        <v>0</v>
      </c>
      <c r="AL35" s="318">
        <v>0</v>
      </c>
      <c r="AM35" s="319">
        <v>0</v>
      </c>
      <c r="AN35" s="319">
        <v>0</v>
      </c>
      <c r="AO35" s="319">
        <v>0</v>
      </c>
      <c r="AP35" s="319">
        <v>47320</v>
      </c>
      <c r="AQ35" s="319">
        <v>0</v>
      </c>
      <c r="AR35" s="320">
        <v>47320</v>
      </c>
      <c r="AS35" s="322">
        <v>47320</v>
      </c>
      <c r="AT35" s="318">
        <v>0</v>
      </c>
      <c r="AU35" s="319">
        <v>0</v>
      </c>
      <c r="AV35" s="320">
        <v>0</v>
      </c>
      <c r="AW35" s="318">
        <v>0</v>
      </c>
      <c r="AX35" s="319">
        <v>0</v>
      </c>
      <c r="AY35" s="319">
        <v>34524</v>
      </c>
      <c r="AZ35" s="319">
        <v>0</v>
      </c>
      <c r="BA35" s="319">
        <v>28924</v>
      </c>
      <c r="BB35" s="319">
        <v>0</v>
      </c>
      <c r="BC35" s="320">
        <v>63448</v>
      </c>
      <c r="BD35" s="322">
        <v>63448</v>
      </c>
      <c r="BE35" s="318">
        <v>0</v>
      </c>
      <c r="BF35" s="319">
        <v>0</v>
      </c>
      <c r="BG35" s="323">
        <v>0</v>
      </c>
      <c r="BH35" s="324">
        <v>0</v>
      </c>
      <c r="BI35" s="319">
        <v>0</v>
      </c>
      <c r="BJ35" s="319">
        <v>0</v>
      </c>
      <c r="BK35" s="319">
        <v>0</v>
      </c>
      <c r="BL35" s="319">
        <v>47261</v>
      </c>
      <c r="BM35" s="319">
        <v>0</v>
      </c>
      <c r="BN35" s="320">
        <v>47261</v>
      </c>
      <c r="BO35" s="322">
        <v>47261</v>
      </c>
      <c r="BP35" s="318">
        <v>0</v>
      </c>
      <c r="BQ35" s="319">
        <v>0</v>
      </c>
      <c r="BR35" s="320">
        <v>0</v>
      </c>
      <c r="BS35" s="318">
        <v>0</v>
      </c>
      <c r="BT35" s="319">
        <v>9296</v>
      </c>
      <c r="BU35" s="319">
        <v>4172</v>
      </c>
      <c r="BV35" s="319">
        <v>8400</v>
      </c>
      <c r="BW35" s="319">
        <v>13167</v>
      </c>
      <c r="BX35" s="319">
        <v>0</v>
      </c>
      <c r="BY35" s="320">
        <v>35035</v>
      </c>
      <c r="BZ35" s="322">
        <v>35035</v>
      </c>
      <c r="CA35" s="318">
        <v>0</v>
      </c>
      <c r="CB35" s="319">
        <v>0</v>
      </c>
      <c r="CC35" s="320">
        <v>0</v>
      </c>
      <c r="CD35" s="318">
        <v>0</v>
      </c>
      <c r="CE35" s="319">
        <v>47868</v>
      </c>
      <c r="CF35" s="319">
        <v>152927</v>
      </c>
      <c r="CG35" s="319">
        <v>158925</v>
      </c>
      <c r="CH35" s="319">
        <v>0</v>
      </c>
      <c r="CI35" s="319">
        <v>0</v>
      </c>
      <c r="CJ35" s="320">
        <v>359720</v>
      </c>
      <c r="CK35" s="322">
        <v>359720</v>
      </c>
      <c r="CL35" s="318">
        <v>0</v>
      </c>
      <c r="CM35" s="319">
        <v>0</v>
      </c>
      <c r="CN35" s="320">
        <v>0</v>
      </c>
      <c r="CO35" s="324">
        <v>0</v>
      </c>
      <c r="CP35" s="319">
        <v>47868</v>
      </c>
      <c r="CQ35" s="319">
        <v>48919</v>
      </c>
      <c r="CR35" s="319">
        <v>158925</v>
      </c>
      <c r="CS35" s="319">
        <v>0</v>
      </c>
      <c r="CT35" s="319">
        <v>0</v>
      </c>
      <c r="CU35" s="320">
        <v>255712</v>
      </c>
      <c r="CV35" s="322">
        <v>255712</v>
      </c>
      <c r="CW35" s="318">
        <v>0</v>
      </c>
      <c r="CX35" s="319">
        <v>0</v>
      </c>
      <c r="CY35" s="320">
        <v>0</v>
      </c>
      <c r="CZ35" s="318">
        <v>0</v>
      </c>
      <c r="DA35" s="319">
        <v>0</v>
      </c>
      <c r="DB35" s="319">
        <v>104008</v>
      </c>
      <c r="DC35" s="319">
        <v>0</v>
      </c>
      <c r="DD35" s="319">
        <v>0</v>
      </c>
      <c r="DE35" s="319">
        <v>0</v>
      </c>
      <c r="DF35" s="320">
        <v>104008</v>
      </c>
      <c r="DG35" s="322">
        <v>104008</v>
      </c>
      <c r="DH35" s="318">
        <v>0</v>
      </c>
      <c r="DI35" s="319">
        <v>0</v>
      </c>
      <c r="DJ35" s="323">
        <v>0</v>
      </c>
      <c r="DK35" s="324">
        <v>0</v>
      </c>
      <c r="DL35" s="319">
        <v>0</v>
      </c>
      <c r="DM35" s="319">
        <v>41834</v>
      </c>
      <c r="DN35" s="319">
        <v>26733</v>
      </c>
      <c r="DO35" s="319">
        <v>0</v>
      </c>
      <c r="DP35" s="319">
        <v>0</v>
      </c>
      <c r="DQ35" s="320">
        <v>68567</v>
      </c>
      <c r="DR35" s="322">
        <v>68567</v>
      </c>
      <c r="DS35" s="318">
        <v>0</v>
      </c>
      <c r="DT35" s="319">
        <v>0</v>
      </c>
      <c r="DU35" s="320">
        <v>0</v>
      </c>
      <c r="DV35" s="318">
        <v>0</v>
      </c>
      <c r="DW35" s="319">
        <v>0</v>
      </c>
      <c r="DX35" s="319">
        <v>0</v>
      </c>
      <c r="DY35" s="319">
        <v>26733</v>
      </c>
      <c r="DZ35" s="319">
        <v>0</v>
      </c>
      <c r="EA35" s="319">
        <v>0</v>
      </c>
      <c r="EB35" s="320">
        <v>26733</v>
      </c>
      <c r="EC35" s="322">
        <v>26733</v>
      </c>
      <c r="ED35" s="318">
        <v>0</v>
      </c>
      <c r="EE35" s="323">
        <v>0</v>
      </c>
      <c r="EF35" s="320">
        <v>0</v>
      </c>
      <c r="EG35" s="318">
        <v>0</v>
      </c>
      <c r="EH35" s="319">
        <v>0</v>
      </c>
      <c r="EI35" s="319">
        <v>41834</v>
      </c>
      <c r="EJ35" s="319">
        <v>0</v>
      </c>
      <c r="EK35" s="319">
        <v>0</v>
      </c>
      <c r="EL35" s="319">
        <v>0</v>
      </c>
      <c r="EM35" s="323">
        <v>41834</v>
      </c>
      <c r="EN35" s="322">
        <v>41834</v>
      </c>
      <c r="EO35" s="318">
        <v>0</v>
      </c>
      <c r="EP35" s="319">
        <v>0</v>
      </c>
      <c r="EQ35" s="323">
        <v>0</v>
      </c>
      <c r="ER35" s="324">
        <v>0</v>
      </c>
      <c r="ES35" s="319">
        <v>0</v>
      </c>
      <c r="ET35" s="319">
        <v>0</v>
      </c>
      <c r="EU35" s="319">
        <v>0</v>
      </c>
      <c r="EV35" s="319">
        <v>0</v>
      </c>
      <c r="EW35" s="319">
        <v>0</v>
      </c>
      <c r="EX35" s="320">
        <v>0</v>
      </c>
      <c r="EY35" s="322">
        <v>0</v>
      </c>
      <c r="EZ35" s="318">
        <v>0</v>
      </c>
      <c r="FA35" s="319">
        <v>0</v>
      </c>
      <c r="FB35" s="323">
        <v>0</v>
      </c>
      <c r="FC35" s="325"/>
      <c r="FD35" s="319">
        <v>0</v>
      </c>
      <c r="FE35" s="319">
        <v>0</v>
      </c>
      <c r="FF35" s="319">
        <v>0</v>
      </c>
      <c r="FG35" s="319">
        <v>0</v>
      </c>
      <c r="FH35" s="319">
        <v>0</v>
      </c>
      <c r="FI35" s="320">
        <v>0</v>
      </c>
      <c r="FJ35" s="322">
        <v>0</v>
      </c>
      <c r="FK35" s="318">
        <v>3850</v>
      </c>
      <c r="FL35" s="319">
        <v>2100</v>
      </c>
      <c r="FM35" s="320">
        <v>5950</v>
      </c>
      <c r="FN35" s="318">
        <v>0</v>
      </c>
      <c r="FO35" s="319">
        <v>0</v>
      </c>
      <c r="FP35" s="319">
        <v>46312</v>
      </c>
      <c r="FQ35" s="319">
        <v>36365</v>
      </c>
      <c r="FR35" s="319">
        <v>27944</v>
      </c>
      <c r="FS35" s="319">
        <v>0</v>
      </c>
      <c r="FT35" s="320">
        <v>110621</v>
      </c>
      <c r="FU35" s="322">
        <v>116571</v>
      </c>
      <c r="FV35" s="326">
        <v>3850</v>
      </c>
      <c r="FW35" s="319">
        <v>2100</v>
      </c>
      <c r="FX35" s="323">
        <v>5950</v>
      </c>
      <c r="FY35" s="324">
        <v>0</v>
      </c>
      <c r="FZ35" s="319">
        <v>0</v>
      </c>
      <c r="GA35" s="319">
        <v>46312</v>
      </c>
      <c r="GB35" s="319">
        <v>36365</v>
      </c>
      <c r="GC35" s="319">
        <v>27944</v>
      </c>
      <c r="GD35" s="319">
        <v>0</v>
      </c>
      <c r="GE35" s="320">
        <v>110621</v>
      </c>
      <c r="GF35" s="327">
        <v>116571</v>
      </c>
      <c r="GG35" s="326">
        <v>0</v>
      </c>
      <c r="GH35" s="319">
        <v>0</v>
      </c>
      <c r="GI35" s="323">
        <v>0</v>
      </c>
      <c r="GJ35" s="324">
        <v>0</v>
      </c>
      <c r="GK35" s="319">
        <v>0</v>
      </c>
      <c r="GL35" s="319">
        <v>0</v>
      </c>
      <c r="GM35" s="319">
        <v>0</v>
      </c>
      <c r="GN35" s="319">
        <v>0</v>
      </c>
      <c r="GO35" s="319">
        <v>0</v>
      </c>
      <c r="GP35" s="320">
        <v>0</v>
      </c>
      <c r="GQ35" s="322">
        <v>0</v>
      </c>
      <c r="GR35" s="318">
        <v>0</v>
      </c>
      <c r="GS35" s="319">
        <v>0</v>
      </c>
      <c r="GT35" s="320">
        <v>0</v>
      </c>
      <c r="GU35" s="318">
        <v>0</v>
      </c>
      <c r="GV35" s="319">
        <v>0</v>
      </c>
      <c r="GW35" s="319">
        <v>0</v>
      </c>
      <c r="GX35" s="319">
        <v>0</v>
      </c>
      <c r="GY35" s="319">
        <v>0</v>
      </c>
      <c r="GZ35" s="319">
        <v>0</v>
      </c>
      <c r="HA35" s="323">
        <v>0</v>
      </c>
      <c r="HB35" s="322">
        <v>0</v>
      </c>
      <c r="HC35" s="318">
        <v>0</v>
      </c>
      <c r="HD35" s="319">
        <v>0</v>
      </c>
      <c r="HE35" s="323">
        <v>0</v>
      </c>
      <c r="HF35" s="324">
        <v>0</v>
      </c>
      <c r="HG35" s="319">
        <v>255766</v>
      </c>
      <c r="HH35" s="319">
        <v>0</v>
      </c>
      <c r="HI35" s="319">
        <v>0</v>
      </c>
      <c r="HJ35" s="319">
        <v>193980</v>
      </c>
      <c r="HK35" s="319">
        <v>0</v>
      </c>
      <c r="HL35" s="320">
        <v>449746</v>
      </c>
      <c r="HM35" s="321">
        <v>449746</v>
      </c>
      <c r="HN35" s="411"/>
      <c r="HO35" s="411"/>
      <c r="HP35" s="411"/>
      <c r="HQ35" s="411"/>
      <c r="HR35" s="411"/>
      <c r="HS35" s="411"/>
      <c r="HT35" s="411"/>
      <c r="HU35" s="411"/>
      <c r="HV35" s="411"/>
      <c r="HW35" s="411"/>
      <c r="HX35" s="424"/>
      <c r="HY35" s="330">
        <v>0</v>
      </c>
      <c r="HZ35" s="329">
        <v>0</v>
      </c>
      <c r="IA35" s="330">
        <v>0</v>
      </c>
      <c r="IB35" s="353">
        <v>0</v>
      </c>
      <c r="IC35" s="329">
        <v>279729</v>
      </c>
      <c r="ID35" s="354">
        <v>46158</v>
      </c>
      <c r="IE35" s="330">
        <v>0</v>
      </c>
      <c r="IF35" s="329">
        <v>0</v>
      </c>
      <c r="IG35" s="330">
        <v>0</v>
      </c>
      <c r="IH35" s="355">
        <v>325887</v>
      </c>
      <c r="II35" s="336">
        <v>325887</v>
      </c>
      <c r="IJ35" s="337">
        <v>0</v>
      </c>
      <c r="IK35" s="338">
        <v>0</v>
      </c>
      <c r="IL35" s="339">
        <v>0</v>
      </c>
      <c r="IM35" s="411"/>
      <c r="IN35" s="341">
        <v>0</v>
      </c>
      <c r="IO35" s="341">
        <v>0</v>
      </c>
      <c r="IP35" s="341">
        <v>0</v>
      </c>
      <c r="IQ35" s="341">
        <v>0</v>
      </c>
      <c r="IR35" s="341">
        <v>0</v>
      </c>
      <c r="IS35" s="342">
        <v>0</v>
      </c>
      <c r="IT35" s="343">
        <v>0</v>
      </c>
      <c r="IU35" s="344">
        <v>0</v>
      </c>
      <c r="IV35" s="341">
        <v>0</v>
      </c>
      <c r="IW35" s="345">
        <v>0</v>
      </c>
      <c r="IX35" s="411"/>
      <c r="IY35" s="341">
        <v>0</v>
      </c>
      <c r="IZ35" s="341">
        <v>0</v>
      </c>
      <c r="JA35" s="341">
        <v>0</v>
      </c>
      <c r="JB35" s="341">
        <v>0</v>
      </c>
      <c r="JC35" s="341">
        <v>0</v>
      </c>
      <c r="JD35" s="345">
        <v>0</v>
      </c>
      <c r="JE35" s="347">
        <v>0</v>
      </c>
      <c r="JF35" s="344">
        <v>0</v>
      </c>
      <c r="JG35" s="341">
        <v>0</v>
      </c>
      <c r="JH35" s="342">
        <v>0</v>
      </c>
      <c r="JI35" s="348">
        <v>0</v>
      </c>
      <c r="JJ35" s="341">
        <v>119289</v>
      </c>
      <c r="JK35" s="341">
        <v>0</v>
      </c>
      <c r="JL35" s="341">
        <v>0</v>
      </c>
      <c r="JM35" s="341">
        <v>0</v>
      </c>
      <c r="JN35" s="341">
        <v>0</v>
      </c>
      <c r="JO35" s="345">
        <v>119289</v>
      </c>
      <c r="JP35" s="343">
        <v>119289</v>
      </c>
      <c r="JQ35" s="344">
        <v>0</v>
      </c>
      <c r="JR35" s="341">
        <v>0</v>
      </c>
      <c r="JS35" s="342">
        <v>0</v>
      </c>
      <c r="JT35" s="348">
        <v>0</v>
      </c>
      <c r="JU35" s="341">
        <v>0</v>
      </c>
      <c r="JV35" s="341">
        <v>46158</v>
      </c>
      <c r="JW35" s="341">
        <v>0</v>
      </c>
      <c r="JX35" s="341">
        <v>0</v>
      </c>
      <c r="JY35" s="341">
        <v>0</v>
      </c>
      <c r="JZ35" s="345">
        <v>46158</v>
      </c>
      <c r="KA35" s="343">
        <v>46158</v>
      </c>
      <c r="KB35" s="349">
        <v>0</v>
      </c>
      <c r="KC35" s="350">
        <v>0</v>
      </c>
      <c r="KD35" s="345">
        <v>0</v>
      </c>
      <c r="KE35" s="348">
        <v>0</v>
      </c>
      <c r="KF35" s="341">
        <v>0</v>
      </c>
      <c r="KG35" s="341">
        <v>0</v>
      </c>
      <c r="KH35" s="341">
        <v>0</v>
      </c>
      <c r="KI35" s="341">
        <v>0</v>
      </c>
      <c r="KJ35" s="341">
        <v>0</v>
      </c>
      <c r="KK35" s="345">
        <v>0</v>
      </c>
      <c r="KL35" s="351">
        <v>0</v>
      </c>
      <c r="KM35" s="337">
        <v>0</v>
      </c>
      <c r="KN35" s="338">
        <v>0</v>
      </c>
      <c r="KO35" s="339">
        <v>0</v>
      </c>
      <c r="KP35" s="340"/>
      <c r="KQ35" s="341">
        <v>160440</v>
      </c>
      <c r="KR35" s="341">
        <v>0</v>
      </c>
      <c r="KS35" s="341">
        <v>0</v>
      </c>
      <c r="KT35" s="341">
        <v>0</v>
      </c>
      <c r="KU35" s="341">
        <v>0</v>
      </c>
      <c r="KV35" s="345">
        <v>160440</v>
      </c>
      <c r="KW35" s="343">
        <v>160440</v>
      </c>
      <c r="KX35" s="344">
        <v>0</v>
      </c>
      <c r="KY35" s="341">
        <v>0</v>
      </c>
      <c r="KZ35" s="345">
        <v>0</v>
      </c>
      <c r="LA35" s="352"/>
      <c r="LB35" s="341">
        <v>0</v>
      </c>
      <c r="LC35" s="341">
        <v>0</v>
      </c>
      <c r="LD35" s="341">
        <v>0</v>
      </c>
      <c r="LE35" s="341">
        <v>0</v>
      </c>
      <c r="LF35" s="341">
        <v>0</v>
      </c>
      <c r="LG35" s="345">
        <v>0</v>
      </c>
      <c r="LH35" s="347">
        <v>0</v>
      </c>
      <c r="LI35" s="344">
        <v>0</v>
      </c>
      <c r="LJ35" s="341">
        <v>0</v>
      </c>
      <c r="LK35" s="345">
        <v>0</v>
      </c>
      <c r="LL35" s="352"/>
      <c r="LM35" s="341">
        <v>0</v>
      </c>
      <c r="LN35" s="341">
        <v>0</v>
      </c>
      <c r="LO35" s="341">
        <v>0</v>
      </c>
      <c r="LP35" s="341">
        <v>0</v>
      </c>
      <c r="LQ35" s="341">
        <v>0</v>
      </c>
      <c r="LR35" s="345">
        <v>0</v>
      </c>
      <c r="LS35" s="343">
        <v>0</v>
      </c>
      <c r="LT35" s="344">
        <v>0</v>
      </c>
      <c r="LU35" s="341">
        <v>0</v>
      </c>
      <c r="LV35" s="345">
        <v>0</v>
      </c>
      <c r="LW35" s="352"/>
      <c r="LX35" s="341">
        <v>0</v>
      </c>
      <c r="LY35" s="341">
        <v>0</v>
      </c>
      <c r="LZ35" s="341">
        <v>0</v>
      </c>
      <c r="MA35" s="341">
        <v>0</v>
      </c>
      <c r="MB35" s="341">
        <v>0</v>
      </c>
      <c r="MC35" s="345">
        <v>0</v>
      </c>
      <c r="MD35" s="347">
        <v>0</v>
      </c>
      <c r="ME35" s="344">
        <v>0</v>
      </c>
      <c r="MF35" s="341">
        <v>0</v>
      </c>
      <c r="MG35" s="345">
        <v>0</v>
      </c>
      <c r="MH35" s="352"/>
      <c r="MI35" s="341">
        <v>0</v>
      </c>
      <c r="MJ35" s="341">
        <v>192135</v>
      </c>
      <c r="MK35" s="341">
        <v>0</v>
      </c>
      <c r="ML35" s="341">
        <v>0</v>
      </c>
      <c r="MM35" s="341">
        <v>247275</v>
      </c>
      <c r="MN35" s="345">
        <v>439410</v>
      </c>
      <c r="MO35" s="351">
        <v>439410</v>
      </c>
      <c r="MP35" s="344">
        <v>0</v>
      </c>
      <c r="MQ35" s="341">
        <v>0</v>
      </c>
      <c r="MR35" s="345">
        <v>0</v>
      </c>
      <c r="MS35" s="352"/>
      <c r="MT35" s="341">
        <v>0</v>
      </c>
      <c r="MU35" s="341">
        <v>0</v>
      </c>
      <c r="MV35" s="341">
        <v>0</v>
      </c>
      <c r="MW35" s="341">
        <v>0</v>
      </c>
      <c r="MX35" s="341">
        <v>0</v>
      </c>
      <c r="MY35" s="345">
        <v>0</v>
      </c>
      <c r="MZ35" s="351">
        <v>0</v>
      </c>
      <c r="NA35" s="344">
        <v>0</v>
      </c>
      <c r="NB35" s="341">
        <v>0</v>
      </c>
      <c r="NC35" s="345">
        <v>0</v>
      </c>
      <c r="ND35" s="352"/>
      <c r="NE35" s="341">
        <v>0</v>
      </c>
      <c r="NF35" s="341">
        <v>192135</v>
      </c>
      <c r="NG35" s="341">
        <v>0</v>
      </c>
      <c r="NH35" s="341">
        <v>0</v>
      </c>
      <c r="NI35" s="341">
        <v>247275</v>
      </c>
      <c r="NJ35" s="345">
        <v>439410</v>
      </c>
      <c r="NK35" s="343">
        <v>439410</v>
      </c>
      <c r="NL35" s="344">
        <v>0</v>
      </c>
      <c r="NM35" s="341">
        <v>0</v>
      </c>
      <c r="NN35" s="345">
        <v>0</v>
      </c>
      <c r="NO35" s="352"/>
      <c r="NP35" s="341">
        <v>0</v>
      </c>
      <c r="NQ35" s="341">
        <v>0</v>
      </c>
      <c r="NR35" s="341">
        <v>0</v>
      </c>
      <c r="NS35" s="341">
        <v>0</v>
      </c>
      <c r="NT35" s="341">
        <v>0</v>
      </c>
      <c r="NU35" s="345">
        <v>0</v>
      </c>
      <c r="NV35" s="347">
        <v>0</v>
      </c>
      <c r="NW35" s="344">
        <v>0</v>
      </c>
      <c r="NX35" s="341">
        <v>0</v>
      </c>
      <c r="NY35" s="345">
        <v>0</v>
      </c>
      <c r="NZ35" s="352"/>
      <c r="OA35" s="341">
        <v>0</v>
      </c>
      <c r="OB35" s="341">
        <v>0</v>
      </c>
      <c r="OC35" s="341">
        <v>0</v>
      </c>
      <c r="OD35" s="341">
        <v>0</v>
      </c>
      <c r="OE35" s="341">
        <v>0</v>
      </c>
      <c r="OF35" s="345">
        <v>0</v>
      </c>
      <c r="OG35" s="347">
        <v>0</v>
      </c>
      <c r="OH35" s="344">
        <v>3850</v>
      </c>
      <c r="OI35" s="341">
        <v>2100</v>
      </c>
      <c r="OJ35" s="342">
        <v>5950</v>
      </c>
      <c r="OK35" s="348">
        <v>0</v>
      </c>
      <c r="OL35" s="341">
        <v>592659</v>
      </c>
      <c r="OM35" s="341">
        <v>548421</v>
      </c>
      <c r="ON35" s="341">
        <v>409246</v>
      </c>
      <c r="OO35" s="341">
        <v>493410</v>
      </c>
      <c r="OP35" s="341">
        <v>247275</v>
      </c>
      <c r="OQ35" s="345">
        <v>2291011</v>
      </c>
      <c r="OR35" s="351">
        <v>2296961</v>
      </c>
    </row>
    <row r="36" spans="1:408" ht="20.25" customHeight="1" x14ac:dyDescent="0.2">
      <c r="A36" s="111" t="s">
        <v>31</v>
      </c>
      <c r="B36" s="318">
        <v>6384</v>
      </c>
      <c r="C36" s="319">
        <v>0</v>
      </c>
      <c r="D36" s="320">
        <v>6384</v>
      </c>
      <c r="E36" s="321">
        <v>0</v>
      </c>
      <c r="F36" s="319">
        <v>265648</v>
      </c>
      <c r="G36" s="319">
        <v>216552</v>
      </c>
      <c r="H36" s="319">
        <v>323056</v>
      </c>
      <c r="I36" s="319">
        <v>722101</v>
      </c>
      <c r="J36" s="319">
        <v>877146</v>
      </c>
      <c r="K36" s="358">
        <v>2404503</v>
      </c>
      <c r="L36" s="322">
        <v>2410887</v>
      </c>
      <c r="M36" s="318">
        <v>6384</v>
      </c>
      <c r="N36" s="319">
        <v>0</v>
      </c>
      <c r="O36" s="320">
        <v>6384</v>
      </c>
      <c r="P36" s="318">
        <v>0</v>
      </c>
      <c r="Q36" s="319">
        <v>85162</v>
      </c>
      <c r="R36" s="319">
        <v>31283</v>
      </c>
      <c r="S36" s="319">
        <v>10787</v>
      </c>
      <c r="T36" s="319">
        <v>-169203</v>
      </c>
      <c r="U36" s="319">
        <v>643710</v>
      </c>
      <c r="V36" s="320">
        <v>601739</v>
      </c>
      <c r="W36" s="322">
        <v>608123</v>
      </c>
      <c r="X36" s="318">
        <v>0</v>
      </c>
      <c r="Y36" s="319">
        <v>0</v>
      </c>
      <c r="Z36" s="320">
        <v>0</v>
      </c>
      <c r="AA36" s="318">
        <v>0</v>
      </c>
      <c r="AB36" s="319">
        <v>24990</v>
      </c>
      <c r="AC36" s="319">
        <v>0</v>
      </c>
      <c r="AD36" s="319">
        <v>0</v>
      </c>
      <c r="AE36" s="319">
        <v>-142441</v>
      </c>
      <c r="AF36" s="319">
        <v>278179</v>
      </c>
      <c r="AG36" s="320">
        <v>160728</v>
      </c>
      <c r="AH36" s="322">
        <v>160728</v>
      </c>
      <c r="AI36" s="318">
        <v>0</v>
      </c>
      <c r="AJ36" s="319">
        <v>0</v>
      </c>
      <c r="AK36" s="320">
        <v>0</v>
      </c>
      <c r="AL36" s="318">
        <v>0</v>
      </c>
      <c r="AM36" s="319">
        <v>0</v>
      </c>
      <c r="AN36" s="319">
        <v>0</v>
      </c>
      <c r="AO36" s="319">
        <v>0</v>
      </c>
      <c r="AP36" s="319">
        <v>0</v>
      </c>
      <c r="AQ36" s="319">
        <v>118337</v>
      </c>
      <c r="AR36" s="320">
        <v>118337</v>
      </c>
      <c r="AS36" s="322">
        <v>118337</v>
      </c>
      <c r="AT36" s="318">
        <v>6384</v>
      </c>
      <c r="AU36" s="319">
        <v>0</v>
      </c>
      <c r="AV36" s="320">
        <v>6384</v>
      </c>
      <c r="AW36" s="318">
        <v>0</v>
      </c>
      <c r="AX36" s="319">
        <v>54159</v>
      </c>
      <c r="AY36" s="319">
        <v>22883</v>
      </c>
      <c r="AZ36" s="319">
        <v>0</v>
      </c>
      <c r="BA36" s="319">
        <v>-40300</v>
      </c>
      <c r="BB36" s="319">
        <v>223114</v>
      </c>
      <c r="BC36" s="320">
        <v>259856</v>
      </c>
      <c r="BD36" s="322">
        <v>266240</v>
      </c>
      <c r="BE36" s="318">
        <v>0</v>
      </c>
      <c r="BF36" s="319">
        <v>0</v>
      </c>
      <c r="BG36" s="323">
        <v>0</v>
      </c>
      <c r="BH36" s="324">
        <v>0</v>
      </c>
      <c r="BI36" s="319">
        <v>0</v>
      </c>
      <c r="BJ36" s="319">
        <v>0</v>
      </c>
      <c r="BK36" s="319">
        <v>0</v>
      </c>
      <c r="BL36" s="319">
        <v>0</v>
      </c>
      <c r="BM36" s="319">
        <v>0</v>
      </c>
      <c r="BN36" s="320">
        <v>0</v>
      </c>
      <c r="BO36" s="322">
        <v>0</v>
      </c>
      <c r="BP36" s="318">
        <v>0</v>
      </c>
      <c r="BQ36" s="319">
        <v>0</v>
      </c>
      <c r="BR36" s="320">
        <v>0</v>
      </c>
      <c r="BS36" s="318">
        <v>0</v>
      </c>
      <c r="BT36" s="319">
        <v>6013</v>
      </c>
      <c r="BU36" s="319">
        <v>8400</v>
      </c>
      <c r="BV36" s="319">
        <v>10787</v>
      </c>
      <c r="BW36" s="319">
        <v>13538</v>
      </c>
      <c r="BX36" s="319">
        <v>24080</v>
      </c>
      <c r="BY36" s="320">
        <v>62818</v>
      </c>
      <c r="BZ36" s="322">
        <v>62818</v>
      </c>
      <c r="CA36" s="318">
        <v>0</v>
      </c>
      <c r="CB36" s="319">
        <v>0</v>
      </c>
      <c r="CC36" s="320">
        <v>0</v>
      </c>
      <c r="CD36" s="318">
        <v>0</v>
      </c>
      <c r="CE36" s="319">
        <v>0</v>
      </c>
      <c r="CF36" s="319">
        <v>22204</v>
      </c>
      <c r="CG36" s="319">
        <v>115621</v>
      </c>
      <c r="CH36" s="319">
        <v>104951</v>
      </c>
      <c r="CI36" s="319">
        <v>0</v>
      </c>
      <c r="CJ36" s="320">
        <v>242776</v>
      </c>
      <c r="CK36" s="322">
        <v>242776</v>
      </c>
      <c r="CL36" s="318">
        <v>0</v>
      </c>
      <c r="CM36" s="319">
        <v>0</v>
      </c>
      <c r="CN36" s="320">
        <v>0</v>
      </c>
      <c r="CO36" s="324">
        <v>0</v>
      </c>
      <c r="CP36" s="319">
        <v>0</v>
      </c>
      <c r="CQ36" s="319">
        <v>22204</v>
      </c>
      <c r="CR36" s="319">
        <v>115621</v>
      </c>
      <c r="CS36" s="319">
        <v>104951</v>
      </c>
      <c r="CT36" s="319">
        <v>0</v>
      </c>
      <c r="CU36" s="320">
        <v>242776</v>
      </c>
      <c r="CV36" s="322">
        <v>242776</v>
      </c>
      <c r="CW36" s="318">
        <v>0</v>
      </c>
      <c r="CX36" s="319">
        <v>0</v>
      </c>
      <c r="CY36" s="320">
        <v>0</v>
      </c>
      <c r="CZ36" s="318">
        <v>0</v>
      </c>
      <c r="DA36" s="319">
        <v>0</v>
      </c>
      <c r="DB36" s="319">
        <v>0</v>
      </c>
      <c r="DC36" s="319">
        <v>0</v>
      </c>
      <c r="DD36" s="319">
        <v>0</v>
      </c>
      <c r="DE36" s="319">
        <v>0</v>
      </c>
      <c r="DF36" s="320">
        <v>0</v>
      </c>
      <c r="DG36" s="322">
        <v>0</v>
      </c>
      <c r="DH36" s="318">
        <v>0</v>
      </c>
      <c r="DI36" s="319">
        <v>0</v>
      </c>
      <c r="DJ36" s="323">
        <v>0</v>
      </c>
      <c r="DK36" s="324">
        <v>0</v>
      </c>
      <c r="DL36" s="319">
        <v>0</v>
      </c>
      <c r="DM36" s="319">
        <v>141505</v>
      </c>
      <c r="DN36" s="319">
        <v>0</v>
      </c>
      <c r="DO36" s="319">
        <v>402242</v>
      </c>
      <c r="DP36" s="319">
        <v>0</v>
      </c>
      <c r="DQ36" s="320">
        <v>543747</v>
      </c>
      <c r="DR36" s="322">
        <v>543747</v>
      </c>
      <c r="DS36" s="318">
        <v>0</v>
      </c>
      <c r="DT36" s="319">
        <v>0</v>
      </c>
      <c r="DU36" s="320">
        <v>0</v>
      </c>
      <c r="DV36" s="318">
        <v>0</v>
      </c>
      <c r="DW36" s="319">
        <v>0</v>
      </c>
      <c r="DX36" s="319">
        <v>0</v>
      </c>
      <c r="DY36" s="319">
        <v>0</v>
      </c>
      <c r="DZ36" s="319">
        <v>402242</v>
      </c>
      <c r="EA36" s="319">
        <v>0</v>
      </c>
      <c r="EB36" s="320">
        <v>402242</v>
      </c>
      <c r="EC36" s="322">
        <v>402242</v>
      </c>
      <c r="ED36" s="318">
        <v>0</v>
      </c>
      <c r="EE36" s="323">
        <v>0</v>
      </c>
      <c r="EF36" s="320">
        <v>0</v>
      </c>
      <c r="EG36" s="318">
        <v>0</v>
      </c>
      <c r="EH36" s="319">
        <v>0</v>
      </c>
      <c r="EI36" s="319">
        <v>141505</v>
      </c>
      <c r="EJ36" s="319">
        <v>0</v>
      </c>
      <c r="EK36" s="319">
        <v>0</v>
      </c>
      <c r="EL36" s="319">
        <v>0</v>
      </c>
      <c r="EM36" s="323">
        <v>141505</v>
      </c>
      <c r="EN36" s="322">
        <v>141505</v>
      </c>
      <c r="EO36" s="318">
        <v>0</v>
      </c>
      <c r="EP36" s="319">
        <v>0</v>
      </c>
      <c r="EQ36" s="323">
        <v>0</v>
      </c>
      <c r="ER36" s="324">
        <v>0</v>
      </c>
      <c r="ES36" s="319">
        <v>0</v>
      </c>
      <c r="ET36" s="319">
        <v>0</v>
      </c>
      <c r="EU36" s="319">
        <v>0</v>
      </c>
      <c r="EV36" s="319">
        <v>0</v>
      </c>
      <c r="EW36" s="319">
        <v>0</v>
      </c>
      <c r="EX36" s="320">
        <v>0</v>
      </c>
      <c r="EY36" s="322">
        <v>0</v>
      </c>
      <c r="EZ36" s="318">
        <v>0</v>
      </c>
      <c r="FA36" s="319">
        <v>0</v>
      </c>
      <c r="FB36" s="323">
        <v>0</v>
      </c>
      <c r="FC36" s="325"/>
      <c r="FD36" s="319">
        <v>0</v>
      </c>
      <c r="FE36" s="319">
        <v>0</v>
      </c>
      <c r="FF36" s="319">
        <v>0</v>
      </c>
      <c r="FG36" s="319">
        <v>0</v>
      </c>
      <c r="FH36" s="319">
        <v>0</v>
      </c>
      <c r="FI36" s="320">
        <v>0</v>
      </c>
      <c r="FJ36" s="322">
        <v>0</v>
      </c>
      <c r="FK36" s="318">
        <v>0</v>
      </c>
      <c r="FL36" s="319">
        <v>0</v>
      </c>
      <c r="FM36" s="320">
        <v>0</v>
      </c>
      <c r="FN36" s="318">
        <v>0</v>
      </c>
      <c r="FO36" s="319">
        <v>43960</v>
      </c>
      <c r="FP36" s="319">
        <v>21560</v>
      </c>
      <c r="FQ36" s="319">
        <v>27475</v>
      </c>
      <c r="FR36" s="319">
        <v>31136</v>
      </c>
      <c r="FS36" s="319">
        <v>31850</v>
      </c>
      <c r="FT36" s="320">
        <v>155981</v>
      </c>
      <c r="FU36" s="322">
        <v>155981</v>
      </c>
      <c r="FV36" s="326">
        <v>0</v>
      </c>
      <c r="FW36" s="319">
        <v>0</v>
      </c>
      <c r="FX36" s="323">
        <v>0</v>
      </c>
      <c r="FY36" s="324">
        <v>0</v>
      </c>
      <c r="FZ36" s="319">
        <v>43960</v>
      </c>
      <c r="GA36" s="319">
        <v>21560</v>
      </c>
      <c r="GB36" s="319">
        <v>27475</v>
      </c>
      <c r="GC36" s="319">
        <v>31136</v>
      </c>
      <c r="GD36" s="319">
        <v>31850</v>
      </c>
      <c r="GE36" s="320">
        <v>155981</v>
      </c>
      <c r="GF36" s="327">
        <v>155981</v>
      </c>
      <c r="GG36" s="326">
        <v>0</v>
      </c>
      <c r="GH36" s="319">
        <v>0</v>
      </c>
      <c r="GI36" s="323">
        <v>0</v>
      </c>
      <c r="GJ36" s="324">
        <v>0</v>
      </c>
      <c r="GK36" s="319">
        <v>0</v>
      </c>
      <c r="GL36" s="319">
        <v>0</v>
      </c>
      <c r="GM36" s="319">
        <v>0</v>
      </c>
      <c r="GN36" s="319">
        <v>0</v>
      </c>
      <c r="GO36" s="319">
        <v>0</v>
      </c>
      <c r="GP36" s="320">
        <v>0</v>
      </c>
      <c r="GQ36" s="322">
        <v>0</v>
      </c>
      <c r="GR36" s="318">
        <v>0</v>
      </c>
      <c r="GS36" s="319">
        <v>0</v>
      </c>
      <c r="GT36" s="320">
        <v>0</v>
      </c>
      <c r="GU36" s="318">
        <v>0</v>
      </c>
      <c r="GV36" s="319">
        <v>0</v>
      </c>
      <c r="GW36" s="319">
        <v>0</v>
      </c>
      <c r="GX36" s="319">
        <v>0</v>
      </c>
      <c r="GY36" s="319">
        <v>0</v>
      </c>
      <c r="GZ36" s="319">
        <v>0</v>
      </c>
      <c r="HA36" s="323">
        <v>0</v>
      </c>
      <c r="HB36" s="322">
        <v>0</v>
      </c>
      <c r="HC36" s="318">
        <v>0</v>
      </c>
      <c r="HD36" s="319">
        <v>0</v>
      </c>
      <c r="HE36" s="323">
        <v>0</v>
      </c>
      <c r="HF36" s="324">
        <v>0</v>
      </c>
      <c r="HG36" s="319">
        <v>136526</v>
      </c>
      <c r="HH36" s="319">
        <v>0</v>
      </c>
      <c r="HI36" s="319">
        <v>169173</v>
      </c>
      <c r="HJ36" s="319">
        <v>352975</v>
      </c>
      <c r="HK36" s="319">
        <v>201586</v>
      </c>
      <c r="HL36" s="320">
        <v>860260</v>
      </c>
      <c r="HM36" s="321">
        <v>860260</v>
      </c>
      <c r="HN36" s="411"/>
      <c r="HO36" s="411"/>
      <c r="HP36" s="411"/>
      <c r="HQ36" s="411"/>
      <c r="HR36" s="411"/>
      <c r="HS36" s="411"/>
      <c r="HT36" s="411"/>
      <c r="HU36" s="411"/>
      <c r="HV36" s="411"/>
      <c r="HW36" s="411"/>
      <c r="HX36" s="424"/>
      <c r="HY36" s="357">
        <v>0</v>
      </c>
      <c r="HZ36" s="332">
        <v>0</v>
      </c>
      <c r="IA36" s="357">
        <v>0</v>
      </c>
      <c r="IB36" s="331">
        <v>0</v>
      </c>
      <c r="IC36" s="332">
        <v>149574</v>
      </c>
      <c r="ID36" s="333">
        <v>131453</v>
      </c>
      <c r="IE36" s="334">
        <v>60718</v>
      </c>
      <c r="IF36" s="332">
        <v>0</v>
      </c>
      <c r="IG36" s="334">
        <v>213542</v>
      </c>
      <c r="IH36" s="335">
        <v>555287</v>
      </c>
      <c r="II36" s="357">
        <v>555287</v>
      </c>
      <c r="IJ36" s="337">
        <v>0</v>
      </c>
      <c r="IK36" s="338">
        <v>0</v>
      </c>
      <c r="IL36" s="339">
        <v>0</v>
      </c>
      <c r="IM36" s="411"/>
      <c r="IN36" s="341">
        <v>0</v>
      </c>
      <c r="IO36" s="341">
        <v>85757</v>
      </c>
      <c r="IP36" s="341">
        <v>0</v>
      </c>
      <c r="IQ36" s="341">
        <v>0</v>
      </c>
      <c r="IR36" s="341">
        <v>0</v>
      </c>
      <c r="IS36" s="342">
        <v>85757</v>
      </c>
      <c r="IT36" s="343">
        <v>85757</v>
      </c>
      <c r="IU36" s="344">
        <v>0</v>
      </c>
      <c r="IV36" s="341">
        <v>0</v>
      </c>
      <c r="IW36" s="345">
        <v>0</v>
      </c>
      <c r="IX36" s="411"/>
      <c r="IY36" s="341">
        <v>0</v>
      </c>
      <c r="IZ36" s="341">
        <v>0</v>
      </c>
      <c r="JA36" s="341">
        <v>0</v>
      </c>
      <c r="JB36" s="341">
        <v>0</v>
      </c>
      <c r="JC36" s="341">
        <v>0</v>
      </c>
      <c r="JD36" s="345">
        <v>0</v>
      </c>
      <c r="JE36" s="347">
        <v>0</v>
      </c>
      <c r="JF36" s="344">
        <v>0</v>
      </c>
      <c r="JG36" s="341">
        <v>0</v>
      </c>
      <c r="JH36" s="342">
        <v>0</v>
      </c>
      <c r="JI36" s="348">
        <v>0</v>
      </c>
      <c r="JJ36" s="341">
        <v>31862</v>
      </c>
      <c r="JK36" s="341">
        <v>45696</v>
      </c>
      <c r="JL36" s="341">
        <v>60718</v>
      </c>
      <c r="JM36" s="341">
        <v>0</v>
      </c>
      <c r="JN36" s="341">
        <v>0</v>
      </c>
      <c r="JO36" s="345">
        <v>138276</v>
      </c>
      <c r="JP36" s="343">
        <v>138276</v>
      </c>
      <c r="JQ36" s="344">
        <v>0</v>
      </c>
      <c r="JR36" s="341">
        <v>0</v>
      </c>
      <c r="JS36" s="342">
        <v>0</v>
      </c>
      <c r="JT36" s="348">
        <v>0</v>
      </c>
      <c r="JU36" s="341">
        <v>0</v>
      </c>
      <c r="JV36" s="341">
        <v>0</v>
      </c>
      <c r="JW36" s="341">
        <v>0</v>
      </c>
      <c r="JX36" s="341">
        <v>0</v>
      </c>
      <c r="JY36" s="341">
        <v>0</v>
      </c>
      <c r="JZ36" s="345">
        <v>0</v>
      </c>
      <c r="KA36" s="343">
        <v>0</v>
      </c>
      <c r="KB36" s="349">
        <v>0</v>
      </c>
      <c r="KC36" s="350">
        <v>0</v>
      </c>
      <c r="KD36" s="345">
        <v>0</v>
      </c>
      <c r="KE36" s="348">
        <v>0</v>
      </c>
      <c r="KF36" s="341">
        <v>117712</v>
      </c>
      <c r="KG36" s="341">
        <v>0</v>
      </c>
      <c r="KH36" s="341">
        <v>0</v>
      </c>
      <c r="KI36" s="341">
        <v>0</v>
      </c>
      <c r="KJ36" s="341">
        <v>0</v>
      </c>
      <c r="KK36" s="345">
        <v>117712</v>
      </c>
      <c r="KL36" s="351">
        <v>117712</v>
      </c>
      <c r="KM36" s="337">
        <v>0</v>
      </c>
      <c r="KN36" s="338">
        <v>0</v>
      </c>
      <c r="KO36" s="339">
        <v>0</v>
      </c>
      <c r="KP36" s="340"/>
      <c r="KQ36" s="341">
        <v>0</v>
      </c>
      <c r="KR36" s="341">
        <v>0</v>
      </c>
      <c r="KS36" s="341">
        <v>0</v>
      </c>
      <c r="KT36" s="341">
        <v>0</v>
      </c>
      <c r="KU36" s="341">
        <v>213542</v>
      </c>
      <c r="KV36" s="345">
        <v>213542</v>
      </c>
      <c r="KW36" s="343">
        <v>213542</v>
      </c>
      <c r="KX36" s="344">
        <v>0</v>
      </c>
      <c r="KY36" s="341">
        <v>0</v>
      </c>
      <c r="KZ36" s="345">
        <v>0</v>
      </c>
      <c r="LA36" s="352"/>
      <c r="LB36" s="341">
        <v>0</v>
      </c>
      <c r="LC36" s="341">
        <v>0</v>
      </c>
      <c r="LD36" s="341">
        <v>0</v>
      </c>
      <c r="LE36" s="341">
        <v>0</v>
      </c>
      <c r="LF36" s="341">
        <v>0</v>
      </c>
      <c r="LG36" s="345">
        <v>0</v>
      </c>
      <c r="LH36" s="347">
        <v>0</v>
      </c>
      <c r="LI36" s="344">
        <v>0</v>
      </c>
      <c r="LJ36" s="341">
        <v>0</v>
      </c>
      <c r="LK36" s="345">
        <v>0</v>
      </c>
      <c r="LL36" s="352"/>
      <c r="LM36" s="341">
        <v>0</v>
      </c>
      <c r="LN36" s="341">
        <v>0</v>
      </c>
      <c r="LO36" s="341">
        <v>0</v>
      </c>
      <c r="LP36" s="341">
        <v>0</v>
      </c>
      <c r="LQ36" s="341">
        <v>0</v>
      </c>
      <c r="LR36" s="345">
        <v>0</v>
      </c>
      <c r="LS36" s="343">
        <v>0</v>
      </c>
      <c r="LT36" s="344">
        <v>0</v>
      </c>
      <c r="LU36" s="341">
        <v>0</v>
      </c>
      <c r="LV36" s="345">
        <v>0</v>
      </c>
      <c r="LW36" s="352"/>
      <c r="LX36" s="341">
        <v>0</v>
      </c>
      <c r="LY36" s="341">
        <v>0</v>
      </c>
      <c r="LZ36" s="341">
        <v>0</v>
      </c>
      <c r="MA36" s="341">
        <v>0</v>
      </c>
      <c r="MB36" s="341">
        <v>0</v>
      </c>
      <c r="MC36" s="345">
        <v>0</v>
      </c>
      <c r="MD36" s="347">
        <v>0</v>
      </c>
      <c r="ME36" s="344">
        <v>0</v>
      </c>
      <c r="MF36" s="341">
        <v>0</v>
      </c>
      <c r="MG36" s="345">
        <v>0</v>
      </c>
      <c r="MH36" s="352"/>
      <c r="MI36" s="341">
        <v>0</v>
      </c>
      <c r="MJ36" s="341">
        <v>35637</v>
      </c>
      <c r="MK36" s="341">
        <v>384782</v>
      </c>
      <c r="ML36" s="341">
        <v>294906</v>
      </c>
      <c r="MM36" s="341">
        <v>262689</v>
      </c>
      <c r="MN36" s="345">
        <v>978014</v>
      </c>
      <c r="MO36" s="351">
        <v>978014</v>
      </c>
      <c r="MP36" s="344">
        <v>0</v>
      </c>
      <c r="MQ36" s="341">
        <v>0</v>
      </c>
      <c r="MR36" s="345">
        <v>0</v>
      </c>
      <c r="MS36" s="352"/>
      <c r="MT36" s="341">
        <v>0</v>
      </c>
      <c r="MU36" s="341">
        <v>0</v>
      </c>
      <c r="MV36" s="341">
        <v>384782</v>
      </c>
      <c r="MW36" s="341">
        <v>0</v>
      </c>
      <c r="MX36" s="341">
        <v>0</v>
      </c>
      <c r="MY36" s="345">
        <v>384782</v>
      </c>
      <c r="MZ36" s="351">
        <v>384782</v>
      </c>
      <c r="NA36" s="344">
        <v>0</v>
      </c>
      <c r="NB36" s="341">
        <v>0</v>
      </c>
      <c r="NC36" s="345">
        <v>0</v>
      </c>
      <c r="ND36" s="352"/>
      <c r="NE36" s="341">
        <v>0</v>
      </c>
      <c r="NF36" s="341">
        <v>35637</v>
      </c>
      <c r="NG36" s="341">
        <v>0</v>
      </c>
      <c r="NH36" s="341">
        <v>294906</v>
      </c>
      <c r="NI36" s="341">
        <v>262689</v>
      </c>
      <c r="NJ36" s="345">
        <v>593232</v>
      </c>
      <c r="NK36" s="343">
        <v>593232</v>
      </c>
      <c r="NL36" s="344">
        <v>0</v>
      </c>
      <c r="NM36" s="341">
        <v>0</v>
      </c>
      <c r="NN36" s="345">
        <v>0</v>
      </c>
      <c r="NO36" s="352"/>
      <c r="NP36" s="341">
        <v>0</v>
      </c>
      <c r="NQ36" s="341">
        <v>0</v>
      </c>
      <c r="NR36" s="341">
        <v>0</v>
      </c>
      <c r="NS36" s="341">
        <v>0</v>
      </c>
      <c r="NT36" s="341">
        <v>0</v>
      </c>
      <c r="NU36" s="345">
        <v>0</v>
      </c>
      <c r="NV36" s="347">
        <v>0</v>
      </c>
      <c r="NW36" s="344">
        <v>0</v>
      </c>
      <c r="NX36" s="341">
        <v>0</v>
      </c>
      <c r="NY36" s="345">
        <v>0</v>
      </c>
      <c r="NZ36" s="352"/>
      <c r="OA36" s="341">
        <v>0</v>
      </c>
      <c r="OB36" s="341">
        <v>0</v>
      </c>
      <c r="OC36" s="341">
        <v>0</v>
      </c>
      <c r="OD36" s="341">
        <v>0</v>
      </c>
      <c r="OE36" s="341">
        <v>0</v>
      </c>
      <c r="OF36" s="345">
        <v>0</v>
      </c>
      <c r="OG36" s="347">
        <v>0</v>
      </c>
      <c r="OH36" s="344">
        <v>6384</v>
      </c>
      <c r="OI36" s="341">
        <v>0</v>
      </c>
      <c r="OJ36" s="342">
        <v>6384</v>
      </c>
      <c r="OK36" s="348">
        <v>0</v>
      </c>
      <c r="OL36" s="341">
        <v>415222</v>
      </c>
      <c r="OM36" s="341">
        <v>383642</v>
      </c>
      <c r="ON36" s="341">
        <v>768556</v>
      </c>
      <c r="OO36" s="341">
        <v>1017007</v>
      </c>
      <c r="OP36" s="341">
        <v>1353377</v>
      </c>
      <c r="OQ36" s="345">
        <v>3937804</v>
      </c>
      <c r="OR36" s="351">
        <v>3944188</v>
      </c>
    </row>
    <row r="37" spans="1:408" ht="20.25" customHeight="1" x14ac:dyDescent="0.2">
      <c r="A37" s="111" t="s">
        <v>32</v>
      </c>
      <c r="B37" s="318">
        <v>0</v>
      </c>
      <c r="C37" s="319">
        <v>42287</v>
      </c>
      <c r="D37" s="359">
        <v>42287</v>
      </c>
      <c r="E37" s="360">
        <v>0</v>
      </c>
      <c r="F37" s="361">
        <v>428601</v>
      </c>
      <c r="G37" s="361">
        <v>394800</v>
      </c>
      <c r="H37" s="361">
        <v>186626</v>
      </c>
      <c r="I37" s="361">
        <v>210408</v>
      </c>
      <c r="J37" s="361">
        <v>203378</v>
      </c>
      <c r="K37" s="362">
        <v>1423813</v>
      </c>
      <c r="L37" s="322">
        <v>1466100</v>
      </c>
      <c r="M37" s="318">
        <v>0</v>
      </c>
      <c r="N37" s="319">
        <v>6013</v>
      </c>
      <c r="O37" s="320">
        <v>6013</v>
      </c>
      <c r="P37" s="318">
        <v>0</v>
      </c>
      <c r="Q37" s="319">
        <v>68030</v>
      </c>
      <c r="R37" s="319">
        <v>13328</v>
      </c>
      <c r="S37" s="319">
        <v>32060</v>
      </c>
      <c r="T37" s="319">
        <v>197423</v>
      </c>
      <c r="U37" s="319">
        <v>13692</v>
      </c>
      <c r="V37" s="320">
        <v>324533</v>
      </c>
      <c r="W37" s="322">
        <v>330546</v>
      </c>
      <c r="X37" s="318">
        <v>0</v>
      </c>
      <c r="Y37" s="319">
        <v>0</v>
      </c>
      <c r="Z37" s="320">
        <v>0</v>
      </c>
      <c r="AA37" s="318">
        <v>0</v>
      </c>
      <c r="AB37" s="319">
        <v>23573</v>
      </c>
      <c r="AC37" s="319">
        <v>0</v>
      </c>
      <c r="AD37" s="319">
        <v>0</v>
      </c>
      <c r="AE37" s="319">
        <v>164577</v>
      </c>
      <c r="AF37" s="319">
        <v>0</v>
      </c>
      <c r="AG37" s="320">
        <v>188150</v>
      </c>
      <c r="AH37" s="322">
        <v>188150</v>
      </c>
      <c r="AI37" s="318">
        <v>0</v>
      </c>
      <c r="AJ37" s="319">
        <v>0</v>
      </c>
      <c r="AK37" s="320">
        <v>0</v>
      </c>
      <c r="AL37" s="318">
        <v>0</v>
      </c>
      <c r="AM37" s="319">
        <v>0</v>
      </c>
      <c r="AN37" s="319">
        <v>0</v>
      </c>
      <c r="AO37" s="319">
        <v>0</v>
      </c>
      <c r="AP37" s="319">
        <v>0</v>
      </c>
      <c r="AQ37" s="319">
        <v>0</v>
      </c>
      <c r="AR37" s="320">
        <v>0</v>
      </c>
      <c r="AS37" s="322">
        <v>0</v>
      </c>
      <c r="AT37" s="318">
        <v>0</v>
      </c>
      <c r="AU37" s="319">
        <v>0</v>
      </c>
      <c r="AV37" s="320">
        <v>0</v>
      </c>
      <c r="AW37" s="318">
        <v>0</v>
      </c>
      <c r="AX37" s="319">
        <v>22883</v>
      </c>
      <c r="AY37" s="319">
        <v>13328</v>
      </c>
      <c r="AZ37" s="319">
        <v>0</v>
      </c>
      <c r="BA37" s="319">
        <v>14170</v>
      </c>
      <c r="BB37" s="319">
        <v>0</v>
      </c>
      <c r="BC37" s="320">
        <v>50381</v>
      </c>
      <c r="BD37" s="322">
        <v>50381</v>
      </c>
      <c r="BE37" s="318">
        <v>0</v>
      </c>
      <c r="BF37" s="319">
        <v>0</v>
      </c>
      <c r="BG37" s="323">
        <v>0</v>
      </c>
      <c r="BH37" s="324">
        <v>0</v>
      </c>
      <c r="BI37" s="319">
        <v>0</v>
      </c>
      <c r="BJ37" s="319">
        <v>0</v>
      </c>
      <c r="BK37" s="319">
        <v>26768</v>
      </c>
      <c r="BL37" s="319">
        <v>0</v>
      </c>
      <c r="BM37" s="319">
        <v>0</v>
      </c>
      <c r="BN37" s="320">
        <v>26768</v>
      </c>
      <c r="BO37" s="322">
        <v>26768</v>
      </c>
      <c r="BP37" s="318">
        <v>0</v>
      </c>
      <c r="BQ37" s="319">
        <v>6013</v>
      </c>
      <c r="BR37" s="320">
        <v>6013</v>
      </c>
      <c r="BS37" s="318">
        <v>0</v>
      </c>
      <c r="BT37" s="319">
        <v>21574</v>
      </c>
      <c r="BU37" s="319">
        <v>0</v>
      </c>
      <c r="BV37" s="319">
        <v>5292</v>
      </c>
      <c r="BW37" s="319">
        <v>18676</v>
      </c>
      <c r="BX37" s="319">
        <v>13692</v>
      </c>
      <c r="BY37" s="320">
        <v>59234</v>
      </c>
      <c r="BZ37" s="322">
        <v>65247</v>
      </c>
      <c r="CA37" s="318">
        <v>0</v>
      </c>
      <c r="CB37" s="319">
        <v>0</v>
      </c>
      <c r="CC37" s="320">
        <v>0</v>
      </c>
      <c r="CD37" s="318">
        <v>0</v>
      </c>
      <c r="CE37" s="319">
        <v>103179</v>
      </c>
      <c r="CF37" s="319">
        <v>66586</v>
      </c>
      <c r="CG37" s="319">
        <v>110536</v>
      </c>
      <c r="CH37" s="319">
        <v>0</v>
      </c>
      <c r="CI37" s="319">
        <v>0</v>
      </c>
      <c r="CJ37" s="320">
        <v>280301</v>
      </c>
      <c r="CK37" s="322">
        <v>280301</v>
      </c>
      <c r="CL37" s="318">
        <v>0</v>
      </c>
      <c r="CM37" s="319">
        <v>0</v>
      </c>
      <c r="CN37" s="320">
        <v>0</v>
      </c>
      <c r="CO37" s="324">
        <v>0</v>
      </c>
      <c r="CP37" s="319">
        <v>103179</v>
      </c>
      <c r="CQ37" s="319">
        <v>3150</v>
      </c>
      <c r="CR37" s="319">
        <v>0</v>
      </c>
      <c r="CS37" s="319">
        <v>0</v>
      </c>
      <c r="CT37" s="319">
        <v>0</v>
      </c>
      <c r="CU37" s="320">
        <v>106329</v>
      </c>
      <c r="CV37" s="322">
        <v>106329</v>
      </c>
      <c r="CW37" s="318">
        <v>0</v>
      </c>
      <c r="CX37" s="319">
        <v>0</v>
      </c>
      <c r="CY37" s="320">
        <v>0</v>
      </c>
      <c r="CZ37" s="318">
        <v>0</v>
      </c>
      <c r="DA37" s="319">
        <v>0</v>
      </c>
      <c r="DB37" s="319">
        <v>63436</v>
      </c>
      <c r="DC37" s="319">
        <v>110536</v>
      </c>
      <c r="DD37" s="319">
        <v>0</v>
      </c>
      <c r="DE37" s="319">
        <v>0</v>
      </c>
      <c r="DF37" s="320">
        <v>173972</v>
      </c>
      <c r="DG37" s="322">
        <v>173972</v>
      </c>
      <c r="DH37" s="318">
        <v>0</v>
      </c>
      <c r="DI37" s="319">
        <v>0</v>
      </c>
      <c r="DJ37" s="323">
        <v>0</v>
      </c>
      <c r="DK37" s="324">
        <v>0</v>
      </c>
      <c r="DL37" s="319">
        <v>97060</v>
      </c>
      <c r="DM37" s="319">
        <v>163595</v>
      </c>
      <c r="DN37" s="319">
        <v>0</v>
      </c>
      <c r="DO37" s="319">
        <v>0</v>
      </c>
      <c r="DP37" s="319">
        <v>0</v>
      </c>
      <c r="DQ37" s="320">
        <v>260655</v>
      </c>
      <c r="DR37" s="322">
        <v>260655</v>
      </c>
      <c r="DS37" s="318">
        <v>0</v>
      </c>
      <c r="DT37" s="319">
        <v>0</v>
      </c>
      <c r="DU37" s="320">
        <v>0</v>
      </c>
      <c r="DV37" s="318">
        <v>0</v>
      </c>
      <c r="DW37" s="319">
        <v>97060</v>
      </c>
      <c r="DX37" s="319">
        <v>130064</v>
      </c>
      <c r="DY37" s="319">
        <v>0</v>
      </c>
      <c r="DZ37" s="319">
        <v>0</v>
      </c>
      <c r="EA37" s="319">
        <v>0</v>
      </c>
      <c r="EB37" s="320">
        <v>227124</v>
      </c>
      <c r="EC37" s="322">
        <v>227124</v>
      </c>
      <c r="ED37" s="318">
        <v>0</v>
      </c>
      <c r="EE37" s="323">
        <v>0</v>
      </c>
      <c r="EF37" s="320">
        <v>0</v>
      </c>
      <c r="EG37" s="318">
        <v>0</v>
      </c>
      <c r="EH37" s="319">
        <v>0</v>
      </c>
      <c r="EI37" s="319">
        <v>33531</v>
      </c>
      <c r="EJ37" s="319">
        <v>0</v>
      </c>
      <c r="EK37" s="319">
        <v>0</v>
      </c>
      <c r="EL37" s="319">
        <v>0</v>
      </c>
      <c r="EM37" s="323">
        <v>33531</v>
      </c>
      <c r="EN37" s="322">
        <v>33531</v>
      </c>
      <c r="EO37" s="318">
        <v>0</v>
      </c>
      <c r="EP37" s="319">
        <v>0</v>
      </c>
      <c r="EQ37" s="323">
        <v>0</v>
      </c>
      <c r="ER37" s="324">
        <v>0</v>
      </c>
      <c r="ES37" s="319">
        <v>0</v>
      </c>
      <c r="ET37" s="319">
        <v>0</v>
      </c>
      <c r="EU37" s="319">
        <v>0</v>
      </c>
      <c r="EV37" s="319">
        <v>0</v>
      </c>
      <c r="EW37" s="319">
        <v>0</v>
      </c>
      <c r="EX37" s="320">
        <v>0</v>
      </c>
      <c r="EY37" s="322">
        <v>0</v>
      </c>
      <c r="EZ37" s="318">
        <v>0</v>
      </c>
      <c r="FA37" s="319">
        <v>0</v>
      </c>
      <c r="FB37" s="323">
        <v>0</v>
      </c>
      <c r="FC37" s="325"/>
      <c r="FD37" s="319">
        <v>0</v>
      </c>
      <c r="FE37" s="319">
        <v>0</v>
      </c>
      <c r="FF37" s="319">
        <v>0</v>
      </c>
      <c r="FG37" s="319">
        <v>0</v>
      </c>
      <c r="FH37" s="319">
        <v>0</v>
      </c>
      <c r="FI37" s="320">
        <v>0</v>
      </c>
      <c r="FJ37" s="322">
        <v>0</v>
      </c>
      <c r="FK37" s="318">
        <v>0</v>
      </c>
      <c r="FL37" s="319">
        <v>8960</v>
      </c>
      <c r="FM37" s="320">
        <v>8960</v>
      </c>
      <c r="FN37" s="318">
        <v>0</v>
      </c>
      <c r="FO37" s="319">
        <v>24465</v>
      </c>
      <c r="FP37" s="319">
        <v>7700</v>
      </c>
      <c r="FQ37" s="319">
        <v>44030</v>
      </c>
      <c r="FR37" s="319">
        <v>12985</v>
      </c>
      <c r="FS37" s="319">
        <v>0</v>
      </c>
      <c r="FT37" s="320">
        <v>89180</v>
      </c>
      <c r="FU37" s="322">
        <v>98140</v>
      </c>
      <c r="FV37" s="326">
        <v>0</v>
      </c>
      <c r="FW37" s="319">
        <v>8960</v>
      </c>
      <c r="FX37" s="323">
        <v>8960</v>
      </c>
      <c r="FY37" s="324">
        <v>0</v>
      </c>
      <c r="FZ37" s="319">
        <v>24465</v>
      </c>
      <c r="GA37" s="319">
        <v>7700</v>
      </c>
      <c r="GB37" s="319">
        <v>44030</v>
      </c>
      <c r="GC37" s="319">
        <v>12985</v>
      </c>
      <c r="GD37" s="319">
        <v>0</v>
      </c>
      <c r="GE37" s="320">
        <v>89180</v>
      </c>
      <c r="GF37" s="327">
        <v>98140</v>
      </c>
      <c r="GG37" s="326">
        <v>0</v>
      </c>
      <c r="GH37" s="319">
        <v>0</v>
      </c>
      <c r="GI37" s="323">
        <v>0</v>
      </c>
      <c r="GJ37" s="324">
        <v>0</v>
      </c>
      <c r="GK37" s="319">
        <v>0</v>
      </c>
      <c r="GL37" s="319">
        <v>0</v>
      </c>
      <c r="GM37" s="319">
        <v>0</v>
      </c>
      <c r="GN37" s="319">
        <v>0</v>
      </c>
      <c r="GO37" s="319">
        <v>0</v>
      </c>
      <c r="GP37" s="320">
        <v>0</v>
      </c>
      <c r="GQ37" s="322">
        <v>0</v>
      </c>
      <c r="GR37" s="318">
        <v>0</v>
      </c>
      <c r="GS37" s="319">
        <v>0</v>
      </c>
      <c r="GT37" s="320">
        <v>0</v>
      </c>
      <c r="GU37" s="318">
        <v>0</v>
      </c>
      <c r="GV37" s="319">
        <v>0</v>
      </c>
      <c r="GW37" s="319">
        <v>0</v>
      </c>
      <c r="GX37" s="319">
        <v>0</v>
      </c>
      <c r="GY37" s="319">
        <v>0</v>
      </c>
      <c r="GZ37" s="319">
        <v>0</v>
      </c>
      <c r="HA37" s="323">
        <v>0</v>
      </c>
      <c r="HB37" s="322">
        <v>0</v>
      </c>
      <c r="HC37" s="318">
        <v>0</v>
      </c>
      <c r="HD37" s="319">
        <v>27314</v>
      </c>
      <c r="HE37" s="323">
        <v>27314</v>
      </c>
      <c r="HF37" s="324">
        <v>0</v>
      </c>
      <c r="HG37" s="319">
        <v>135867</v>
      </c>
      <c r="HH37" s="319">
        <v>143591</v>
      </c>
      <c r="HI37" s="319">
        <v>0</v>
      </c>
      <c r="HJ37" s="319">
        <v>0</v>
      </c>
      <c r="HK37" s="319">
        <v>189686</v>
      </c>
      <c r="HL37" s="320">
        <v>469144</v>
      </c>
      <c r="HM37" s="321">
        <v>496458</v>
      </c>
      <c r="HN37" s="411"/>
      <c r="HO37" s="411"/>
      <c r="HP37" s="411"/>
      <c r="HQ37" s="411"/>
      <c r="HR37" s="411"/>
      <c r="HS37" s="411"/>
      <c r="HT37" s="411"/>
      <c r="HU37" s="411"/>
      <c r="HV37" s="411"/>
      <c r="HW37" s="411"/>
      <c r="HX37" s="424"/>
      <c r="HY37" s="330">
        <v>0</v>
      </c>
      <c r="HZ37" s="329">
        <v>0</v>
      </c>
      <c r="IA37" s="330">
        <v>0</v>
      </c>
      <c r="IB37" s="353">
        <v>0</v>
      </c>
      <c r="IC37" s="329">
        <v>109888</v>
      </c>
      <c r="ID37" s="354">
        <v>195160</v>
      </c>
      <c r="IE37" s="330">
        <v>226081</v>
      </c>
      <c r="IF37" s="329">
        <v>0</v>
      </c>
      <c r="IG37" s="330">
        <v>217042</v>
      </c>
      <c r="IH37" s="355">
        <v>748171</v>
      </c>
      <c r="II37" s="336">
        <v>748171</v>
      </c>
      <c r="IJ37" s="337">
        <v>0</v>
      </c>
      <c r="IK37" s="338">
        <v>0</v>
      </c>
      <c r="IL37" s="339">
        <v>0</v>
      </c>
      <c r="IM37" s="411"/>
      <c r="IN37" s="341">
        <v>49826</v>
      </c>
      <c r="IO37" s="341">
        <v>0</v>
      </c>
      <c r="IP37" s="341">
        <v>0</v>
      </c>
      <c r="IQ37" s="341">
        <v>0</v>
      </c>
      <c r="IR37" s="341">
        <v>0</v>
      </c>
      <c r="IS37" s="342">
        <v>49826</v>
      </c>
      <c r="IT37" s="343">
        <v>49826</v>
      </c>
      <c r="IU37" s="344">
        <v>0</v>
      </c>
      <c r="IV37" s="341">
        <v>0</v>
      </c>
      <c r="IW37" s="345">
        <v>0</v>
      </c>
      <c r="IX37" s="411"/>
      <c r="IY37" s="341">
        <v>0</v>
      </c>
      <c r="IZ37" s="341">
        <v>0</v>
      </c>
      <c r="JA37" s="341">
        <v>0</v>
      </c>
      <c r="JB37" s="341">
        <v>0</v>
      </c>
      <c r="JC37" s="341">
        <v>0</v>
      </c>
      <c r="JD37" s="345">
        <v>0</v>
      </c>
      <c r="JE37" s="347">
        <v>0</v>
      </c>
      <c r="JF37" s="344">
        <v>0</v>
      </c>
      <c r="JG37" s="341">
        <v>0</v>
      </c>
      <c r="JH37" s="342">
        <v>0</v>
      </c>
      <c r="JI37" s="348">
        <v>0</v>
      </c>
      <c r="JJ37" s="341">
        <v>60062</v>
      </c>
      <c r="JK37" s="341">
        <v>42567</v>
      </c>
      <c r="JL37" s="341">
        <v>16956</v>
      </c>
      <c r="JM37" s="341">
        <v>0</v>
      </c>
      <c r="JN37" s="341">
        <v>0</v>
      </c>
      <c r="JO37" s="345">
        <v>119585</v>
      </c>
      <c r="JP37" s="343">
        <v>119585</v>
      </c>
      <c r="JQ37" s="344">
        <v>0</v>
      </c>
      <c r="JR37" s="341">
        <v>0</v>
      </c>
      <c r="JS37" s="342">
        <v>0</v>
      </c>
      <c r="JT37" s="348">
        <v>0</v>
      </c>
      <c r="JU37" s="341">
        <v>0</v>
      </c>
      <c r="JV37" s="341">
        <v>0</v>
      </c>
      <c r="JW37" s="341">
        <v>0</v>
      </c>
      <c r="JX37" s="341">
        <v>0</v>
      </c>
      <c r="JY37" s="341">
        <v>0</v>
      </c>
      <c r="JZ37" s="345">
        <v>0</v>
      </c>
      <c r="KA37" s="343">
        <v>0</v>
      </c>
      <c r="KB37" s="349">
        <v>0</v>
      </c>
      <c r="KC37" s="350">
        <v>0</v>
      </c>
      <c r="KD37" s="345">
        <v>0</v>
      </c>
      <c r="KE37" s="348">
        <v>0</v>
      </c>
      <c r="KF37" s="341">
        <v>0</v>
      </c>
      <c r="KG37" s="341">
        <v>0</v>
      </c>
      <c r="KH37" s="341">
        <v>0</v>
      </c>
      <c r="KI37" s="341">
        <v>0</v>
      </c>
      <c r="KJ37" s="341">
        <v>0</v>
      </c>
      <c r="KK37" s="345">
        <v>0</v>
      </c>
      <c r="KL37" s="351">
        <v>0</v>
      </c>
      <c r="KM37" s="337">
        <v>0</v>
      </c>
      <c r="KN37" s="338">
        <v>0</v>
      </c>
      <c r="KO37" s="339">
        <v>0</v>
      </c>
      <c r="KP37" s="340"/>
      <c r="KQ37" s="341">
        <v>0</v>
      </c>
      <c r="KR37" s="341">
        <v>0</v>
      </c>
      <c r="KS37" s="341">
        <v>209125</v>
      </c>
      <c r="KT37" s="341">
        <v>0</v>
      </c>
      <c r="KU37" s="341">
        <v>217042</v>
      </c>
      <c r="KV37" s="345">
        <v>426167</v>
      </c>
      <c r="KW37" s="343">
        <v>426167</v>
      </c>
      <c r="KX37" s="344">
        <v>0</v>
      </c>
      <c r="KY37" s="341">
        <v>0</v>
      </c>
      <c r="KZ37" s="345">
        <v>0</v>
      </c>
      <c r="LA37" s="352"/>
      <c r="LB37" s="341">
        <v>0</v>
      </c>
      <c r="LC37" s="341">
        <v>0</v>
      </c>
      <c r="LD37" s="341">
        <v>0</v>
      </c>
      <c r="LE37" s="341">
        <v>0</v>
      </c>
      <c r="LF37" s="341">
        <v>0</v>
      </c>
      <c r="LG37" s="345">
        <v>0</v>
      </c>
      <c r="LH37" s="347">
        <v>0</v>
      </c>
      <c r="LI37" s="344">
        <v>0</v>
      </c>
      <c r="LJ37" s="341">
        <v>0</v>
      </c>
      <c r="LK37" s="345">
        <v>0</v>
      </c>
      <c r="LL37" s="352"/>
      <c r="LM37" s="341">
        <v>0</v>
      </c>
      <c r="LN37" s="341">
        <v>152593</v>
      </c>
      <c r="LO37" s="341">
        <v>0</v>
      </c>
      <c r="LP37" s="341">
        <v>0</v>
      </c>
      <c r="LQ37" s="341">
        <v>0</v>
      </c>
      <c r="LR37" s="345">
        <v>152593</v>
      </c>
      <c r="LS37" s="343">
        <v>152593</v>
      </c>
      <c r="LT37" s="344">
        <v>0</v>
      </c>
      <c r="LU37" s="341">
        <v>0</v>
      </c>
      <c r="LV37" s="345">
        <v>0</v>
      </c>
      <c r="LW37" s="352"/>
      <c r="LX37" s="341">
        <v>0</v>
      </c>
      <c r="LY37" s="341">
        <v>0</v>
      </c>
      <c r="LZ37" s="341">
        <v>0</v>
      </c>
      <c r="MA37" s="341">
        <v>0</v>
      </c>
      <c r="MB37" s="341">
        <v>0</v>
      </c>
      <c r="MC37" s="345">
        <v>0</v>
      </c>
      <c r="MD37" s="347">
        <v>0</v>
      </c>
      <c r="ME37" s="344">
        <v>0</v>
      </c>
      <c r="MF37" s="341">
        <v>0</v>
      </c>
      <c r="MG37" s="345">
        <v>0</v>
      </c>
      <c r="MH37" s="352"/>
      <c r="MI37" s="341">
        <v>0</v>
      </c>
      <c r="MJ37" s="341">
        <v>0</v>
      </c>
      <c r="MK37" s="341">
        <v>0</v>
      </c>
      <c r="ML37" s="341">
        <v>0</v>
      </c>
      <c r="MM37" s="341">
        <v>50860</v>
      </c>
      <c r="MN37" s="345">
        <v>50860</v>
      </c>
      <c r="MO37" s="351">
        <v>50860</v>
      </c>
      <c r="MP37" s="344">
        <v>0</v>
      </c>
      <c r="MQ37" s="341">
        <v>0</v>
      </c>
      <c r="MR37" s="345">
        <v>0</v>
      </c>
      <c r="MS37" s="352"/>
      <c r="MT37" s="341">
        <v>0</v>
      </c>
      <c r="MU37" s="341">
        <v>0</v>
      </c>
      <c r="MV37" s="341">
        <v>0</v>
      </c>
      <c r="MW37" s="341">
        <v>0</v>
      </c>
      <c r="MX37" s="341">
        <v>50860</v>
      </c>
      <c r="MY37" s="345">
        <v>50860</v>
      </c>
      <c r="MZ37" s="351">
        <v>50860</v>
      </c>
      <c r="NA37" s="344">
        <v>0</v>
      </c>
      <c r="NB37" s="341">
        <v>0</v>
      </c>
      <c r="NC37" s="345">
        <v>0</v>
      </c>
      <c r="ND37" s="352"/>
      <c r="NE37" s="341">
        <v>0</v>
      </c>
      <c r="NF37" s="341">
        <v>0</v>
      </c>
      <c r="NG37" s="341">
        <v>0</v>
      </c>
      <c r="NH37" s="341">
        <v>0</v>
      </c>
      <c r="NI37" s="341">
        <v>0</v>
      </c>
      <c r="NJ37" s="345">
        <v>0</v>
      </c>
      <c r="NK37" s="343">
        <v>0</v>
      </c>
      <c r="NL37" s="344">
        <v>0</v>
      </c>
      <c r="NM37" s="341">
        <v>0</v>
      </c>
      <c r="NN37" s="345">
        <v>0</v>
      </c>
      <c r="NO37" s="352"/>
      <c r="NP37" s="341">
        <v>0</v>
      </c>
      <c r="NQ37" s="341">
        <v>0</v>
      </c>
      <c r="NR37" s="341">
        <v>0</v>
      </c>
      <c r="NS37" s="341">
        <v>0</v>
      </c>
      <c r="NT37" s="341">
        <v>0</v>
      </c>
      <c r="NU37" s="345">
        <v>0</v>
      </c>
      <c r="NV37" s="347">
        <v>0</v>
      </c>
      <c r="NW37" s="344">
        <v>0</v>
      </c>
      <c r="NX37" s="341">
        <v>0</v>
      </c>
      <c r="NY37" s="345">
        <v>0</v>
      </c>
      <c r="NZ37" s="352"/>
      <c r="OA37" s="341">
        <v>0</v>
      </c>
      <c r="OB37" s="341">
        <v>0</v>
      </c>
      <c r="OC37" s="341">
        <v>0</v>
      </c>
      <c r="OD37" s="341">
        <v>0</v>
      </c>
      <c r="OE37" s="341">
        <v>0</v>
      </c>
      <c r="OF37" s="345">
        <v>0</v>
      </c>
      <c r="OG37" s="347">
        <v>0</v>
      </c>
      <c r="OH37" s="344">
        <v>0</v>
      </c>
      <c r="OI37" s="341">
        <v>42287</v>
      </c>
      <c r="OJ37" s="342">
        <v>42287</v>
      </c>
      <c r="OK37" s="348">
        <v>0</v>
      </c>
      <c r="OL37" s="341">
        <v>538489</v>
      </c>
      <c r="OM37" s="341">
        <v>589960</v>
      </c>
      <c r="ON37" s="341">
        <v>412707</v>
      </c>
      <c r="OO37" s="341">
        <v>210408</v>
      </c>
      <c r="OP37" s="341">
        <v>471280</v>
      </c>
      <c r="OQ37" s="345">
        <v>2222844</v>
      </c>
      <c r="OR37" s="351">
        <v>2265131</v>
      </c>
    </row>
    <row r="38" spans="1:408" ht="20.25" customHeight="1" x14ac:dyDescent="0.2">
      <c r="A38" s="111" t="s">
        <v>33</v>
      </c>
      <c r="B38" s="318">
        <v>46590</v>
      </c>
      <c r="C38" s="319">
        <v>9625</v>
      </c>
      <c r="D38" s="320">
        <v>56215</v>
      </c>
      <c r="E38" s="321">
        <v>0</v>
      </c>
      <c r="F38" s="319">
        <v>162779</v>
      </c>
      <c r="G38" s="319">
        <v>222845</v>
      </c>
      <c r="H38" s="319">
        <v>981765</v>
      </c>
      <c r="I38" s="319">
        <v>0</v>
      </c>
      <c r="J38" s="319">
        <v>161870</v>
      </c>
      <c r="K38" s="358">
        <v>1529259</v>
      </c>
      <c r="L38" s="322">
        <v>1585474</v>
      </c>
      <c r="M38" s="318">
        <v>0</v>
      </c>
      <c r="N38" s="319">
        <v>0</v>
      </c>
      <c r="O38" s="320">
        <v>0</v>
      </c>
      <c r="P38" s="318">
        <v>0</v>
      </c>
      <c r="Q38" s="319">
        <v>74325</v>
      </c>
      <c r="R38" s="319">
        <v>10213</v>
      </c>
      <c r="S38" s="319">
        <v>240379</v>
      </c>
      <c r="T38" s="319">
        <v>0</v>
      </c>
      <c r="U38" s="319">
        <v>135340</v>
      </c>
      <c r="V38" s="320">
        <v>460257</v>
      </c>
      <c r="W38" s="322">
        <v>460257</v>
      </c>
      <c r="X38" s="318">
        <v>0</v>
      </c>
      <c r="Y38" s="319">
        <v>0</v>
      </c>
      <c r="Z38" s="320">
        <v>0</v>
      </c>
      <c r="AA38" s="318">
        <v>0</v>
      </c>
      <c r="AB38" s="319">
        <v>19939</v>
      </c>
      <c r="AC38" s="319">
        <v>0</v>
      </c>
      <c r="AD38" s="319">
        <v>82901</v>
      </c>
      <c r="AE38" s="319">
        <v>0</v>
      </c>
      <c r="AF38" s="319">
        <v>0</v>
      </c>
      <c r="AG38" s="320">
        <v>102840</v>
      </c>
      <c r="AH38" s="322">
        <v>102840</v>
      </c>
      <c r="AI38" s="318">
        <v>0</v>
      </c>
      <c r="AJ38" s="319">
        <v>0</v>
      </c>
      <c r="AK38" s="320">
        <v>0</v>
      </c>
      <c r="AL38" s="318">
        <v>0</v>
      </c>
      <c r="AM38" s="319">
        <v>0</v>
      </c>
      <c r="AN38" s="319">
        <v>0</v>
      </c>
      <c r="AO38" s="319">
        <v>0</v>
      </c>
      <c r="AP38" s="319">
        <v>0</v>
      </c>
      <c r="AQ38" s="319">
        <v>0</v>
      </c>
      <c r="AR38" s="320">
        <v>0</v>
      </c>
      <c r="AS38" s="322">
        <v>0</v>
      </c>
      <c r="AT38" s="318">
        <v>0</v>
      </c>
      <c r="AU38" s="319">
        <v>0</v>
      </c>
      <c r="AV38" s="320">
        <v>0</v>
      </c>
      <c r="AW38" s="318">
        <v>0</v>
      </c>
      <c r="AX38" s="319">
        <v>34333</v>
      </c>
      <c r="AY38" s="319">
        <v>0</v>
      </c>
      <c r="AZ38" s="319">
        <v>112624</v>
      </c>
      <c r="BA38" s="319">
        <v>0</v>
      </c>
      <c r="BB38" s="319">
        <v>78244</v>
      </c>
      <c r="BC38" s="320">
        <v>225201</v>
      </c>
      <c r="BD38" s="322">
        <v>225201</v>
      </c>
      <c r="BE38" s="318">
        <v>0</v>
      </c>
      <c r="BF38" s="319">
        <v>0</v>
      </c>
      <c r="BG38" s="323">
        <v>0</v>
      </c>
      <c r="BH38" s="324">
        <v>0</v>
      </c>
      <c r="BI38" s="319">
        <v>20053</v>
      </c>
      <c r="BJ38" s="319">
        <v>0</v>
      </c>
      <c r="BK38" s="319">
        <v>26738</v>
      </c>
      <c r="BL38" s="319">
        <v>0</v>
      </c>
      <c r="BM38" s="319">
        <v>53477</v>
      </c>
      <c r="BN38" s="320">
        <v>100268</v>
      </c>
      <c r="BO38" s="322">
        <v>100268</v>
      </c>
      <c r="BP38" s="318">
        <v>0</v>
      </c>
      <c r="BQ38" s="319">
        <v>0</v>
      </c>
      <c r="BR38" s="320">
        <v>0</v>
      </c>
      <c r="BS38" s="318">
        <v>0</v>
      </c>
      <c r="BT38" s="319">
        <v>0</v>
      </c>
      <c r="BU38" s="319">
        <v>10213</v>
      </c>
      <c r="BV38" s="319">
        <v>18116</v>
      </c>
      <c r="BW38" s="319">
        <v>0</v>
      </c>
      <c r="BX38" s="319">
        <v>3619</v>
      </c>
      <c r="BY38" s="320">
        <v>31948</v>
      </c>
      <c r="BZ38" s="322">
        <v>31948</v>
      </c>
      <c r="CA38" s="318">
        <v>0</v>
      </c>
      <c r="CB38" s="319">
        <v>0</v>
      </c>
      <c r="CC38" s="320">
        <v>0</v>
      </c>
      <c r="CD38" s="318">
        <v>0</v>
      </c>
      <c r="CE38" s="319">
        <v>84954</v>
      </c>
      <c r="CF38" s="319">
        <v>0</v>
      </c>
      <c r="CG38" s="319">
        <v>0</v>
      </c>
      <c r="CH38" s="319">
        <v>0</v>
      </c>
      <c r="CI38" s="319">
        <v>0</v>
      </c>
      <c r="CJ38" s="320">
        <v>84954</v>
      </c>
      <c r="CK38" s="322">
        <v>84954</v>
      </c>
      <c r="CL38" s="318">
        <v>0</v>
      </c>
      <c r="CM38" s="319">
        <v>0</v>
      </c>
      <c r="CN38" s="320">
        <v>0</v>
      </c>
      <c r="CO38" s="324">
        <v>0</v>
      </c>
      <c r="CP38" s="319">
        <v>84954</v>
      </c>
      <c r="CQ38" s="319">
        <v>0</v>
      </c>
      <c r="CR38" s="319">
        <v>0</v>
      </c>
      <c r="CS38" s="319">
        <v>0</v>
      </c>
      <c r="CT38" s="319">
        <v>0</v>
      </c>
      <c r="CU38" s="320">
        <v>84954</v>
      </c>
      <c r="CV38" s="322">
        <v>84954</v>
      </c>
      <c r="CW38" s="318">
        <v>0</v>
      </c>
      <c r="CX38" s="319">
        <v>0</v>
      </c>
      <c r="CY38" s="320">
        <v>0</v>
      </c>
      <c r="CZ38" s="318">
        <v>0</v>
      </c>
      <c r="DA38" s="319">
        <v>0</v>
      </c>
      <c r="DB38" s="319">
        <v>0</v>
      </c>
      <c r="DC38" s="319">
        <v>0</v>
      </c>
      <c r="DD38" s="319">
        <v>0</v>
      </c>
      <c r="DE38" s="319">
        <v>0</v>
      </c>
      <c r="DF38" s="320">
        <v>0</v>
      </c>
      <c r="DG38" s="322">
        <v>0</v>
      </c>
      <c r="DH38" s="318">
        <v>0</v>
      </c>
      <c r="DI38" s="319">
        <v>0</v>
      </c>
      <c r="DJ38" s="323">
        <v>0</v>
      </c>
      <c r="DK38" s="324">
        <v>0</v>
      </c>
      <c r="DL38" s="319">
        <v>0</v>
      </c>
      <c r="DM38" s="319">
        <v>0</v>
      </c>
      <c r="DN38" s="319">
        <v>21114</v>
      </c>
      <c r="DO38" s="319">
        <v>0</v>
      </c>
      <c r="DP38" s="319">
        <v>0</v>
      </c>
      <c r="DQ38" s="320">
        <v>21114</v>
      </c>
      <c r="DR38" s="322">
        <v>21114</v>
      </c>
      <c r="DS38" s="318">
        <v>0</v>
      </c>
      <c r="DT38" s="319">
        <v>0</v>
      </c>
      <c r="DU38" s="320">
        <v>0</v>
      </c>
      <c r="DV38" s="318">
        <v>0</v>
      </c>
      <c r="DW38" s="319">
        <v>0</v>
      </c>
      <c r="DX38" s="319">
        <v>0</v>
      </c>
      <c r="DY38" s="319">
        <v>21114</v>
      </c>
      <c r="DZ38" s="319">
        <v>0</v>
      </c>
      <c r="EA38" s="319">
        <v>0</v>
      </c>
      <c r="EB38" s="320">
        <v>21114</v>
      </c>
      <c r="EC38" s="322">
        <v>21114</v>
      </c>
      <c r="ED38" s="318">
        <v>0</v>
      </c>
      <c r="EE38" s="323">
        <v>0</v>
      </c>
      <c r="EF38" s="320">
        <v>0</v>
      </c>
      <c r="EG38" s="318">
        <v>0</v>
      </c>
      <c r="EH38" s="319">
        <v>0</v>
      </c>
      <c r="EI38" s="319">
        <v>0</v>
      </c>
      <c r="EJ38" s="319">
        <v>0</v>
      </c>
      <c r="EK38" s="319">
        <v>0</v>
      </c>
      <c r="EL38" s="319">
        <v>0</v>
      </c>
      <c r="EM38" s="323">
        <v>0</v>
      </c>
      <c r="EN38" s="322">
        <v>0</v>
      </c>
      <c r="EO38" s="318">
        <v>0</v>
      </c>
      <c r="EP38" s="319">
        <v>0</v>
      </c>
      <c r="EQ38" s="323">
        <v>0</v>
      </c>
      <c r="ER38" s="324">
        <v>0</v>
      </c>
      <c r="ES38" s="319">
        <v>0</v>
      </c>
      <c r="ET38" s="319">
        <v>0</v>
      </c>
      <c r="EU38" s="319">
        <v>0</v>
      </c>
      <c r="EV38" s="319">
        <v>0</v>
      </c>
      <c r="EW38" s="319">
        <v>0</v>
      </c>
      <c r="EX38" s="320">
        <v>0</v>
      </c>
      <c r="EY38" s="322">
        <v>0</v>
      </c>
      <c r="EZ38" s="318">
        <v>0</v>
      </c>
      <c r="FA38" s="319">
        <v>0</v>
      </c>
      <c r="FB38" s="323">
        <v>0</v>
      </c>
      <c r="FC38" s="325"/>
      <c r="FD38" s="319">
        <v>0</v>
      </c>
      <c r="FE38" s="319">
        <v>0</v>
      </c>
      <c r="FF38" s="319">
        <v>0</v>
      </c>
      <c r="FG38" s="319">
        <v>0</v>
      </c>
      <c r="FH38" s="319">
        <v>0</v>
      </c>
      <c r="FI38" s="320">
        <v>0</v>
      </c>
      <c r="FJ38" s="322">
        <v>0</v>
      </c>
      <c r="FK38" s="318">
        <v>0</v>
      </c>
      <c r="FL38" s="319">
        <v>9625</v>
      </c>
      <c r="FM38" s="320">
        <v>9625</v>
      </c>
      <c r="FN38" s="318">
        <v>0</v>
      </c>
      <c r="FO38" s="319">
        <v>3500</v>
      </c>
      <c r="FP38" s="319">
        <v>0</v>
      </c>
      <c r="FQ38" s="319">
        <v>39991</v>
      </c>
      <c r="FR38" s="319">
        <v>0</v>
      </c>
      <c r="FS38" s="319">
        <v>26530</v>
      </c>
      <c r="FT38" s="320">
        <v>70021</v>
      </c>
      <c r="FU38" s="322">
        <v>79646</v>
      </c>
      <c r="FV38" s="326">
        <v>0</v>
      </c>
      <c r="FW38" s="319">
        <v>9625</v>
      </c>
      <c r="FX38" s="323">
        <v>9625</v>
      </c>
      <c r="FY38" s="324">
        <v>0</v>
      </c>
      <c r="FZ38" s="319">
        <v>3500</v>
      </c>
      <c r="GA38" s="319">
        <v>0</v>
      </c>
      <c r="GB38" s="319">
        <v>39991</v>
      </c>
      <c r="GC38" s="319">
        <v>0</v>
      </c>
      <c r="GD38" s="319">
        <v>26530</v>
      </c>
      <c r="GE38" s="320">
        <v>70021</v>
      </c>
      <c r="GF38" s="327">
        <v>79646</v>
      </c>
      <c r="GG38" s="326">
        <v>0</v>
      </c>
      <c r="GH38" s="319">
        <v>0</v>
      </c>
      <c r="GI38" s="323">
        <v>0</v>
      </c>
      <c r="GJ38" s="324">
        <v>0</v>
      </c>
      <c r="GK38" s="319">
        <v>0</v>
      </c>
      <c r="GL38" s="319">
        <v>0</v>
      </c>
      <c r="GM38" s="319">
        <v>0</v>
      </c>
      <c r="GN38" s="319">
        <v>0</v>
      </c>
      <c r="GO38" s="319">
        <v>0</v>
      </c>
      <c r="GP38" s="320">
        <v>0</v>
      </c>
      <c r="GQ38" s="322">
        <v>0</v>
      </c>
      <c r="GR38" s="318">
        <v>0</v>
      </c>
      <c r="GS38" s="319">
        <v>0</v>
      </c>
      <c r="GT38" s="320">
        <v>0</v>
      </c>
      <c r="GU38" s="318">
        <v>0</v>
      </c>
      <c r="GV38" s="319">
        <v>0</v>
      </c>
      <c r="GW38" s="319">
        <v>0</v>
      </c>
      <c r="GX38" s="319">
        <v>0</v>
      </c>
      <c r="GY38" s="319">
        <v>0</v>
      </c>
      <c r="GZ38" s="319">
        <v>0</v>
      </c>
      <c r="HA38" s="323">
        <v>0</v>
      </c>
      <c r="HB38" s="322">
        <v>0</v>
      </c>
      <c r="HC38" s="318">
        <v>46590</v>
      </c>
      <c r="HD38" s="319">
        <v>0</v>
      </c>
      <c r="HE38" s="323">
        <v>46590</v>
      </c>
      <c r="HF38" s="324">
        <v>0</v>
      </c>
      <c r="HG38" s="319">
        <v>0</v>
      </c>
      <c r="HH38" s="319">
        <v>212632</v>
      </c>
      <c r="HI38" s="319">
        <v>680281</v>
      </c>
      <c r="HJ38" s="319">
        <v>0</v>
      </c>
      <c r="HK38" s="319">
        <v>0</v>
      </c>
      <c r="HL38" s="320">
        <v>892913</v>
      </c>
      <c r="HM38" s="321">
        <v>939503</v>
      </c>
      <c r="HN38" s="411"/>
      <c r="HO38" s="411"/>
      <c r="HP38" s="411"/>
      <c r="HQ38" s="411"/>
      <c r="HR38" s="411"/>
      <c r="HS38" s="411"/>
      <c r="HT38" s="411"/>
      <c r="HU38" s="411"/>
      <c r="HV38" s="411"/>
      <c r="HW38" s="411"/>
      <c r="HX38" s="424"/>
      <c r="HY38" s="357">
        <v>0</v>
      </c>
      <c r="HZ38" s="332">
        <v>0</v>
      </c>
      <c r="IA38" s="357">
        <v>0</v>
      </c>
      <c r="IB38" s="353">
        <v>0</v>
      </c>
      <c r="IC38" s="329">
        <v>93066</v>
      </c>
      <c r="ID38" s="354">
        <v>0</v>
      </c>
      <c r="IE38" s="330">
        <v>284085</v>
      </c>
      <c r="IF38" s="329">
        <v>0</v>
      </c>
      <c r="IG38" s="330">
        <v>0</v>
      </c>
      <c r="IH38" s="355">
        <v>377151</v>
      </c>
      <c r="II38" s="357">
        <v>377151</v>
      </c>
      <c r="IJ38" s="337">
        <v>0</v>
      </c>
      <c r="IK38" s="338">
        <v>0</v>
      </c>
      <c r="IL38" s="339">
        <v>0</v>
      </c>
      <c r="IM38" s="411"/>
      <c r="IN38" s="341">
        <v>0</v>
      </c>
      <c r="IO38" s="341">
        <v>0</v>
      </c>
      <c r="IP38" s="341">
        <v>0</v>
      </c>
      <c r="IQ38" s="341">
        <v>0</v>
      </c>
      <c r="IR38" s="341">
        <v>0</v>
      </c>
      <c r="IS38" s="342">
        <v>0</v>
      </c>
      <c r="IT38" s="343">
        <v>0</v>
      </c>
      <c r="IU38" s="344">
        <v>0</v>
      </c>
      <c r="IV38" s="341">
        <v>0</v>
      </c>
      <c r="IW38" s="345">
        <v>0</v>
      </c>
      <c r="IX38" s="411"/>
      <c r="IY38" s="341">
        <v>0</v>
      </c>
      <c r="IZ38" s="341">
        <v>0</v>
      </c>
      <c r="JA38" s="341">
        <v>0</v>
      </c>
      <c r="JB38" s="341">
        <v>0</v>
      </c>
      <c r="JC38" s="341">
        <v>0</v>
      </c>
      <c r="JD38" s="345">
        <v>0</v>
      </c>
      <c r="JE38" s="347">
        <v>0</v>
      </c>
      <c r="JF38" s="344">
        <v>0</v>
      </c>
      <c r="JG38" s="341">
        <v>0</v>
      </c>
      <c r="JH38" s="342">
        <v>0</v>
      </c>
      <c r="JI38" s="348">
        <v>0</v>
      </c>
      <c r="JJ38" s="341">
        <v>93066</v>
      </c>
      <c r="JK38" s="341">
        <v>0</v>
      </c>
      <c r="JL38" s="341">
        <v>82711</v>
      </c>
      <c r="JM38" s="341">
        <v>0</v>
      </c>
      <c r="JN38" s="341">
        <v>0</v>
      </c>
      <c r="JO38" s="345">
        <v>175777</v>
      </c>
      <c r="JP38" s="343">
        <v>175777</v>
      </c>
      <c r="JQ38" s="344">
        <v>0</v>
      </c>
      <c r="JR38" s="341">
        <v>0</v>
      </c>
      <c r="JS38" s="342">
        <v>0</v>
      </c>
      <c r="JT38" s="348">
        <v>0</v>
      </c>
      <c r="JU38" s="341">
        <v>0</v>
      </c>
      <c r="JV38" s="341">
        <v>0</v>
      </c>
      <c r="JW38" s="341">
        <v>0</v>
      </c>
      <c r="JX38" s="341">
        <v>0</v>
      </c>
      <c r="JY38" s="341">
        <v>0</v>
      </c>
      <c r="JZ38" s="345">
        <v>0</v>
      </c>
      <c r="KA38" s="343">
        <v>0</v>
      </c>
      <c r="KB38" s="349">
        <v>0</v>
      </c>
      <c r="KC38" s="350">
        <v>0</v>
      </c>
      <c r="KD38" s="345">
        <v>0</v>
      </c>
      <c r="KE38" s="348">
        <v>0</v>
      </c>
      <c r="KF38" s="341">
        <v>0</v>
      </c>
      <c r="KG38" s="341">
        <v>0</v>
      </c>
      <c r="KH38" s="341">
        <v>0</v>
      </c>
      <c r="KI38" s="341">
        <v>0</v>
      </c>
      <c r="KJ38" s="341">
        <v>0</v>
      </c>
      <c r="KK38" s="345">
        <v>0</v>
      </c>
      <c r="KL38" s="351">
        <v>0</v>
      </c>
      <c r="KM38" s="337">
        <v>0</v>
      </c>
      <c r="KN38" s="338">
        <v>0</v>
      </c>
      <c r="KO38" s="339">
        <v>0</v>
      </c>
      <c r="KP38" s="340"/>
      <c r="KQ38" s="341">
        <v>0</v>
      </c>
      <c r="KR38" s="341">
        <v>0</v>
      </c>
      <c r="KS38" s="341">
        <v>0</v>
      </c>
      <c r="KT38" s="341">
        <v>0</v>
      </c>
      <c r="KU38" s="341">
        <v>0</v>
      </c>
      <c r="KV38" s="345">
        <v>0</v>
      </c>
      <c r="KW38" s="343">
        <v>0</v>
      </c>
      <c r="KX38" s="344">
        <v>0</v>
      </c>
      <c r="KY38" s="341">
        <v>0</v>
      </c>
      <c r="KZ38" s="345">
        <v>0</v>
      </c>
      <c r="LA38" s="352"/>
      <c r="LB38" s="341">
        <v>0</v>
      </c>
      <c r="LC38" s="341">
        <v>0</v>
      </c>
      <c r="LD38" s="341">
        <v>0</v>
      </c>
      <c r="LE38" s="341">
        <v>0</v>
      </c>
      <c r="LF38" s="341">
        <v>0</v>
      </c>
      <c r="LG38" s="345">
        <v>0</v>
      </c>
      <c r="LH38" s="347">
        <v>0</v>
      </c>
      <c r="LI38" s="344">
        <v>0</v>
      </c>
      <c r="LJ38" s="341">
        <v>0</v>
      </c>
      <c r="LK38" s="345">
        <v>0</v>
      </c>
      <c r="LL38" s="352"/>
      <c r="LM38" s="341">
        <v>0</v>
      </c>
      <c r="LN38" s="341">
        <v>0</v>
      </c>
      <c r="LO38" s="341">
        <v>0</v>
      </c>
      <c r="LP38" s="341">
        <v>0</v>
      </c>
      <c r="LQ38" s="341">
        <v>0</v>
      </c>
      <c r="LR38" s="345">
        <v>0</v>
      </c>
      <c r="LS38" s="343">
        <v>0</v>
      </c>
      <c r="LT38" s="344">
        <v>0</v>
      </c>
      <c r="LU38" s="341">
        <v>0</v>
      </c>
      <c r="LV38" s="345">
        <v>0</v>
      </c>
      <c r="LW38" s="352"/>
      <c r="LX38" s="341">
        <v>0</v>
      </c>
      <c r="LY38" s="341">
        <v>0</v>
      </c>
      <c r="LZ38" s="341">
        <v>201374</v>
      </c>
      <c r="MA38" s="341">
        <v>0</v>
      </c>
      <c r="MB38" s="341">
        <v>0</v>
      </c>
      <c r="MC38" s="345">
        <v>201374</v>
      </c>
      <c r="MD38" s="347">
        <v>201374</v>
      </c>
      <c r="ME38" s="344">
        <v>0</v>
      </c>
      <c r="MF38" s="341">
        <v>0</v>
      </c>
      <c r="MG38" s="345">
        <v>0</v>
      </c>
      <c r="MH38" s="352"/>
      <c r="MI38" s="341">
        <v>0</v>
      </c>
      <c r="MJ38" s="341">
        <v>202996</v>
      </c>
      <c r="MK38" s="341">
        <v>0</v>
      </c>
      <c r="ML38" s="341">
        <v>230678</v>
      </c>
      <c r="MM38" s="341">
        <v>285537</v>
      </c>
      <c r="MN38" s="345">
        <v>719211</v>
      </c>
      <c r="MO38" s="351">
        <v>719211</v>
      </c>
      <c r="MP38" s="344">
        <v>0</v>
      </c>
      <c r="MQ38" s="341">
        <v>0</v>
      </c>
      <c r="MR38" s="345">
        <v>0</v>
      </c>
      <c r="MS38" s="352"/>
      <c r="MT38" s="341">
        <v>0</v>
      </c>
      <c r="MU38" s="341">
        <v>0</v>
      </c>
      <c r="MV38" s="341">
        <v>0</v>
      </c>
      <c r="MW38" s="341">
        <v>230678</v>
      </c>
      <c r="MX38" s="341">
        <v>0</v>
      </c>
      <c r="MY38" s="345">
        <v>230678</v>
      </c>
      <c r="MZ38" s="351">
        <v>230678</v>
      </c>
      <c r="NA38" s="344">
        <v>0</v>
      </c>
      <c r="NB38" s="341">
        <v>0</v>
      </c>
      <c r="NC38" s="345">
        <v>0</v>
      </c>
      <c r="ND38" s="352"/>
      <c r="NE38" s="341">
        <v>0</v>
      </c>
      <c r="NF38" s="341">
        <v>0</v>
      </c>
      <c r="NG38" s="341">
        <v>0</v>
      </c>
      <c r="NH38" s="341">
        <v>0</v>
      </c>
      <c r="NI38" s="341">
        <v>0</v>
      </c>
      <c r="NJ38" s="345">
        <v>0</v>
      </c>
      <c r="NK38" s="343">
        <v>0</v>
      </c>
      <c r="NL38" s="344">
        <v>0</v>
      </c>
      <c r="NM38" s="341">
        <v>0</v>
      </c>
      <c r="NN38" s="345">
        <v>0</v>
      </c>
      <c r="NO38" s="352"/>
      <c r="NP38" s="341">
        <v>0</v>
      </c>
      <c r="NQ38" s="341">
        <v>0</v>
      </c>
      <c r="NR38" s="341">
        <v>0</v>
      </c>
      <c r="NS38" s="341">
        <v>0</v>
      </c>
      <c r="NT38" s="341">
        <v>0</v>
      </c>
      <c r="NU38" s="345">
        <v>0</v>
      </c>
      <c r="NV38" s="347">
        <v>0</v>
      </c>
      <c r="NW38" s="344">
        <v>0</v>
      </c>
      <c r="NX38" s="341">
        <v>0</v>
      </c>
      <c r="NY38" s="345">
        <v>0</v>
      </c>
      <c r="NZ38" s="352"/>
      <c r="OA38" s="341">
        <v>0</v>
      </c>
      <c r="OB38" s="341">
        <v>202996</v>
      </c>
      <c r="OC38" s="341">
        <v>0</v>
      </c>
      <c r="OD38" s="341">
        <v>0</v>
      </c>
      <c r="OE38" s="341">
        <v>285537</v>
      </c>
      <c r="OF38" s="345">
        <v>488533</v>
      </c>
      <c r="OG38" s="347">
        <v>488533</v>
      </c>
      <c r="OH38" s="344">
        <v>46590</v>
      </c>
      <c r="OI38" s="341">
        <v>9625</v>
      </c>
      <c r="OJ38" s="342">
        <v>56215</v>
      </c>
      <c r="OK38" s="348">
        <v>0</v>
      </c>
      <c r="OL38" s="341">
        <v>255845</v>
      </c>
      <c r="OM38" s="341">
        <v>425841</v>
      </c>
      <c r="ON38" s="341">
        <v>1265850</v>
      </c>
      <c r="OO38" s="341">
        <v>230678</v>
      </c>
      <c r="OP38" s="341">
        <v>447407</v>
      </c>
      <c r="OQ38" s="345">
        <v>2625621</v>
      </c>
      <c r="OR38" s="351">
        <v>2681836</v>
      </c>
    </row>
    <row r="39" spans="1:408" ht="20.25" customHeight="1" x14ac:dyDescent="0.2">
      <c r="A39" s="111" t="s">
        <v>34</v>
      </c>
      <c r="B39" s="318">
        <v>0</v>
      </c>
      <c r="C39" s="319">
        <v>5950</v>
      </c>
      <c r="D39" s="359">
        <v>5950</v>
      </c>
      <c r="E39" s="360">
        <v>0</v>
      </c>
      <c r="F39" s="361">
        <v>91014</v>
      </c>
      <c r="G39" s="361">
        <v>249823</v>
      </c>
      <c r="H39" s="361">
        <v>224133</v>
      </c>
      <c r="I39" s="361">
        <v>346635</v>
      </c>
      <c r="J39" s="361">
        <v>0</v>
      </c>
      <c r="K39" s="362">
        <v>911605</v>
      </c>
      <c r="L39" s="322">
        <v>917555</v>
      </c>
      <c r="M39" s="318">
        <v>0</v>
      </c>
      <c r="N39" s="319">
        <v>0</v>
      </c>
      <c r="O39" s="320">
        <v>0</v>
      </c>
      <c r="P39" s="318">
        <v>0</v>
      </c>
      <c r="Q39" s="319">
        <v>37541</v>
      </c>
      <c r="R39" s="319">
        <v>33922</v>
      </c>
      <c r="S39" s="319">
        <v>51611</v>
      </c>
      <c r="T39" s="319">
        <v>246311</v>
      </c>
      <c r="U39" s="319">
        <v>0</v>
      </c>
      <c r="V39" s="320">
        <v>369385</v>
      </c>
      <c r="W39" s="322">
        <v>369385</v>
      </c>
      <c r="X39" s="318">
        <v>0</v>
      </c>
      <c r="Y39" s="319">
        <v>0</v>
      </c>
      <c r="Z39" s="320">
        <v>0</v>
      </c>
      <c r="AA39" s="318">
        <v>0</v>
      </c>
      <c r="AB39" s="319">
        <v>0</v>
      </c>
      <c r="AC39" s="319">
        <v>0</v>
      </c>
      <c r="AD39" s="319">
        <v>32963</v>
      </c>
      <c r="AE39" s="319">
        <v>233130</v>
      </c>
      <c r="AF39" s="319">
        <v>0</v>
      </c>
      <c r="AG39" s="320">
        <v>266093</v>
      </c>
      <c r="AH39" s="322">
        <v>266093</v>
      </c>
      <c r="AI39" s="318">
        <v>0</v>
      </c>
      <c r="AJ39" s="319">
        <v>0</v>
      </c>
      <c r="AK39" s="320">
        <v>0</v>
      </c>
      <c r="AL39" s="318">
        <v>0</v>
      </c>
      <c r="AM39" s="319">
        <v>0</v>
      </c>
      <c r="AN39" s="319">
        <v>0</v>
      </c>
      <c r="AO39" s="319">
        <v>0</v>
      </c>
      <c r="AP39" s="319">
        <v>0</v>
      </c>
      <c r="AQ39" s="319">
        <v>0</v>
      </c>
      <c r="AR39" s="320">
        <v>0</v>
      </c>
      <c r="AS39" s="322">
        <v>0</v>
      </c>
      <c r="AT39" s="318">
        <v>0</v>
      </c>
      <c r="AU39" s="319">
        <v>0</v>
      </c>
      <c r="AV39" s="320">
        <v>0</v>
      </c>
      <c r="AW39" s="318">
        <v>0</v>
      </c>
      <c r="AX39" s="319">
        <v>0</v>
      </c>
      <c r="AY39" s="319">
        <v>0</v>
      </c>
      <c r="AZ39" s="319">
        <v>0</v>
      </c>
      <c r="BA39" s="319">
        <v>0</v>
      </c>
      <c r="BB39" s="319">
        <v>0</v>
      </c>
      <c r="BC39" s="320">
        <v>0</v>
      </c>
      <c r="BD39" s="322">
        <v>0</v>
      </c>
      <c r="BE39" s="318">
        <v>0</v>
      </c>
      <c r="BF39" s="319">
        <v>0</v>
      </c>
      <c r="BG39" s="323">
        <v>0</v>
      </c>
      <c r="BH39" s="324">
        <v>0</v>
      </c>
      <c r="BI39" s="319">
        <v>24101</v>
      </c>
      <c r="BJ39" s="319">
        <v>0</v>
      </c>
      <c r="BK39" s="319">
        <v>0</v>
      </c>
      <c r="BL39" s="319">
        <v>0</v>
      </c>
      <c r="BM39" s="319">
        <v>0</v>
      </c>
      <c r="BN39" s="320">
        <v>24101</v>
      </c>
      <c r="BO39" s="322">
        <v>24101</v>
      </c>
      <c r="BP39" s="318">
        <v>0</v>
      </c>
      <c r="BQ39" s="319">
        <v>0</v>
      </c>
      <c r="BR39" s="320">
        <v>0</v>
      </c>
      <c r="BS39" s="318">
        <v>0</v>
      </c>
      <c r="BT39" s="319">
        <v>13440</v>
      </c>
      <c r="BU39" s="319">
        <v>33922</v>
      </c>
      <c r="BV39" s="319">
        <v>18648</v>
      </c>
      <c r="BW39" s="319">
        <v>13181</v>
      </c>
      <c r="BX39" s="319">
        <v>0</v>
      </c>
      <c r="BY39" s="320">
        <v>79191</v>
      </c>
      <c r="BZ39" s="322">
        <v>79191</v>
      </c>
      <c r="CA39" s="318">
        <v>0</v>
      </c>
      <c r="CB39" s="319">
        <v>0</v>
      </c>
      <c r="CC39" s="320">
        <v>0</v>
      </c>
      <c r="CD39" s="318">
        <v>0</v>
      </c>
      <c r="CE39" s="319">
        <v>48573</v>
      </c>
      <c r="CF39" s="319">
        <v>62139</v>
      </c>
      <c r="CG39" s="319">
        <v>143626</v>
      </c>
      <c r="CH39" s="319">
        <v>84294</v>
      </c>
      <c r="CI39" s="319">
        <v>0</v>
      </c>
      <c r="CJ39" s="320">
        <v>338632</v>
      </c>
      <c r="CK39" s="322">
        <v>338632</v>
      </c>
      <c r="CL39" s="318">
        <v>0</v>
      </c>
      <c r="CM39" s="319">
        <v>0</v>
      </c>
      <c r="CN39" s="320">
        <v>0</v>
      </c>
      <c r="CO39" s="324">
        <v>0</v>
      </c>
      <c r="CP39" s="319">
        <v>0</v>
      </c>
      <c r="CQ39" s="319">
        <v>62139</v>
      </c>
      <c r="CR39" s="319">
        <v>143626</v>
      </c>
      <c r="CS39" s="319">
        <v>84294</v>
      </c>
      <c r="CT39" s="319">
        <v>0</v>
      </c>
      <c r="CU39" s="320">
        <v>290059</v>
      </c>
      <c r="CV39" s="322">
        <v>290059</v>
      </c>
      <c r="CW39" s="318">
        <v>0</v>
      </c>
      <c r="CX39" s="319">
        <v>0</v>
      </c>
      <c r="CY39" s="320">
        <v>0</v>
      </c>
      <c r="CZ39" s="318">
        <v>0</v>
      </c>
      <c r="DA39" s="319">
        <v>48573</v>
      </c>
      <c r="DB39" s="319">
        <v>0</v>
      </c>
      <c r="DC39" s="319">
        <v>0</v>
      </c>
      <c r="DD39" s="319">
        <v>0</v>
      </c>
      <c r="DE39" s="319">
        <v>0</v>
      </c>
      <c r="DF39" s="320">
        <v>48573</v>
      </c>
      <c r="DG39" s="322">
        <v>48573</v>
      </c>
      <c r="DH39" s="318">
        <v>0</v>
      </c>
      <c r="DI39" s="319">
        <v>0</v>
      </c>
      <c r="DJ39" s="323">
        <v>0</v>
      </c>
      <c r="DK39" s="324">
        <v>0</v>
      </c>
      <c r="DL39" s="319">
        <v>0</v>
      </c>
      <c r="DM39" s="319">
        <v>0</v>
      </c>
      <c r="DN39" s="319">
        <v>0</v>
      </c>
      <c r="DO39" s="319">
        <v>0</v>
      </c>
      <c r="DP39" s="319">
        <v>0</v>
      </c>
      <c r="DQ39" s="320">
        <v>0</v>
      </c>
      <c r="DR39" s="322">
        <v>0</v>
      </c>
      <c r="DS39" s="318">
        <v>0</v>
      </c>
      <c r="DT39" s="319">
        <v>0</v>
      </c>
      <c r="DU39" s="320">
        <v>0</v>
      </c>
      <c r="DV39" s="318">
        <v>0</v>
      </c>
      <c r="DW39" s="319">
        <v>0</v>
      </c>
      <c r="DX39" s="319">
        <v>0</v>
      </c>
      <c r="DY39" s="319">
        <v>0</v>
      </c>
      <c r="DZ39" s="319">
        <v>0</v>
      </c>
      <c r="EA39" s="319">
        <v>0</v>
      </c>
      <c r="EB39" s="320">
        <v>0</v>
      </c>
      <c r="EC39" s="322">
        <v>0</v>
      </c>
      <c r="ED39" s="318">
        <v>0</v>
      </c>
      <c r="EE39" s="323">
        <v>0</v>
      </c>
      <c r="EF39" s="320">
        <v>0</v>
      </c>
      <c r="EG39" s="318">
        <v>0</v>
      </c>
      <c r="EH39" s="319">
        <v>0</v>
      </c>
      <c r="EI39" s="319">
        <v>0</v>
      </c>
      <c r="EJ39" s="319">
        <v>0</v>
      </c>
      <c r="EK39" s="319">
        <v>0</v>
      </c>
      <c r="EL39" s="319">
        <v>0</v>
      </c>
      <c r="EM39" s="323">
        <v>0</v>
      </c>
      <c r="EN39" s="322">
        <v>0</v>
      </c>
      <c r="EO39" s="318">
        <v>0</v>
      </c>
      <c r="EP39" s="319">
        <v>0</v>
      </c>
      <c r="EQ39" s="323">
        <v>0</v>
      </c>
      <c r="ER39" s="324">
        <v>0</v>
      </c>
      <c r="ES39" s="319">
        <v>0</v>
      </c>
      <c r="ET39" s="319">
        <v>0</v>
      </c>
      <c r="EU39" s="319">
        <v>0</v>
      </c>
      <c r="EV39" s="319">
        <v>0</v>
      </c>
      <c r="EW39" s="319">
        <v>0</v>
      </c>
      <c r="EX39" s="320">
        <v>0</v>
      </c>
      <c r="EY39" s="322">
        <v>0</v>
      </c>
      <c r="EZ39" s="318">
        <v>0</v>
      </c>
      <c r="FA39" s="319">
        <v>0</v>
      </c>
      <c r="FB39" s="323">
        <v>0</v>
      </c>
      <c r="FC39" s="325"/>
      <c r="FD39" s="319">
        <v>0</v>
      </c>
      <c r="FE39" s="319">
        <v>0</v>
      </c>
      <c r="FF39" s="319">
        <v>0</v>
      </c>
      <c r="FG39" s="319">
        <v>0</v>
      </c>
      <c r="FH39" s="319">
        <v>0</v>
      </c>
      <c r="FI39" s="320">
        <v>0</v>
      </c>
      <c r="FJ39" s="322">
        <v>0</v>
      </c>
      <c r="FK39" s="318">
        <v>0</v>
      </c>
      <c r="FL39" s="319">
        <v>5950</v>
      </c>
      <c r="FM39" s="320">
        <v>5950</v>
      </c>
      <c r="FN39" s="318">
        <v>0</v>
      </c>
      <c r="FO39" s="319">
        <v>4900</v>
      </c>
      <c r="FP39" s="319">
        <v>11550</v>
      </c>
      <c r="FQ39" s="319">
        <v>28896</v>
      </c>
      <c r="FR39" s="319">
        <v>16030</v>
      </c>
      <c r="FS39" s="319">
        <v>0</v>
      </c>
      <c r="FT39" s="320">
        <v>61376</v>
      </c>
      <c r="FU39" s="322">
        <v>67326</v>
      </c>
      <c r="FV39" s="326">
        <v>0</v>
      </c>
      <c r="FW39" s="319">
        <v>5950</v>
      </c>
      <c r="FX39" s="323">
        <v>5950</v>
      </c>
      <c r="FY39" s="324">
        <v>0</v>
      </c>
      <c r="FZ39" s="319">
        <v>4900</v>
      </c>
      <c r="GA39" s="319">
        <v>11550</v>
      </c>
      <c r="GB39" s="319">
        <v>28896</v>
      </c>
      <c r="GC39" s="319">
        <v>16030</v>
      </c>
      <c r="GD39" s="319">
        <v>0</v>
      </c>
      <c r="GE39" s="320">
        <v>61376</v>
      </c>
      <c r="GF39" s="327">
        <v>67326</v>
      </c>
      <c r="GG39" s="326">
        <v>0</v>
      </c>
      <c r="GH39" s="319">
        <v>0</v>
      </c>
      <c r="GI39" s="323">
        <v>0</v>
      </c>
      <c r="GJ39" s="324">
        <v>0</v>
      </c>
      <c r="GK39" s="319">
        <v>0</v>
      </c>
      <c r="GL39" s="319">
        <v>0</v>
      </c>
      <c r="GM39" s="319">
        <v>0</v>
      </c>
      <c r="GN39" s="319">
        <v>0</v>
      </c>
      <c r="GO39" s="319">
        <v>0</v>
      </c>
      <c r="GP39" s="320">
        <v>0</v>
      </c>
      <c r="GQ39" s="322">
        <v>0</v>
      </c>
      <c r="GR39" s="318">
        <v>0</v>
      </c>
      <c r="GS39" s="319">
        <v>0</v>
      </c>
      <c r="GT39" s="320">
        <v>0</v>
      </c>
      <c r="GU39" s="318">
        <v>0</v>
      </c>
      <c r="GV39" s="319">
        <v>0</v>
      </c>
      <c r="GW39" s="319">
        <v>0</v>
      </c>
      <c r="GX39" s="319">
        <v>0</v>
      </c>
      <c r="GY39" s="319">
        <v>0</v>
      </c>
      <c r="GZ39" s="319">
        <v>0</v>
      </c>
      <c r="HA39" s="323">
        <v>0</v>
      </c>
      <c r="HB39" s="322">
        <v>0</v>
      </c>
      <c r="HC39" s="318">
        <v>0</v>
      </c>
      <c r="HD39" s="319">
        <v>0</v>
      </c>
      <c r="HE39" s="323">
        <v>0</v>
      </c>
      <c r="HF39" s="324">
        <v>0</v>
      </c>
      <c r="HG39" s="319">
        <v>0</v>
      </c>
      <c r="HH39" s="319">
        <v>142212</v>
      </c>
      <c r="HI39" s="319">
        <v>0</v>
      </c>
      <c r="HJ39" s="319">
        <v>0</v>
      </c>
      <c r="HK39" s="319">
        <v>0</v>
      </c>
      <c r="HL39" s="320">
        <v>142212</v>
      </c>
      <c r="HM39" s="321">
        <v>142212</v>
      </c>
      <c r="HN39" s="411"/>
      <c r="HO39" s="411"/>
      <c r="HP39" s="411"/>
      <c r="HQ39" s="411"/>
      <c r="HR39" s="411"/>
      <c r="HS39" s="411"/>
      <c r="HT39" s="411"/>
      <c r="HU39" s="411"/>
      <c r="HV39" s="411"/>
      <c r="HW39" s="411"/>
      <c r="HX39" s="424"/>
      <c r="HY39" s="330">
        <v>0</v>
      </c>
      <c r="HZ39" s="329">
        <v>0</v>
      </c>
      <c r="IA39" s="330">
        <v>0</v>
      </c>
      <c r="IB39" s="353">
        <v>0</v>
      </c>
      <c r="IC39" s="329">
        <v>96873</v>
      </c>
      <c r="ID39" s="354">
        <v>0</v>
      </c>
      <c r="IE39" s="330">
        <v>211358</v>
      </c>
      <c r="IF39" s="329">
        <v>-94108</v>
      </c>
      <c r="IG39" s="330">
        <v>0</v>
      </c>
      <c r="IH39" s="355">
        <v>214123</v>
      </c>
      <c r="II39" s="336">
        <v>214123</v>
      </c>
      <c r="IJ39" s="337">
        <v>0</v>
      </c>
      <c r="IK39" s="338">
        <v>0</v>
      </c>
      <c r="IL39" s="339">
        <v>0</v>
      </c>
      <c r="IM39" s="411"/>
      <c r="IN39" s="341">
        <v>0</v>
      </c>
      <c r="IO39" s="341">
        <v>0</v>
      </c>
      <c r="IP39" s="341">
        <v>0</v>
      </c>
      <c r="IQ39" s="341">
        <v>0</v>
      </c>
      <c r="IR39" s="341">
        <v>0</v>
      </c>
      <c r="IS39" s="342">
        <v>0</v>
      </c>
      <c r="IT39" s="343">
        <v>0</v>
      </c>
      <c r="IU39" s="344">
        <v>0</v>
      </c>
      <c r="IV39" s="341">
        <v>0</v>
      </c>
      <c r="IW39" s="345">
        <v>0</v>
      </c>
      <c r="IX39" s="411"/>
      <c r="IY39" s="341">
        <v>0</v>
      </c>
      <c r="IZ39" s="341">
        <v>0</v>
      </c>
      <c r="JA39" s="341">
        <v>0</v>
      </c>
      <c r="JB39" s="341">
        <v>0</v>
      </c>
      <c r="JC39" s="341">
        <v>0</v>
      </c>
      <c r="JD39" s="345">
        <v>0</v>
      </c>
      <c r="JE39" s="347">
        <v>0</v>
      </c>
      <c r="JF39" s="344">
        <v>0</v>
      </c>
      <c r="JG39" s="341">
        <v>0</v>
      </c>
      <c r="JH39" s="342">
        <v>0</v>
      </c>
      <c r="JI39" s="348">
        <v>0</v>
      </c>
      <c r="JJ39" s="341">
        <v>0</v>
      </c>
      <c r="JK39" s="341">
        <v>0</v>
      </c>
      <c r="JL39" s="341">
        <v>0</v>
      </c>
      <c r="JM39" s="341">
        <v>0</v>
      </c>
      <c r="JN39" s="341">
        <v>0</v>
      </c>
      <c r="JO39" s="345">
        <v>0</v>
      </c>
      <c r="JP39" s="343">
        <v>0</v>
      </c>
      <c r="JQ39" s="344">
        <v>0</v>
      </c>
      <c r="JR39" s="341">
        <v>0</v>
      </c>
      <c r="JS39" s="342">
        <v>0</v>
      </c>
      <c r="JT39" s="348">
        <v>0</v>
      </c>
      <c r="JU39" s="341">
        <v>0</v>
      </c>
      <c r="JV39" s="341">
        <v>0</v>
      </c>
      <c r="JW39" s="341">
        <v>0</v>
      </c>
      <c r="JX39" s="341">
        <v>0</v>
      </c>
      <c r="JY39" s="341">
        <v>0</v>
      </c>
      <c r="JZ39" s="345">
        <v>0</v>
      </c>
      <c r="KA39" s="343">
        <v>0</v>
      </c>
      <c r="KB39" s="349">
        <v>0</v>
      </c>
      <c r="KC39" s="350">
        <v>0</v>
      </c>
      <c r="KD39" s="345">
        <v>0</v>
      </c>
      <c r="KE39" s="348">
        <v>0</v>
      </c>
      <c r="KF39" s="341">
        <v>96873</v>
      </c>
      <c r="KG39" s="341">
        <v>0</v>
      </c>
      <c r="KH39" s="341">
        <v>0</v>
      </c>
      <c r="KI39" s="341">
        <v>-94108</v>
      </c>
      <c r="KJ39" s="341">
        <v>0</v>
      </c>
      <c r="KK39" s="345">
        <v>2765</v>
      </c>
      <c r="KL39" s="351">
        <v>2765</v>
      </c>
      <c r="KM39" s="337">
        <v>0</v>
      </c>
      <c r="KN39" s="338">
        <v>0</v>
      </c>
      <c r="KO39" s="339">
        <v>0</v>
      </c>
      <c r="KP39" s="340"/>
      <c r="KQ39" s="341">
        <v>0</v>
      </c>
      <c r="KR39" s="341">
        <v>0</v>
      </c>
      <c r="KS39" s="341">
        <v>0</v>
      </c>
      <c r="KT39" s="341">
        <v>0</v>
      </c>
      <c r="KU39" s="341">
        <v>0</v>
      </c>
      <c r="KV39" s="345">
        <v>0</v>
      </c>
      <c r="KW39" s="343">
        <v>0</v>
      </c>
      <c r="KX39" s="344">
        <v>0</v>
      </c>
      <c r="KY39" s="341">
        <v>0</v>
      </c>
      <c r="KZ39" s="345">
        <v>0</v>
      </c>
      <c r="LA39" s="352"/>
      <c r="LB39" s="341">
        <v>0</v>
      </c>
      <c r="LC39" s="341">
        <v>0</v>
      </c>
      <c r="LD39" s="341">
        <v>0</v>
      </c>
      <c r="LE39" s="341">
        <v>0</v>
      </c>
      <c r="LF39" s="341">
        <v>0</v>
      </c>
      <c r="LG39" s="345">
        <v>0</v>
      </c>
      <c r="LH39" s="347">
        <v>0</v>
      </c>
      <c r="LI39" s="344">
        <v>0</v>
      </c>
      <c r="LJ39" s="341">
        <v>0</v>
      </c>
      <c r="LK39" s="345">
        <v>0</v>
      </c>
      <c r="LL39" s="352"/>
      <c r="LM39" s="341">
        <v>0</v>
      </c>
      <c r="LN39" s="341">
        <v>0</v>
      </c>
      <c r="LO39" s="341">
        <v>0</v>
      </c>
      <c r="LP39" s="341">
        <v>0</v>
      </c>
      <c r="LQ39" s="341">
        <v>0</v>
      </c>
      <c r="LR39" s="345">
        <v>0</v>
      </c>
      <c r="LS39" s="343">
        <v>0</v>
      </c>
      <c r="LT39" s="344">
        <v>0</v>
      </c>
      <c r="LU39" s="341">
        <v>0</v>
      </c>
      <c r="LV39" s="345">
        <v>0</v>
      </c>
      <c r="LW39" s="352"/>
      <c r="LX39" s="341">
        <v>0</v>
      </c>
      <c r="LY39" s="341">
        <v>0</v>
      </c>
      <c r="LZ39" s="341">
        <v>211358</v>
      </c>
      <c r="MA39" s="341">
        <v>0</v>
      </c>
      <c r="MB39" s="341">
        <v>0</v>
      </c>
      <c r="MC39" s="345">
        <v>211358</v>
      </c>
      <c r="MD39" s="347">
        <v>211358</v>
      </c>
      <c r="ME39" s="344">
        <v>0</v>
      </c>
      <c r="MF39" s="341">
        <v>0</v>
      </c>
      <c r="MG39" s="345">
        <v>0</v>
      </c>
      <c r="MH39" s="352"/>
      <c r="MI39" s="341">
        <v>0</v>
      </c>
      <c r="MJ39" s="341">
        <v>0</v>
      </c>
      <c r="MK39" s="341">
        <v>227964</v>
      </c>
      <c r="ML39" s="341">
        <v>0</v>
      </c>
      <c r="MM39" s="341">
        <v>0</v>
      </c>
      <c r="MN39" s="345">
        <v>227964</v>
      </c>
      <c r="MO39" s="351">
        <v>227964</v>
      </c>
      <c r="MP39" s="344">
        <v>0</v>
      </c>
      <c r="MQ39" s="341">
        <v>0</v>
      </c>
      <c r="MR39" s="345">
        <v>0</v>
      </c>
      <c r="MS39" s="352"/>
      <c r="MT39" s="341">
        <v>0</v>
      </c>
      <c r="MU39" s="341">
        <v>0</v>
      </c>
      <c r="MV39" s="341">
        <v>0</v>
      </c>
      <c r="MW39" s="341">
        <v>0</v>
      </c>
      <c r="MX39" s="341">
        <v>0</v>
      </c>
      <c r="MY39" s="345">
        <v>0</v>
      </c>
      <c r="MZ39" s="351">
        <v>0</v>
      </c>
      <c r="NA39" s="344">
        <v>0</v>
      </c>
      <c r="NB39" s="341">
        <v>0</v>
      </c>
      <c r="NC39" s="345">
        <v>0</v>
      </c>
      <c r="ND39" s="352"/>
      <c r="NE39" s="341">
        <v>0</v>
      </c>
      <c r="NF39" s="341">
        <v>0</v>
      </c>
      <c r="NG39" s="341">
        <v>227964</v>
      </c>
      <c r="NH39" s="341">
        <v>0</v>
      </c>
      <c r="NI39" s="341">
        <v>0</v>
      </c>
      <c r="NJ39" s="345">
        <v>227964</v>
      </c>
      <c r="NK39" s="343">
        <v>227964</v>
      </c>
      <c r="NL39" s="344">
        <v>0</v>
      </c>
      <c r="NM39" s="341">
        <v>0</v>
      </c>
      <c r="NN39" s="345">
        <v>0</v>
      </c>
      <c r="NO39" s="352"/>
      <c r="NP39" s="341">
        <v>0</v>
      </c>
      <c r="NQ39" s="341">
        <v>0</v>
      </c>
      <c r="NR39" s="341">
        <v>0</v>
      </c>
      <c r="NS39" s="341">
        <v>0</v>
      </c>
      <c r="NT39" s="341">
        <v>0</v>
      </c>
      <c r="NU39" s="345">
        <v>0</v>
      </c>
      <c r="NV39" s="347">
        <v>0</v>
      </c>
      <c r="NW39" s="344">
        <v>0</v>
      </c>
      <c r="NX39" s="341">
        <v>0</v>
      </c>
      <c r="NY39" s="345">
        <v>0</v>
      </c>
      <c r="NZ39" s="352"/>
      <c r="OA39" s="341">
        <v>0</v>
      </c>
      <c r="OB39" s="341">
        <v>0</v>
      </c>
      <c r="OC39" s="341">
        <v>0</v>
      </c>
      <c r="OD39" s="341">
        <v>0</v>
      </c>
      <c r="OE39" s="341">
        <v>0</v>
      </c>
      <c r="OF39" s="345">
        <v>0</v>
      </c>
      <c r="OG39" s="347">
        <v>0</v>
      </c>
      <c r="OH39" s="344">
        <v>0</v>
      </c>
      <c r="OI39" s="341">
        <v>5950</v>
      </c>
      <c r="OJ39" s="342">
        <v>5950</v>
      </c>
      <c r="OK39" s="348">
        <v>0</v>
      </c>
      <c r="OL39" s="341">
        <v>187887</v>
      </c>
      <c r="OM39" s="341">
        <v>249823</v>
      </c>
      <c r="ON39" s="341">
        <v>663455</v>
      </c>
      <c r="OO39" s="341">
        <v>252527</v>
      </c>
      <c r="OP39" s="341">
        <v>0</v>
      </c>
      <c r="OQ39" s="345">
        <v>1353692</v>
      </c>
      <c r="OR39" s="351">
        <v>1359642</v>
      </c>
    </row>
    <row r="40" spans="1:408" ht="20.25" customHeight="1" x14ac:dyDescent="0.2">
      <c r="A40" s="111" t="s">
        <v>35</v>
      </c>
      <c r="B40" s="318">
        <v>179121</v>
      </c>
      <c r="C40" s="319">
        <v>228295</v>
      </c>
      <c r="D40" s="320">
        <v>407416</v>
      </c>
      <c r="E40" s="321">
        <v>0</v>
      </c>
      <c r="F40" s="319">
        <v>715956</v>
      </c>
      <c r="G40" s="319">
        <v>751487</v>
      </c>
      <c r="H40" s="319">
        <v>789240</v>
      </c>
      <c r="I40" s="319">
        <v>1205564</v>
      </c>
      <c r="J40" s="319">
        <v>65674</v>
      </c>
      <c r="K40" s="358">
        <v>3527921</v>
      </c>
      <c r="L40" s="322">
        <v>3935337</v>
      </c>
      <c r="M40" s="318">
        <v>41398</v>
      </c>
      <c r="N40" s="319">
        <v>35189</v>
      </c>
      <c r="O40" s="320">
        <v>76587</v>
      </c>
      <c r="P40" s="318">
        <v>0</v>
      </c>
      <c r="Q40" s="319">
        <v>280754</v>
      </c>
      <c r="R40" s="319">
        <v>237125</v>
      </c>
      <c r="S40" s="319">
        <v>322987</v>
      </c>
      <c r="T40" s="319">
        <v>515201</v>
      </c>
      <c r="U40" s="319">
        <v>0</v>
      </c>
      <c r="V40" s="320">
        <v>1356067</v>
      </c>
      <c r="W40" s="322">
        <v>1432654</v>
      </c>
      <c r="X40" s="318">
        <v>0</v>
      </c>
      <c r="Y40" s="319">
        <v>0</v>
      </c>
      <c r="Z40" s="320">
        <v>0</v>
      </c>
      <c r="AA40" s="318">
        <v>0</v>
      </c>
      <c r="AB40" s="319">
        <v>242072</v>
      </c>
      <c r="AC40" s="319">
        <v>122276</v>
      </c>
      <c r="AD40" s="319">
        <v>221627</v>
      </c>
      <c r="AE40" s="319">
        <v>364414</v>
      </c>
      <c r="AF40" s="319">
        <v>0</v>
      </c>
      <c r="AG40" s="320">
        <v>950389</v>
      </c>
      <c r="AH40" s="322">
        <v>950389</v>
      </c>
      <c r="AI40" s="318">
        <v>0</v>
      </c>
      <c r="AJ40" s="319">
        <v>0</v>
      </c>
      <c r="AK40" s="320">
        <v>0</v>
      </c>
      <c r="AL40" s="318">
        <v>0</v>
      </c>
      <c r="AM40" s="319">
        <v>0</v>
      </c>
      <c r="AN40" s="319">
        <v>0</v>
      </c>
      <c r="AO40" s="319">
        <v>0</v>
      </c>
      <c r="AP40" s="319">
        <v>0</v>
      </c>
      <c r="AQ40" s="319">
        <v>0</v>
      </c>
      <c r="AR40" s="320">
        <v>0</v>
      </c>
      <c r="AS40" s="322">
        <v>0</v>
      </c>
      <c r="AT40" s="318">
        <v>0</v>
      </c>
      <c r="AU40" s="319">
        <v>0</v>
      </c>
      <c r="AV40" s="320">
        <v>0</v>
      </c>
      <c r="AW40" s="318">
        <v>0</v>
      </c>
      <c r="AX40" s="319">
        <v>0</v>
      </c>
      <c r="AY40" s="319">
        <v>89096</v>
      </c>
      <c r="AZ40" s="319">
        <v>56287</v>
      </c>
      <c r="BA40" s="319">
        <v>81823</v>
      </c>
      <c r="BB40" s="319">
        <v>0</v>
      </c>
      <c r="BC40" s="320">
        <v>227206</v>
      </c>
      <c r="BD40" s="322">
        <v>227206</v>
      </c>
      <c r="BE40" s="318">
        <v>0</v>
      </c>
      <c r="BF40" s="319">
        <v>0</v>
      </c>
      <c r="BG40" s="323">
        <v>0</v>
      </c>
      <c r="BH40" s="324">
        <v>0</v>
      </c>
      <c r="BI40" s="319">
        <v>0</v>
      </c>
      <c r="BJ40" s="319">
        <v>17528</v>
      </c>
      <c r="BK40" s="319">
        <v>17528</v>
      </c>
      <c r="BL40" s="319">
        <v>0</v>
      </c>
      <c r="BM40" s="319">
        <v>0</v>
      </c>
      <c r="BN40" s="320">
        <v>35056</v>
      </c>
      <c r="BO40" s="322">
        <v>35056</v>
      </c>
      <c r="BP40" s="318">
        <v>41398</v>
      </c>
      <c r="BQ40" s="319">
        <v>35189</v>
      </c>
      <c r="BR40" s="320">
        <v>76587</v>
      </c>
      <c r="BS40" s="318">
        <v>0</v>
      </c>
      <c r="BT40" s="319">
        <v>38682</v>
      </c>
      <c r="BU40" s="319">
        <v>8225</v>
      </c>
      <c r="BV40" s="319">
        <v>27545</v>
      </c>
      <c r="BW40" s="319">
        <v>68964</v>
      </c>
      <c r="BX40" s="319">
        <v>0</v>
      </c>
      <c r="BY40" s="320">
        <v>143416</v>
      </c>
      <c r="BZ40" s="322">
        <v>220003</v>
      </c>
      <c r="CA40" s="318">
        <v>0</v>
      </c>
      <c r="CB40" s="319">
        <v>31822</v>
      </c>
      <c r="CC40" s="320">
        <v>31822</v>
      </c>
      <c r="CD40" s="318">
        <v>0</v>
      </c>
      <c r="CE40" s="319">
        <v>137712</v>
      </c>
      <c r="CF40" s="319">
        <v>316848</v>
      </c>
      <c r="CG40" s="319">
        <v>40677</v>
      </c>
      <c r="CH40" s="319">
        <v>125603</v>
      </c>
      <c r="CI40" s="319">
        <v>46774</v>
      </c>
      <c r="CJ40" s="320">
        <v>667614</v>
      </c>
      <c r="CK40" s="322">
        <v>699436</v>
      </c>
      <c r="CL40" s="318">
        <v>0</v>
      </c>
      <c r="CM40" s="319">
        <v>0</v>
      </c>
      <c r="CN40" s="320">
        <v>0</v>
      </c>
      <c r="CO40" s="324">
        <v>0</v>
      </c>
      <c r="CP40" s="319">
        <v>126190</v>
      </c>
      <c r="CQ40" s="319">
        <v>259315</v>
      </c>
      <c r="CR40" s="319">
        <v>0</v>
      </c>
      <c r="CS40" s="319">
        <v>45614</v>
      </c>
      <c r="CT40" s="319">
        <v>0</v>
      </c>
      <c r="CU40" s="320">
        <v>431119</v>
      </c>
      <c r="CV40" s="322">
        <v>431119</v>
      </c>
      <c r="CW40" s="318">
        <v>0</v>
      </c>
      <c r="CX40" s="319">
        <v>31822</v>
      </c>
      <c r="CY40" s="320">
        <v>31822</v>
      </c>
      <c r="CZ40" s="318">
        <v>0</v>
      </c>
      <c r="DA40" s="319">
        <v>11522</v>
      </c>
      <c r="DB40" s="319">
        <v>57533</v>
      </c>
      <c r="DC40" s="319">
        <v>40677</v>
      </c>
      <c r="DD40" s="319">
        <v>79989</v>
      </c>
      <c r="DE40" s="319">
        <v>46774</v>
      </c>
      <c r="DF40" s="320">
        <v>236495</v>
      </c>
      <c r="DG40" s="322">
        <v>268317</v>
      </c>
      <c r="DH40" s="318">
        <v>0</v>
      </c>
      <c r="DI40" s="319">
        <v>0</v>
      </c>
      <c r="DJ40" s="323">
        <v>0</v>
      </c>
      <c r="DK40" s="324">
        <v>0</v>
      </c>
      <c r="DL40" s="319">
        <v>12992</v>
      </c>
      <c r="DM40" s="319">
        <v>0</v>
      </c>
      <c r="DN40" s="319">
        <v>0</v>
      </c>
      <c r="DO40" s="319">
        <v>0</v>
      </c>
      <c r="DP40" s="319">
        <v>0</v>
      </c>
      <c r="DQ40" s="320">
        <v>12992</v>
      </c>
      <c r="DR40" s="322">
        <v>12992</v>
      </c>
      <c r="DS40" s="318">
        <v>0</v>
      </c>
      <c r="DT40" s="319">
        <v>0</v>
      </c>
      <c r="DU40" s="320">
        <v>0</v>
      </c>
      <c r="DV40" s="318">
        <v>0</v>
      </c>
      <c r="DW40" s="319">
        <v>12992</v>
      </c>
      <c r="DX40" s="319">
        <v>0</v>
      </c>
      <c r="DY40" s="319">
        <v>0</v>
      </c>
      <c r="DZ40" s="319">
        <v>0</v>
      </c>
      <c r="EA40" s="319">
        <v>0</v>
      </c>
      <c r="EB40" s="320">
        <v>12992</v>
      </c>
      <c r="EC40" s="322">
        <v>12992</v>
      </c>
      <c r="ED40" s="318">
        <v>0</v>
      </c>
      <c r="EE40" s="323">
        <v>0</v>
      </c>
      <c r="EF40" s="320">
        <v>0</v>
      </c>
      <c r="EG40" s="318">
        <v>0</v>
      </c>
      <c r="EH40" s="319">
        <v>0</v>
      </c>
      <c r="EI40" s="319">
        <v>0</v>
      </c>
      <c r="EJ40" s="319">
        <v>0</v>
      </c>
      <c r="EK40" s="319">
        <v>0</v>
      </c>
      <c r="EL40" s="319">
        <v>0</v>
      </c>
      <c r="EM40" s="323">
        <v>0</v>
      </c>
      <c r="EN40" s="322">
        <v>0</v>
      </c>
      <c r="EO40" s="318">
        <v>0</v>
      </c>
      <c r="EP40" s="319">
        <v>0</v>
      </c>
      <c r="EQ40" s="323">
        <v>0</v>
      </c>
      <c r="ER40" s="324">
        <v>0</v>
      </c>
      <c r="ES40" s="319">
        <v>0</v>
      </c>
      <c r="ET40" s="319">
        <v>0</v>
      </c>
      <c r="EU40" s="319">
        <v>0</v>
      </c>
      <c r="EV40" s="319">
        <v>0</v>
      </c>
      <c r="EW40" s="319">
        <v>0</v>
      </c>
      <c r="EX40" s="320">
        <v>0</v>
      </c>
      <c r="EY40" s="322">
        <v>0</v>
      </c>
      <c r="EZ40" s="318">
        <v>0</v>
      </c>
      <c r="FA40" s="319">
        <v>0</v>
      </c>
      <c r="FB40" s="323">
        <v>0</v>
      </c>
      <c r="FC40" s="325"/>
      <c r="FD40" s="319">
        <v>0</v>
      </c>
      <c r="FE40" s="319">
        <v>0</v>
      </c>
      <c r="FF40" s="319">
        <v>0</v>
      </c>
      <c r="FG40" s="319">
        <v>0</v>
      </c>
      <c r="FH40" s="319">
        <v>0</v>
      </c>
      <c r="FI40" s="320">
        <v>0</v>
      </c>
      <c r="FJ40" s="322">
        <v>0</v>
      </c>
      <c r="FK40" s="318">
        <v>4550</v>
      </c>
      <c r="FL40" s="319">
        <v>1400</v>
      </c>
      <c r="FM40" s="320">
        <v>5950</v>
      </c>
      <c r="FN40" s="318">
        <v>0</v>
      </c>
      <c r="FO40" s="319">
        <v>30128</v>
      </c>
      <c r="FP40" s="319">
        <v>197514</v>
      </c>
      <c r="FQ40" s="319">
        <v>95795</v>
      </c>
      <c r="FR40" s="319">
        <v>37800</v>
      </c>
      <c r="FS40" s="319">
        <v>18900</v>
      </c>
      <c r="FT40" s="320">
        <v>380137</v>
      </c>
      <c r="FU40" s="322">
        <v>386087</v>
      </c>
      <c r="FV40" s="326">
        <v>4550</v>
      </c>
      <c r="FW40" s="319">
        <v>1400</v>
      </c>
      <c r="FX40" s="323">
        <v>5950</v>
      </c>
      <c r="FY40" s="324">
        <v>0</v>
      </c>
      <c r="FZ40" s="319">
        <v>30128</v>
      </c>
      <c r="GA40" s="319">
        <v>97972</v>
      </c>
      <c r="GB40" s="319">
        <v>95795</v>
      </c>
      <c r="GC40" s="319">
        <v>37800</v>
      </c>
      <c r="GD40" s="319">
        <v>18900</v>
      </c>
      <c r="GE40" s="320">
        <v>280595</v>
      </c>
      <c r="GF40" s="327">
        <v>286545</v>
      </c>
      <c r="GG40" s="326">
        <v>0</v>
      </c>
      <c r="GH40" s="319">
        <v>0</v>
      </c>
      <c r="GI40" s="323">
        <v>0</v>
      </c>
      <c r="GJ40" s="324">
        <v>0</v>
      </c>
      <c r="GK40" s="319">
        <v>0</v>
      </c>
      <c r="GL40" s="319">
        <v>15939</v>
      </c>
      <c r="GM40" s="319">
        <v>0</v>
      </c>
      <c r="GN40" s="319">
        <v>0</v>
      </c>
      <c r="GO40" s="319">
        <v>0</v>
      </c>
      <c r="GP40" s="320">
        <v>15939</v>
      </c>
      <c r="GQ40" s="322">
        <v>15939</v>
      </c>
      <c r="GR40" s="318">
        <v>0</v>
      </c>
      <c r="GS40" s="319">
        <v>0</v>
      </c>
      <c r="GT40" s="320">
        <v>0</v>
      </c>
      <c r="GU40" s="318">
        <v>0</v>
      </c>
      <c r="GV40" s="319">
        <v>0</v>
      </c>
      <c r="GW40" s="319">
        <v>83603</v>
      </c>
      <c r="GX40" s="319">
        <v>0</v>
      </c>
      <c r="GY40" s="319">
        <v>0</v>
      </c>
      <c r="GZ40" s="319">
        <v>0</v>
      </c>
      <c r="HA40" s="323">
        <v>83603</v>
      </c>
      <c r="HB40" s="322">
        <v>83603</v>
      </c>
      <c r="HC40" s="318">
        <v>133173</v>
      </c>
      <c r="HD40" s="319">
        <v>159884</v>
      </c>
      <c r="HE40" s="323">
        <v>293057</v>
      </c>
      <c r="HF40" s="324">
        <v>0</v>
      </c>
      <c r="HG40" s="319">
        <v>254370</v>
      </c>
      <c r="HH40" s="319">
        <v>0</v>
      </c>
      <c r="HI40" s="319">
        <v>329781</v>
      </c>
      <c r="HJ40" s="319">
        <v>526960</v>
      </c>
      <c r="HK40" s="319">
        <v>0</v>
      </c>
      <c r="HL40" s="320">
        <v>1111111</v>
      </c>
      <c r="HM40" s="321">
        <v>1404168</v>
      </c>
      <c r="HN40" s="411"/>
      <c r="HO40" s="411"/>
      <c r="HP40" s="411"/>
      <c r="HQ40" s="411"/>
      <c r="HR40" s="411"/>
      <c r="HS40" s="411"/>
      <c r="HT40" s="411"/>
      <c r="HU40" s="411"/>
      <c r="HV40" s="411"/>
      <c r="HW40" s="411"/>
      <c r="HX40" s="424"/>
      <c r="HY40" s="357">
        <v>0</v>
      </c>
      <c r="HZ40" s="332">
        <v>0</v>
      </c>
      <c r="IA40" s="357">
        <v>0</v>
      </c>
      <c r="IB40" s="353">
        <v>0</v>
      </c>
      <c r="IC40" s="329">
        <v>77548</v>
      </c>
      <c r="ID40" s="354">
        <v>0</v>
      </c>
      <c r="IE40" s="330">
        <v>202734</v>
      </c>
      <c r="IF40" s="329">
        <v>0</v>
      </c>
      <c r="IG40" s="330">
        <v>0</v>
      </c>
      <c r="IH40" s="355">
        <v>280282</v>
      </c>
      <c r="II40" s="357">
        <v>280282</v>
      </c>
      <c r="IJ40" s="337">
        <v>0</v>
      </c>
      <c r="IK40" s="338">
        <v>0</v>
      </c>
      <c r="IL40" s="339">
        <v>0</v>
      </c>
      <c r="IM40" s="411"/>
      <c r="IN40" s="341">
        <v>0</v>
      </c>
      <c r="IO40" s="341">
        <v>0</v>
      </c>
      <c r="IP40" s="341">
        <v>0</v>
      </c>
      <c r="IQ40" s="341">
        <v>0</v>
      </c>
      <c r="IR40" s="341">
        <v>0</v>
      </c>
      <c r="IS40" s="342">
        <v>0</v>
      </c>
      <c r="IT40" s="343">
        <v>0</v>
      </c>
      <c r="IU40" s="344">
        <v>0</v>
      </c>
      <c r="IV40" s="341">
        <v>0</v>
      </c>
      <c r="IW40" s="345">
        <v>0</v>
      </c>
      <c r="IX40" s="411"/>
      <c r="IY40" s="341">
        <v>0</v>
      </c>
      <c r="IZ40" s="341">
        <v>0</v>
      </c>
      <c r="JA40" s="341">
        <v>0</v>
      </c>
      <c r="JB40" s="341">
        <v>0</v>
      </c>
      <c r="JC40" s="341">
        <v>0</v>
      </c>
      <c r="JD40" s="345">
        <v>0</v>
      </c>
      <c r="JE40" s="347">
        <v>0</v>
      </c>
      <c r="JF40" s="344">
        <v>0</v>
      </c>
      <c r="JG40" s="341">
        <v>0</v>
      </c>
      <c r="JH40" s="342">
        <v>0</v>
      </c>
      <c r="JI40" s="348">
        <v>0</v>
      </c>
      <c r="JJ40" s="341">
        <v>77548</v>
      </c>
      <c r="JK40" s="341">
        <v>0</v>
      </c>
      <c r="JL40" s="341">
        <v>0</v>
      </c>
      <c r="JM40" s="341">
        <v>0</v>
      </c>
      <c r="JN40" s="341">
        <v>0</v>
      </c>
      <c r="JO40" s="345">
        <v>77548</v>
      </c>
      <c r="JP40" s="343">
        <v>77548</v>
      </c>
      <c r="JQ40" s="344">
        <v>0</v>
      </c>
      <c r="JR40" s="341">
        <v>0</v>
      </c>
      <c r="JS40" s="342">
        <v>0</v>
      </c>
      <c r="JT40" s="348">
        <v>0</v>
      </c>
      <c r="JU40" s="341">
        <v>0</v>
      </c>
      <c r="JV40" s="341">
        <v>0</v>
      </c>
      <c r="JW40" s="341">
        <v>0</v>
      </c>
      <c r="JX40" s="341">
        <v>0</v>
      </c>
      <c r="JY40" s="341">
        <v>0</v>
      </c>
      <c r="JZ40" s="345">
        <v>0</v>
      </c>
      <c r="KA40" s="343">
        <v>0</v>
      </c>
      <c r="KB40" s="349">
        <v>0</v>
      </c>
      <c r="KC40" s="350">
        <v>0</v>
      </c>
      <c r="KD40" s="345">
        <v>0</v>
      </c>
      <c r="KE40" s="348">
        <v>0</v>
      </c>
      <c r="KF40" s="341">
        <v>0</v>
      </c>
      <c r="KG40" s="341">
        <v>0</v>
      </c>
      <c r="KH40" s="341">
        <v>0</v>
      </c>
      <c r="KI40" s="341">
        <v>0</v>
      </c>
      <c r="KJ40" s="341">
        <v>0</v>
      </c>
      <c r="KK40" s="345">
        <v>0</v>
      </c>
      <c r="KL40" s="351">
        <v>0</v>
      </c>
      <c r="KM40" s="337">
        <v>0</v>
      </c>
      <c r="KN40" s="338">
        <v>0</v>
      </c>
      <c r="KO40" s="339">
        <v>0</v>
      </c>
      <c r="KP40" s="340"/>
      <c r="KQ40" s="341">
        <v>0</v>
      </c>
      <c r="KR40" s="341">
        <v>0</v>
      </c>
      <c r="KS40" s="341">
        <v>202734</v>
      </c>
      <c r="KT40" s="341">
        <v>0</v>
      </c>
      <c r="KU40" s="341">
        <v>0</v>
      </c>
      <c r="KV40" s="345">
        <v>202734</v>
      </c>
      <c r="KW40" s="343">
        <v>202734</v>
      </c>
      <c r="KX40" s="344">
        <v>0</v>
      </c>
      <c r="KY40" s="341">
        <v>0</v>
      </c>
      <c r="KZ40" s="345">
        <v>0</v>
      </c>
      <c r="LA40" s="352"/>
      <c r="LB40" s="341">
        <v>0</v>
      </c>
      <c r="LC40" s="341">
        <v>0</v>
      </c>
      <c r="LD40" s="341">
        <v>0</v>
      </c>
      <c r="LE40" s="341">
        <v>0</v>
      </c>
      <c r="LF40" s="341">
        <v>0</v>
      </c>
      <c r="LG40" s="345">
        <v>0</v>
      </c>
      <c r="LH40" s="347">
        <v>0</v>
      </c>
      <c r="LI40" s="344">
        <v>0</v>
      </c>
      <c r="LJ40" s="341">
        <v>0</v>
      </c>
      <c r="LK40" s="345">
        <v>0</v>
      </c>
      <c r="LL40" s="352"/>
      <c r="LM40" s="341">
        <v>0</v>
      </c>
      <c r="LN40" s="341">
        <v>0</v>
      </c>
      <c r="LO40" s="341">
        <v>0</v>
      </c>
      <c r="LP40" s="341">
        <v>0</v>
      </c>
      <c r="LQ40" s="341">
        <v>0</v>
      </c>
      <c r="LR40" s="345">
        <v>0</v>
      </c>
      <c r="LS40" s="343">
        <v>0</v>
      </c>
      <c r="LT40" s="344">
        <v>0</v>
      </c>
      <c r="LU40" s="341">
        <v>0</v>
      </c>
      <c r="LV40" s="345">
        <v>0</v>
      </c>
      <c r="LW40" s="352"/>
      <c r="LX40" s="341">
        <v>0</v>
      </c>
      <c r="LY40" s="341">
        <v>0</v>
      </c>
      <c r="LZ40" s="341">
        <v>0</v>
      </c>
      <c r="MA40" s="341">
        <v>0</v>
      </c>
      <c r="MB40" s="341">
        <v>0</v>
      </c>
      <c r="MC40" s="345">
        <v>0</v>
      </c>
      <c r="MD40" s="347">
        <v>0</v>
      </c>
      <c r="ME40" s="344">
        <v>0</v>
      </c>
      <c r="MF40" s="341">
        <v>0</v>
      </c>
      <c r="MG40" s="345">
        <v>0</v>
      </c>
      <c r="MH40" s="352"/>
      <c r="MI40" s="341">
        <v>0</v>
      </c>
      <c r="MJ40" s="341">
        <v>0</v>
      </c>
      <c r="MK40" s="341">
        <v>417319</v>
      </c>
      <c r="ML40" s="341">
        <v>461160</v>
      </c>
      <c r="MM40" s="341">
        <v>0</v>
      </c>
      <c r="MN40" s="345">
        <v>878479</v>
      </c>
      <c r="MO40" s="351">
        <v>878479</v>
      </c>
      <c r="MP40" s="344">
        <v>0</v>
      </c>
      <c r="MQ40" s="341">
        <v>0</v>
      </c>
      <c r="MR40" s="345">
        <v>0</v>
      </c>
      <c r="MS40" s="352"/>
      <c r="MT40" s="341">
        <v>0</v>
      </c>
      <c r="MU40" s="341">
        <v>0</v>
      </c>
      <c r="MV40" s="341">
        <v>182280</v>
      </c>
      <c r="MW40" s="341">
        <v>220745</v>
      </c>
      <c r="MX40" s="341">
        <v>0</v>
      </c>
      <c r="MY40" s="345">
        <v>403025</v>
      </c>
      <c r="MZ40" s="351">
        <v>403025</v>
      </c>
      <c r="NA40" s="344">
        <v>0</v>
      </c>
      <c r="NB40" s="341">
        <v>0</v>
      </c>
      <c r="NC40" s="345">
        <v>0</v>
      </c>
      <c r="ND40" s="352"/>
      <c r="NE40" s="341">
        <v>0</v>
      </c>
      <c r="NF40" s="341">
        <v>0</v>
      </c>
      <c r="NG40" s="341">
        <v>235039</v>
      </c>
      <c r="NH40" s="341">
        <v>240415</v>
      </c>
      <c r="NI40" s="341">
        <v>0</v>
      </c>
      <c r="NJ40" s="345">
        <v>475454</v>
      </c>
      <c r="NK40" s="343">
        <v>475454</v>
      </c>
      <c r="NL40" s="344">
        <v>0</v>
      </c>
      <c r="NM40" s="341">
        <v>0</v>
      </c>
      <c r="NN40" s="345">
        <v>0</v>
      </c>
      <c r="NO40" s="352"/>
      <c r="NP40" s="341">
        <v>0</v>
      </c>
      <c r="NQ40" s="341">
        <v>0</v>
      </c>
      <c r="NR40" s="341">
        <v>0</v>
      </c>
      <c r="NS40" s="341">
        <v>0</v>
      </c>
      <c r="NT40" s="341">
        <v>0</v>
      </c>
      <c r="NU40" s="345">
        <v>0</v>
      </c>
      <c r="NV40" s="347">
        <v>0</v>
      </c>
      <c r="NW40" s="344">
        <v>0</v>
      </c>
      <c r="NX40" s="341">
        <v>0</v>
      </c>
      <c r="NY40" s="345">
        <v>0</v>
      </c>
      <c r="NZ40" s="352"/>
      <c r="OA40" s="341">
        <v>0</v>
      </c>
      <c r="OB40" s="341">
        <v>0</v>
      </c>
      <c r="OC40" s="341">
        <v>0</v>
      </c>
      <c r="OD40" s="341">
        <v>0</v>
      </c>
      <c r="OE40" s="341">
        <v>0</v>
      </c>
      <c r="OF40" s="345">
        <v>0</v>
      </c>
      <c r="OG40" s="347">
        <v>0</v>
      </c>
      <c r="OH40" s="344">
        <v>179121</v>
      </c>
      <c r="OI40" s="341">
        <v>228295</v>
      </c>
      <c r="OJ40" s="342">
        <v>407416</v>
      </c>
      <c r="OK40" s="348">
        <v>0</v>
      </c>
      <c r="OL40" s="341">
        <v>793504</v>
      </c>
      <c r="OM40" s="341">
        <v>751487</v>
      </c>
      <c r="ON40" s="341">
        <v>1409293</v>
      </c>
      <c r="OO40" s="341">
        <v>1666724</v>
      </c>
      <c r="OP40" s="341">
        <v>65674</v>
      </c>
      <c r="OQ40" s="345">
        <v>4686682</v>
      </c>
      <c r="OR40" s="351">
        <v>5094098</v>
      </c>
    </row>
    <row r="41" spans="1:408" ht="20.25" customHeight="1" x14ac:dyDescent="0.2">
      <c r="A41" s="111" t="s">
        <v>36</v>
      </c>
      <c r="B41" s="318">
        <v>0</v>
      </c>
      <c r="C41" s="319">
        <v>78202</v>
      </c>
      <c r="D41" s="320">
        <v>78202</v>
      </c>
      <c r="E41" s="321">
        <v>0</v>
      </c>
      <c r="F41" s="319">
        <v>494849</v>
      </c>
      <c r="G41" s="319">
        <v>483866</v>
      </c>
      <c r="H41" s="319">
        <v>554817</v>
      </c>
      <c r="I41" s="319">
        <v>1385835</v>
      </c>
      <c r="J41" s="319">
        <v>67379</v>
      </c>
      <c r="K41" s="358">
        <v>2986746</v>
      </c>
      <c r="L41" s="322">
        <v>3064948</v>
      </c>
      <c r="M41" s="318">
        <v>0</v>
      </c>
      <c r="N41" s="319">
        <v>31764</v>
      </c>
      <c r="O41" s="320">
        <v>31764</v>
      </c>
      <c r="P41" s="318">
        <v>0</v>
      </c>
      <c r="Q41" s="319">
        <v>161905</v>
      </c>
      <c r="R41" s="319">
        <v>55479</v>
      </c>
      <c r="S41" s="319">
        <v>43666</v>
      </c>
      <c r="T41" s="319">
        <v>585238</v>
      </c>
      <c r="U41" s="319">
        <v>51643</v>
      </c>
      <c r="V41" s="320">
        <v>897931</v>
      </c>
      <c r="W41" s="322">
        <v>929695</v>
      </c>
      <c r="X41" s="318">
        <v>0</v>
      </c>
      <c r="Y41" s="319">
        <v>0</v>
      </c>
      <c r="Z41" s="320">
        <v>0</v>
      </c>
      <c r="AA41" s="318">
        <v>0</v>
      </c>
      <c r="AB41" s="319">
        <v>121180</v>
      </c>
      <c r="AC41" s="319">
        <v>8913</v>
      </c>
      <c r="AD41" s="319">
        <v>0</v>
      </c>
      <c r="AE41" s="319">
        <v>259050</v>
      </c>
      <c r="AF41" s="319">
        <v>0</v>
      </c>
      <c r="AG41" s="320">
        <v>389143</v>
      </c>
      <c r="AH41" s="322">
        <v>389143</v>
      </c>
      <c r="AI41" s="318">
        <v>0</v>
      </c>
      <c r="AJ41" s="319">
        <v>0</v>
      </c>
      <c r="AK41" s="320">
        <v>0</v>
      </c>
      <c r="AL41" s="318">
        <v>0</v>
      </c>
      <c r="AM41" s="319">
        <v>0</v>
      </c>
      <c r="AN41" s="319">
        <v>0</v>
      </c>
      <c r="AO41" s="319">
        <v>0</v>
      </c>
      <c r="AP41" s="319">
        <v>0</v>
      </c>
      <c r="AQ41" s="319">
        <v>0</v>
      </c>
      <c r="AR41" s="320">
        <v>0</v>
      </c>
      <c r="AS41" s="322">
        <v>0</v>
      </c>
      <c r="AT41" s="318">
        <v>0</v>
      </c>
      <c r="AU41" s="319">
        <v>31764</v>
      </c>
      <c r="AV41" s="320">
        <v>31764</v>
      </c>
      <c r="AW41" s="318">
        <v>0</v>
      </c>
      <c r="AX41" s="319">
        <v>40725</v>
      </c>
      <c r="AY41" s="319">
        <v>38166</v>
      </c>
      <c r="AZ41" s="319">
        <v>0</v>
      </c>
      <c r="BA41" s="319">
        <v>199633</v>
      </c>
      <c r="BB41" s="319">
        <v>51643</v>
      </c>
      <c r="BC41" s="320">
        <v>330167</v>
      </c>
      <c r="BD41" s="322">
        <v>361931</v>
      </c>
      <c r="BE41" s="318">
        <v>0</v>
      </c>
      <c r="BF41" s="319">
        <v>0</v>
      </c>
      <c r="BG41" s="323">
        <v>0</v>
      </c>
      <c r="BH41" s="324">
        <v>0</v>
      </c>
      <c r="BI41" s="319">
        <v>0</v>
      </c>
      <c r="BJ41" s="319">
        <v>0</v>
      </c>
      <c r="BK41" s="319">
        <v>0</v>
      </c>
      <c r="BL41" s="319">
        <v>46405</v>
      </c>
      <c r="BM41" s="319">
        <v>0</v>
      </c>
      <c r="BN41" s="320">
        <v>46405</v>
      </c>
      <c r="BO41" s="322">
        <v>46405</v>
      </c>
      <c r="BP41" s="318">
        <v>0</v>
      </c>
      <c r="BQ41" s="319">
        <v>0</v>
      </c>
      <c r="BR41" s="320">
        <v>0</v>
      </c>
      <c r="BS41" s="318">
        <v>0</v>
      </c>
      <c r="BT41" s="319">
        <v>0</v>
      </c>
      <c r="BU41" s="319">
        <v>8400</v>
      </c>
      <c r="BV41" s="319">
        <v>43666</v>
      </c>
      <c r="BW41" s="319">
        <v>80150</v>
      </c>
      <c r="BX41" s="319">
        <v>0</v>
      </c>
      <c r="BY41" s="320">
        <v>132216</v>
      </c>
      <c r="BZ41" s="322">
        <v>132216</v>
      </c>
      <c r="CA41" s="318">
        <v>0</v>
      </c>
      <c r="CB41" s="319">
        <v>32648</v>
      </c>
      <c r="CC41" s="320">
        <v>32648</v>
      </c>
      <c r="CD41" s="318">
        <v>0</v>
      </c>
      <c r="CE41" s="319">
        <v>168794</v>
      </c>
      <c r="CF41" s="319">
        <v>128120</v>
      </c>
      <c r="CG41" s="319">
        <v>87871</v>
      </c>
      <c r="CH41" s="319">
        <v>101778</v>
      </c>
      <c r="CI41" s="319">
        <v>0</v>
      </c>
      <c r="CJ41" s="320">
        <v>486563</v>
      </c>
      <c r="CK41" s="322">
        <v>519211</v>
      </c>
      <c r="CL41" s="318">
        <v>0</v>
      </c>
      <c r="CM41" s="319">
        <v>0</v>
      </c>
      <c r="CN41" s="320">
        <v>0</v>
      </c>
      <c r="CO41" s="324">
        <v>0</v>
      </c>
      <c r="CP41" s="319">
        <v>144594</v>
      </c>
      <c r="CQ41" s="319">
        <v>128120</v>
      </c>
      <c r="CR41" s="319">
        <v>87871</v>
      </c>
      <c r="CS41" s="319">
        <v>62447</v>
      </c>
      <c r="CT41" s="319">
        <v>0</v>
      </c>
      <c r="CU41" s="320">
        <v>423032</v>
      </c>
      <c r="CV41" s="322">
        <v>423032</v>
      </c>
      <c r="CW41" s="318">
        <v>0</v>
      </c>
      <c r="CX41" s="319">
        <v>32648</v>
      </c>
      <c r="CY41" s="320">
        <v>32648</v>
      </c>
      <c r="CZ41" s="318">
        <v>0</v>
      </c>
      <c r="DA41" s="319">
        <v>24200</v>
      </c>
      <c r="DB41" s="319">
        <v>0</v>
      </c>
      <c r="DC41" s="319">
        <v>0</v>
      </c>
      <c r="DD41" s="319">
        <v>39331</v>
      </c>
      <c r="DE41" s="319">
        <v>0</v>
      </c>
      <c r="DF41" s="320">
        <v>63531</v>
      </c>
      <c r="DG41" s="322">
        <v>96179</v>
      </c>
      <c r="DH41" s="318">
        <v>0</v>
      </c>
      <c r="DI41" s="319">
        <v>0</v>
      </c>
      <c r="DJ41" s="323">
        <v>0</v>
      </c>
      <c r="DK41" s="324">
        <v>0</v>
      </c>
      <c r="DL41" s="319">
        <v>0</v>
      </c>
      <c r="DM41" s="319">
        <v>116860</v>
      </c>
      <c r="DN41" s="319">
        <v>55920</v>
      </c>
      <c r="DO41" s="319">
        <v>92637</v>
      </c>
      <c r="DP41" s="319">
        <v>0</v>
      </c>
      <c r="DQ41" s="320">
        <v>265417</v>
      </c>
      <c r="DR41" s="322">
        <v>265417</v>
      </c>
      <c r="DS41" s="318">
        <v>0</v>
      </c>
      <c r="DT41" s="319">
        <v>0</v>
      </c>
      <c r="DU41" s="320">
        <v>0</v>
      </c>
      <c r="DV41" s="318">
        <v>0</v>
      </c>
      <c r="DW41" s="319">
        <v>0</v>
      </c>
      <c r="DX41" s="319">
        <v>116860</v>
      </c>
      <c r="DY41" s="319">
        <v>55920</v>
      </c>
      <c r="DZ41" s="319">
        <v>92637</v>
      </c>
      <c r="EA41" s="319">
        <v>0</v>
      </c>
      <c r="EB41" s="320">
        <v>265417</v>
      </c>
      <c r="EC41" s="322">
        <v>265417</v>
      </c>
      <c r="ED41" s="318">
        <v>0</v>
      </c>
      <c r="EE41" s="323">
        <v>0</v>
      </c>
      <c r="EF41" s="320">
        <v>0</v>
      </c>
      <c r="EG41" s="318">
        <v>0</v>
      </c>
      <c r="EH41" s="319">
        <v>0</v>
      </c>
      <c r="EI41" s="319">
        <v>0</v>
      </c>
      <c r="EJ41" s="319">
        <v>0</v>
      </c>
      <c r="EK41" s="319">
        <v>0</v>
      </c>
      <c r="EL41" s="319">
        <v>0</v>
      </c>
      <c r="EM41" s="323">
        <v>0</v>
      </c>
      <c r="EN41" s="322">
        <v>0</v>
      </c>
      <c r="EO41" s="318">
        <v>0</v>
      </c>
      <c r="EP41" s="319">
        <v>0</v>
      </c>
      <c r="EQ41" s="323">
        <v>0</v>
      </c>
      <c r="ER41" s="324">
        <v>0</v>
      </c>
      <c r="ES41" s="319">
        <v>0</v>
      </c>
      <c r="ET41" s="319">
        <v>0</v>
      </c>
      <c r="EU41" s="319">
        <v>0</v>
      </c>
      <c r="EV41" s="319">
        <v>0</v>
      </c>
      <c r="EW41" s="319">
        <v>0</v>
      </c>
      <c r="EX41" s="320">
        <v>0</v>
      </c>
      <c r="EY41" s="322">
        <v>0</v>
      </c>
      <c r="EZ41" s="318">
        <v>0</v>
      </c>
      <c r="FA41" s="319">
        <v>0</v>
      </c>
      <c r="FB41" s="323">
        <v>0</v>
      </c>
      <c r="FC41" s="325"/>
      <c r="FD41" s="319">
        <v>0</v>
      </c>
      <c r="FE41" s="319">
        <v>0</v>
      </c>
      <c r="FF41" s="319">
        <v>0</v>
      </c>
      <c r="FG41" s="319">
        <v>0</v>
      </c>
      <c r="FH41" s="319">
        <v>0</v>
      </c>
      <c r="FI41" s="320">
        <v>0</v>
      </c>
      <c r="FJ41" s="322">
        <v>0</v>
      </c>
      <c r="FK41" s="318">
        <v>0</v>
      </c>
      <c r="FL41" s="319">
        <v>13790</v>
      </c>
      <c r="FM41" s="320">
        <v>13790</v>
      </c>
      <c r="FN41" s="318">
        <v>0</v>
      </c>
      <c r="FO41" s="319">
        <v>164150</v>
      </c>
      <c r="FP41" s="319">
        <v>37205</v>
      </c>
      <c r="FQ41" s="319">
        <v>41916</v>
      </c>
      <c r="FR41" s="319">
        <v>65135</v>
      </c>
      <c r="FS41" s="319">
        <v>15736</v>
      </c>
      <c r="FT41" s="320">
        <v>324142</v>
      </c>
      <c r="FU41" s="322">
        <v>337932</v>
      </c>
      <c r="FV41" s="326">
        <v>0</v>
      </c>
      <c r="FW41" s="319">
        <v>13790</v>
      </c>
      <c r="FX41" s="323">
        <v>13790</v>
      </c>
      <c r="FY41" s="324">
        <v>0</v>
      </c>
      <c r="FZ41" s="319">
        <v>24150</v>
      </c>
      <c r="GA41" s="319">
        <v>37205</v>
      </c>
      <c r="GB41" s="319">
        <v>41916</v>
      </c>
      <c r="GC41" s="319">
        <v>65135</v>
      </c>
      <c r="GD41" s="319">
        <v>15736</v>
      </c>
      <c r="GE41" s="320">
        <v>184142</v>
      </c>
      <c r="GF41" s="327">
        <v>197932</v>
      </c>
      <c r="GG41" s="326">
        <v>0</v>
      </c>
      <c r="GH41" s="319">
        <v>0</v>
      </c>
      <c r="GI41" s="323">
        <v>0</v>
      </c>
      <c r="GJ41" s="324">
        <v>0</v>
      </c>
      <c r="GK41" s="319">
        <v>0</v>
      </c>
      <c r="GL41" s="319">
        <v>0</v>
      </c>
      <c r="GM41" s="319">
        <v>0</v>
      </c>
      <c r="GN41" s="319">
        <v>0</v>
      </c>
      <c r="GO41" s="319">
        <v>0</v>
      </c>
      <c r="GP41" s="320">
        <v>0</v>
      </c>
      <c r="GQ41" s="322">
        <v>0</v>
      </c>
      <c r="GR41" s="318">
        <v>0</v>
      </c>
      <c r="GS41" s="319">
        <v>0</v>
      </c>
      <c r="GT41" s="320">
        <v>0</v>
      </c>
      <c r="GU41" s="318">
        <v>0</v>
      </c>
      <c r="GV41" s="319">
        <v>140000</v>
      </c>
      <c r="GW41" s="319">
        <v>0</v>
      </c>
      <c r="GX41" s="319">
        <v>0</v>
      </c>
      <c r="GY41" s="319">
        <v>0</v>
      </c>
      <c r="GZ41" s="319">
        <v>0</v>
      </c>
      <c r="HA41" s="323">
        <v>140000</v>
      </c>
      <c r="HB41" s="322">
        <v>140000</v>
      </c>
      <c r="HC41" s="318">
        <v>0</v>
      </c>
      <c r="HD41" s="319">
        <v>0</v>
      </c>
      <c r="HE41" s="323">
        <v>0</v>
      </c>
      <c r="HF41" s="324">
        <v>0</v>
      </c>
      <c r="HG41" s="319">
        <v>0</v>
      </c>
      <c r="HH41" s="319">
        <v>146202</v>
      </c>
      <c r="HI41" s="319">
        <v>325444</v>
      </c>
      <c r="HJ41" s="319">
        <v>541047</v>
      </c>
      <c r="HK41" s="319">
        <v>0</v>
      </c>
      <c r="HL41" s="320">
        <v>1012693</v>
      </c>
      <c r="HM41" s="321">
        <v>1012693</v>
      </c>
      <c r="HN41" s="411"/>
      <c r="HO41" s="411"/>
      <c r="HP41" s="411"/>
      <c r="HQ41" s="411"/>
      <c r="HR41" s="411"/>
      <c r="HS41" s="411"/>
      <c r="HT41" s="411"/>
      <c r="HU41" s="411"/>
      <c r="HV41" s="411"/>
      <c r="HW41" s="411"/>
      <c r="HX41" s="424"/>
      <c r="HY41" s="330">
        <v>0</v>
      </c>
      <c r="HZ41" s="329">
        <v>0</v>
      </c>
      <c r="IA41" s="330">
        <v>0</v>
      </c>
      <c r="IB41" s="353">
        <v>0</v>
      </c>
      <c r="IC41" s="329">
        <v>12859</v>
      </c>
      <c r="ID41" s="354">
        <v>206595</v>
      </c>
      <c r="IE41" s="330">
        <v>211535</v>
      </c>
      <c r="IF41" s="329">
        <v>436718</v>
      </c>
      <c r="IG41" s="330">
        <v>0</v>
      </c>
      <c r="IH41" s="355">
        <v>867707</v>
      </c>
      <c r="II41" s="336">
        <v>867707</v>
      </c>
      <c r="IJ41" s="337">
        <v>0</v>
      </c>
      <c r="IK41" s="338">
        <v>0</v>
      </c>
      <c r="IL41" s="339">
        <v>0</v>
      </c>
      <c r="IM41" s="411"/>
      <c r="IN41" s="341">
        <v>0</v>
      </c>
      <c r="IO41" s="341">
        <v>0</v>
      </c>
      <c r="IP41" s="341">
        <v>0</v>
      </c>
      <c r="IQ41" s="341">
        <v>0</v>
      </c>
      <c r="IR41" s="341">
        <v>0</v>
      </c>
      <c r="IS41" s="342">
        <v>0</v>
      </c>
      <c r="IT41" s="343">
        <v>0</v>
      </c>
      <c r="IU41" s="344">
        <v>0</v>
      </c>
      <c r="IV41" s="341">
        <v>0</v>
      </c>
      <c r="IW41" s="345">
        <v>0</v>
      </c>
      <c r="IX41" s="411"/>
      <c r="IY41" s="341">
        <v>0</v>
      </c>
      <c r="IZ41" s="341">
        <v>0</v>
      </c>
      <c r="JA41" s="341">
        <v>0</v>
      </c>
      <c r="JB41" s="341">
        <v>0</v>
      </c>
      <c r="JC41" s="341">
        <v>0</v>
      </c>
      <c r="JD41" s="345">
        <v>0</v>
      </c>
      <c r="JE41" s="347">
        <v>0</v>
      </c>
      <c r="JF41" s="344">
        <v>0</v>
      </c>
      <c r="JG41" s="341">
        <v>0</v>
      </c>
      <c r="JH41" s="342">
        <v>0</v>
      </c>
      <c r="JI41" s="348">
        <v>0</v>
      </c>
      <c r="JJ41" s="341">
        <v>12859</v>
      </c>
      <c r="JK41" s="341">
        <v>206595</v>
      </c>
      <c r="JL41" s="341">
        <v>0</v>
      </c>
      <c r="JM41" s="341">
        <v>221205</v>
      </c>
      <c r="JN41" s="341">
        <v>0</v>
      </c>
      <c r="JO41" s="345">
        <v>440659</v>
      </c>
      <c r="JP41" s="343">
        <v>440659</v>
      </c>
      <c r="JQ41" s="344">
        <v>0</v>
      </c>
      <c r="JR41" s="341">
        <v>0</v>
      </c>
      <c r="JS41" s="342">
        <v>0</v>
      </c>
      <c r="JT41" s="348">
        <v>0</v>
      </c>
      <c r="JU41" s="341">
        <v>0</v>
      </c>
      <c r="JV41" s="341">
        <v>0</v>
      </c>
      <c r="JW41" s="341">
        <v>0</v>
      </c>
      <c r="JX41" s="341">
        <v>0</v>
      </c>
      <c r="JY41" s="341">
        <v>0</v>
      </c>
      <c r="JZ41" s="345">
        <v>0</v>
      </c>
      <c r="KA41" s="343">
        <v>0</v>
      </c>
      <c r="KB41" s="349">
        <v>0</v>
      </c>
      <c r="KC41" s="350">
        <v>0</v>
      </c>
      <c r="KD41" s="345">
        <v>0</v>
      </c>
      <c r="KE41" s="348">
        <v>0</v>
      </c>
      <c r="KF41" s="341">
        <v>0</v>
      </c>
      <c r="KG41" s="341">
        <v>0</v>
      </c>
      <c r="KH41" s="341">
        <v>0</v>
      </c>
      <c r="KI41" s="341">
        <v>0</v>
      </c>
      <c r="KJ41" s="341">
        <v>0</v>
      </c>
      <c r="KK41" s="345">
        <v>0</v>
      </c>
      <c r="KL41" s="351">
        <v>0</v>
      </c>
      <c r="KM41" s="337">
        <v>0</v>
      </c>
      <c r="KN41" s="338">
        <v>0</v>
      </c>
      <c r="KO41" s="339">
        <v>0</v>
      </c>
      <c r="KP41" s="340"/>
      <c r="KQ41" s="341">
        <v>0</v>
      </c>
      <c r="KR41" s="341">
        <v>0</v>
      </c>
      <c r="KS41" s="341">
        <v>211535</v>
      </c>
      <c r="KT41" s="341">
        <v>215513</v>
      </c>
      <c r="KU41" s="341">
        <v>0</v>
      </c>
      <c r="KV41" s="345">
        <v>427048</v>
      </c>
      <c r="KW41" s="343">
        <v>427048</v>
      </c>
      <c r="KX41" s="344">
        <v>0</v>
      </c>
      <c r="KY41" s="341">
        <v>0</v>
      </c>
      <c r="KZ41" s="345">
        <v>0</v>
      </c>
      <c r="LA41" s="352"/>
      <c r="LB41" s="341">
        <v>0</v>
      </c>
      <c r="LC41" s="341">
        <v>0</v>
      </c>
      <c r="LD41" s="341">
        <v>0</v>
      </c>
      <c r="LE41" s="341">
        <v>0</v>
      </c>
      <c r="LF41" s="341">
        <v>0</v>
      </c>
      <c r="LG41" s="345">
        <v>0</v>
      </c>
      <c r="LH41" s="347">
        <v>0</v>
      </c>
      <c r="LI41" s="344">
        <v>0</v>
      </c>
      <c r="LJ41" s="341">
        <v>0</v>
      </c>
      <c r="LK41" s="345">
        <v>0</v>
      </c>
      <c r="LL41" s="352"/>
      <c r="LM41" s="341">
        <v>0</v>
      </c>
      <c r="LN41" s="341">
        <v>0</v>
      </c>
      <c r="LO41" s="341">
        <v>0</v>
      </c>
      <c r="LP41" s="341">
        <v>0</v>
      </c>
      <c r="LQ41" s="341">
        <v>0</v>
      </c>
      <c r="LR41" s="345">
        <v>0</v>
      </c>
      <c r="LS41" s="343">
        <v>0</v>
      </c>
      <c r="LT41" s="344">
        <v>0</v>
      </c>
      <c r="LU41" s="341">
        <v>0</v>
      </c>
      <c r="LV41" s="345">
        <v>0</v>
      </c>
      <c r="LW41" s="352"/>
      <c r="LX41" s="341">
        <v>0</v>
      </c>
      <c r="LY41" s="341">
        <v>0</v>
      </c>
      <c r="LZ41" s="341">
        <v>0</v>
      </c>
      <c r="MA41" s="341">
        <v>0</v>
      </c>
      <c r="MB41" s="341">
        <v>0</v>
      </c>
      <c r="MC41" s="345">
        <v>0</v>
      </c>
      <c r="MD41" s="347">
        <v>0</v>
      </c>
      <c r="ME41" s="344">
        <v>0</v>
      </c>
      <c r="MF41" s="341">
        <v>0</v>
      </c>
      <c r="MG41" s="345">
        <v>0</v>
      </c>
      <c r="MH41" s="352"/>
      <c r="MI41" s="341">
        <v>187548</v>
      </c>
      <c r="MJ41" s="341">
        <v>0</v>
      </c>
      <c r="MK41" s="341">
        <v>0</v>
      </c>
      <c r="ML41" s="341">
        <v>316532</v>
      </c>
      <c r="MM41" s="341">
        <v>614161</v>
      </c>
      <c r="MN41" s="345">
        <v>1118241</v>
      </c>
      <c r="MO41" s="351">
        <v>1118241</v>
      </c>
      <c r="MP41" s="344">
        <v>0</v>
      </c>
      <c r="MQ41" s="341">
        <v>0</v>
      </c>
      <c r="MR41" s="345">
        <v>0</v>
      </c>
      <c r="MS41" s="352"/>
      <c r="MT41" s="341">
        <v>0</v>
      </c>
      <c r="MU41" s="341">
        <v>0</v>
      </c>
      <c r="MV41" s="341">
        <v>0</v>
      </c>
      <c r="MW41" s="341">
        <v>113089</v>
      </c>
      <c r="MX41" s="341">
        <v>448484</v>
      </c>
      <c r="MY41" s="345">
        <v>561573</v>
      </c>
      <c r="MZ41" s="351">
        <v>561573</v>
      </c>
      <c r="NA41" s="344">
        <v>0</v>
      </c>
      <c r="NB41" s="341">
        <v>0</v>
      </c>
      <c r="NC41" s="345">
        <v>0</v>
      </c>
      <c r="ND41" s="352"/>
      <c r="NE41" s="341">
        <v>187548</v>
      </c>
      <c r="NF41" s="341">
        <v>0</v>
      </c>
      <c r="NG41" s="341">
        <v>0</v>
      </c>
      <c r="NH41" s="341">
        <v>0</v>
      </c>
      <c r="NI41" s="341">
        <v>165677</v>
      </c>
      <c r="NJ41" s="345">
        <v>353225</v>
      </c>
      <c r="NK41" s="343">
        <v>353225</v>
      </c>
      <c r="NL41" s="344">
        <v>0</v>
      </c>
      <c r="NM41" s="341">
        <v>0</v>
      </c>
      <c r="NN41" s="345">
        <v>0</v>
      </c>
      <c r="NO41" s="352"/>
      <c r="NP41" s="341">
        <v>0</v>
      </c>
      <c r="NQ41" s="341">
        <v>0</v>
      </c>
      <c r="NR41" s="341">
        <v>0</v>
      </c>
      <c r="NS41" s="341">
        <v>0</v>
      </c>
      <c r="NT41" s="341">
        <v>0</v>
      </c>
      <c r="NU41" s="345">
        <v>0</v>
      </c>
      <c r="NV41" s="347">
        <v>0</v>
      </c>
      <c r="NW41" s="344">
        <v>0</v>
      </c>
      <c r="NX41" s="341">
        <v>0</v>
      </c>
      <c r="NY41" s="345">
        <v>0</v>
      </c>
      <c r="NZ41" s="352"/>
      <c r="OA41" s="341">
        <v>0</v>
      </c>
      <c r="OB41" s="341">
        <v>0</v>
      </c>
      <c r="OC41" s="341">
        <v>0</v>
      </c>
      <c r="OD41" s="341">
        <v>203443</v>
      </c>
      <c r="OE41" s="341">
        <v>0</v>
      </c>
      <c r="OF41" s="345">
        <v>203443</v>
      </c>
      <c r="OG41" s="347">
        <v>203443</v>
      </c>
      <c r="OH41" s="344">
        <v>0</v>
      </c>
      <c r="OI41" s="341">
        <v>78202</v>
      </c>
      <c r="OJ41" s="342">
        <v>78202</v>
      </c>
      <c r="OK41" s="348">
        <v>0</v>
      </c>
      <c r="OL41" s="341">
        <v>695256</v>
      </c>
      <c r="OM41" s="341">
        <v>690461</v>
      </c>
      <c r="ON41" s="341">
        <v>766352</v>
      </c>
      <c r="OO41" s="341">
        <v>2139085</v>
      </c>
      <c r="OP41" s="341">
        <v>681540</v>
      </c>
      <c r="OQ41" s="345">
        <v>4972694</v>
      </c>
      <c r="OR41" s="351">
        <v>5050896</v>
      </c>
    </row>
    <row r="42" spans="1:408" ht="20.25" customHeight="1" thickBot="1" x14ac:dyDescent="0.25">
      <c r="A42" s="112" t="s">
        <v>37</v>
      </c>
      <c r="B42" s="363">
        <v>0</v>
      </c>
      <c r="C42" s="364">
        <v>0</v>
      </c>
      <c r="D42" s="365">
        <v>0</v>
      </c>
      <c r="E42" s="366">
        <v>0</v>
      </c>
      <c r="F42" s="364">
        <v>0</v>
      </c>
      <c r="G42" s="364">
        <v>0</v>
      </c>
      <c r="H42" s="364">
        <v>0</v>
      </c>
      <c r="I42" s="364">
        <v>312476</v>
      </c>
      <c r="J42" s="364">
        <v>216569</v>
      </c>
      <c r="K42" s="366">
        <v>529045</v>
      </c>
      <c r="L42" s="367">
        <v>529045</v>
      </c>
      <c r="M42" s="363">
        <v>0</v>
      </c>
      <c r="N42" s="364">
        <v>0</v>
      </c>
      <c r="O42" s="365">
        <v>0</v>
      </c>
      <c r="P42" s="363">
        <v>0</v>
      </c>
      <c r="Q42" s="364">
        <v>0</v>
      </c>
      <c r="R42" s="364">
        <v>0</v>
      </c>
      <c r="S42" s="364">
        <v>0</v>
      </c>
      <c r="T42" s="364">
        <v>8400</v>
      </c>
      <c r="U42" s="364">
        <v>188709</v>
      </c>
      <c r="V42" s="365">
        <v>197109</v>
      </c>
      <c r="W42" s="367">
        <v>197109</v>
      </c>
      <c r="X42" s="363">
        <v>0</v>
      </c>
      <c r="Y42" s="364">
        <v>0</v>
      </c>
      <c r="Z42" s="365">
        <v>0</v>
      </c>
      <c r="AA42" s="363">
        <v>0</v>
      </c>
      <c r="AB42" s="364">
        <v>0</v>
      </c>
      <c r="AC42" s="364">
        <v>0</v>
      </c>
      <c r="AD42" s="364">
        <v>0</v>
      </c>
      <c r="AE42" s="364">
        <v>0</v>
      </c>
      <c r="AF42" s="364">
        <v>90061</v>
      </c>
      <c r="AG42" s="365">
        <v>90061</v>
      </c>
      <c r="AH42" s="367">
        <v>90061</v>
      </c>
      <c r="AI42" s="363">
        <v>0</v>
      </c>
      <c r="AJ42" s="364">
        <v>0</v>
      </c>
      <c r="AK42" s="365">
        <v>0</v>
      </c>
      <c r="AL42" s="363">
        <v>0</v>
      </c>
      <c r="AM42" s="364">
        <v>0</v>
      </c>
      <c r="AN42" s="364">
        <v>0</v>
      </c>
      <c r="AO42" s="364">
        <v>0</v>
      </c>
      <c r="AP42" s="364">
        <v>0</v>
      </c>
      <c r="AQ42" s="364">
        <v>0</v>
      </c>
      <c r="AR42" s="365">
        <v>0</v>
      </c>
      <c r="AS42" s="367">
        <v>0</v>
      </c>
      <c r="AT42" s="363">
        <v>0</v>
      </c>
      <c r="AU42" s="364">
        <v>0</v>
      </c>
      <c r="AV42" s="365">
        <v>0</v>
      </c>
      <c r="AW42" s="363">
        <v>0</v>
      </c>
      <c r="AX42" s="364">
        <v>0</v>
      </c>
      <c r="AY42" s="364">
        <v>0</v>
      </c>
      <c r="AZ42" s="364">
        <v>0</v>
      </c>
      <c r="BA42" s="364">
        <v>0</v>
      </c>
      <c r="BB42" s="364">
        <v>87238</v>
      </c>
      <c r="BC42" s="365">
        <v>87238</v>
      </c>
      <c r="BD42" s="367">
        <v>87238</v>
      </c>
      <c r="BE42" s="363">
        <v>0</v>
      </c>
      <c r="BF42" s="364">
        <v>0</v>
      </c>
      <c r="BG42" s="368">
        <v>0</v>
      </c>
      <c r="BH42" s="369">
        <v>0</v>
      </c>
      <c r="BI42" s="364">
        <v>0</v>
      </c>
      <c r="BJ42" s="364">
        <v>0</v>
      </c>
      <c r="BK42" s="364">
        <v>0</v>
      </c>
      <c r="BL42" s="364">
        <v>0</v>
      </c>
      <c r="BM42" s="364">
        <v>0</v>
      </c>
      <c r="BN42" s="365">
        <v>0</v>
      </c>
      <c r="BO42" s="367">
        <v>0</v>
      </c>
      <c r="BP42" s="363">
        <v>0</v>
      </c>
      <c r="BQ42" s="364">
        <v>0</v>
      </c>
      <c r="BR42" s="365">
        <v>0</v>
      </c>
      <c r="BS42" s="363">
        <v>0</v>
      </c>
      <c r="BT42" s="364">
        <v>0</v>
      </c>
      <c r="BU42" s="364">
        <v>0</v>
      </c>
      <c r="BV42" s="364">
        <v>0</v>
      </c>
      <c r="BW42" s="364">
        <v>8400</v>
      </c>
      <c r="BX42" s="364">
        <v>11410</v>
      </c>
      <c r="BY42" s="365">
        <v>19810</v>
      </c>
      <c r="BZ42" s="367">
        <v>19810</v>
      </c>
      <c r="CA42" s="363">
        <v>0</v>
      </c>
      <c r="CB42" s="364">
        <v>0</v>
      </c>
      <c r="CC42" s="365">
        <v>0</v>
      </c>
      <c r="CD42" s="363">
        <v>0</v>
      </c>
      <c r="CE42" s="364">
        <v>0</v>
      </c>
      <c r="CF42" s="364">
        <v>0</v>
      </c>
      <c r="CG42" s="364">
        <v>0</v>
      </c>
      <c r="CH42" s="364">
        <v>18031</v>
      </c>
      <c r="CI42" s="364">
        <v>0</v>
      </c>
      <c r="CJ42" s="365">
        <v>18031</v>
      </c>
      <c r="CK42" s="367">
        <v>18031</v>
      </c>
      <c r="CL42" s="363">
        <v>0</v>
      </c>
      <c r="CM42" s="364">
        <v>0</v>
      </c>
      <c r="CN42" s="365">
        <v>0</v>
      </c>
      <c r="CO42" s="369">
        <v>0</v>
      </c>
      <c r="CP42" s="364">
        <v>0</v>
      </c>
      <c r="CQ42" s="364">
        <v>0</v>
      </c>
      <c r="CR42" s="364">
        <v>0</v>
      </c>
      <c r="CS42" s="364">
        <v>18031</v>
      </c>
      <c r="CT42" s="364">
        <v>0</v>
      </c>
      <c r="CU42" s="365">
        <v>18031</v>
      </c>
      <c r="CV42" s="367">
        <v>18031</v>
      </c>
      <c r="CW42" s="363">
        <v>0</v>
      </c>
      <c r="CX42" s="364">
        <v>0</v>
      </c>
      <c r="CY42" s="365">
        <v>0</v>
      </c>
      <c r="CZ42" s="363">
        <v>0</v>
      </c>
      <c r="DA42" s="364">
        <v>0</v>
      </c>
      <c r="DB42" s="364">
        <v>0</v>
      </c>
      <c r="DC42" s="364">
        <v>0</v>
      </c>
      <c r="DD42" s="364">
        <v>0</v>
      </c>
      <c r="DE42" s="364">
        <v>0</v>
      </c>
      <c r="DF42" s="365">
        <v>0</v>
      </c>
      <c r="DG42" s="367">
        <v>0</v>
      </c>
      <c r="DH42" s="363">
        <v>0</v>
      </c>
      <c r="DI42" s="364">
        <v>0</v>
      </c>
      <c r="DJ42" s="368">
        <v>0</v>
      </c>
      <c r="DK42" s="369">
        <v>0</v>
      </c>
      <c r="DL42" s="364">
        <v>0</v>
      </c>
      <c r="DM42" s="364">
        <v>0</v>
      </c>
      <c r="DN42" s="364">
        <v>0</v>
      </c>
      <c r="DO42" s="364">
        <v>101210</v>
      </c>
      <c r="DP42" s="364">
        <v>0</v>
      </c>
      <c r="DQ42" s="365">
        <v>101210</v>
      </c>
      <c r="DR42" s="367">
        <v>101210</v>
      </c>
      <c r="DS42" s="363">
        <v>0</v>
      </c>
      <c r="DT42" s="364">
        <v>0</v>
      </c>
      <c r="DU42" s="365">
        <v>0</v>
      </c>
      <c r="DV42" s="363">
        <v>0</v>
      </c>
      <c r="DW42" s="364">
        <v>0</v>
      </c>
      <c r="DX42" s="364">
        <v>0</v>
      </c>
      <c r="DY42" s="364">
        <v>0</v>
      </c>
      <c r="DZ42" s="364">
        <v>0</v>
      </c>
      <c r="EA42" s="364">
        <v>0</v>
      </c>
      <c r="EB42" s="365">
        <v>0</v>
      </c>
      <c r="EC42" s="367">
        <v>0</v>
      </c>
      <c r="ED42" s="363">
        <v>0</v>
      </c>
      <c r="EE42" s="368">
        <v>0</v>
      </c>
      <c r="EF42" s="365">
        <v>0</v>
      </c>
      <c r="EG42" s="363">
        <v>0</v>
      </c>
      <c r="EH42" s="364">
        <v>0</v>
      </c>
      <c r="EI42" s="364">
        <v>0</v>
      </c>
      <c r="EJ42" s="364">
        <v>0</v>
      </c>
      <c r="EK42" s="364">
        <v>101210</v>
      </c>
      <c r="EL42" s="364">
        <v>0</v>
      </c>
      <c r="EM42" s="368">
        <v>101210</v>
      </c>
      <c r="EN42" s="367">
        <v>101210</v>
      </c>
      <c r="EO42" s="363">
        <v>0</v>
      </c>
      <c r="EP42" s="364">
        <v>0</v>
      </c>
      <c r="EQ42" s="368">
        <v>0</v>
      </c>
      <c r="ER42" s="369">
        <v>0</v>
      </c>
      <c r="ES42" s="364">
        <v>0</v>
      </c>
      <c r="ET42" s="364">
        <v>0</v>
      </c>
      <c r="EU42" s="364">
        <v>0</v>
      </c>
      <c r="EV42" s="364">
        <v>0</v>
      </c>
      <c r="EW42" s="364">
        <v>0</v>
      </c>
      <c r="EX42" s="365">
        <v>0</v>
      </c>
      <c r="EY42" s="367">
        <v>0</v>
      </c>
      <c r="EZ42" s="363">
        <v>0</v>
      </c>
      <c r="FA42" s="364">
        <v>0</v>
      </c>
      <c r="FB42" s="368">
        <v>0</v>
      </c>
      <c r="FC42" s="370"/>
      <c r="FD42" s="364">
        <v>0</v>
      </c>
      <c r="FE42" s="364">
        <v>0</v>
      </c>
      <c r="FF42" s="364">
        <v>0</v>
      </c>
      <c r="FG42" s="364">
        <v>0</v>
      </c>
      <c r="FH42" s="364">
        <v>0</v>
      </c>
      <c r="FI42" s="365">
        <v>0</v>
      </c>
      <c r="FJ42" s="367">
        <v>0</v>
      </c>
      <c r="FK42" s="363">
        <v>0</v>
      </c>
      <c r="FL42" s="364">
        <v>0</v>
      </c>
      <c r="FM42" s="365">
        <v>0</v>
      </c>
      <c r="FN42" s="363">
        <v>0</v>
      </c>
      <c r="FO42" s="364">
        <v>0</v>
      </c>
      <c r="FP42" s="364">
        <v>0</v>
      </c>
      <c r="FQ42" s="364">
        <v>0</v>
      </c>
      <c r="FR42" s="364">
        <v>5600</v>
      </c>
      <c r="FS42" s="364">
        <v>27860</v>
      </c>
      <c r="FT42" s="365">
        <v>33460</v>
      </c>
      <c r="FU42" s="367">
        <v>33460</v>
      </c>
      <c r="FV42" s="371">
        <v>0</v>
      </c>
      <c r="FW42" s="364">
        <v>0</v>
      </c>
      <c r="FX42" s="368">
        <v>0</v>
      </c>
      <c r="FY42" s="369">
        <v>0</v>
      </c>
      <c r="FZ42" s="364">
        <v>0</v>
      </c>
      <c r="GA42" s="364">
        <v>0</v>
      </c>
      <c r="GB42" s="364">
        <v>0</v>
      </c>
      <c r="GC42" s="364">
        <v>5600</v>
      </c>
      <c r="GD42" s="364">
        <v>27860</v>
      </c>
      <c r="GE42" s="365">
        <v>33460</v>
      </c>
      <c r="GF42" s="372">
        <v>33460</v>
      </c>
      <c r="GG42" s="371">
        <v>0</v>
      </c>
      <c r="GH42" s="364">
        <v>0</v>
      </c>
      <c r="GI42" s="368">
        <v>0</v>
      </c>
      <c r="GJ42" s="369">
        <v>0</v>
      </c>
      <c r="GK42" s="364">
        <v>0</v>
      </c>
      <c r="GL42" s="364">
        <v>0</v>
      </c>
      <c r="GM42" s="364">
        <v>0</v>
      </c>
      <c r="GN42" s="364">
        <v>0</v>
      </c>
      <c r="GO42" s="364">
        <v>0</v>
      </c>
      <c r="GP42" s="365">
        <v>0</v>
      </c>
      <c r="GQ42" s="367">
        <v>0</v>
      </c>
      <c r="GR42" s="363">
        <v>0</v>
      </c>
      <c r="GS42" s="364">
        <v>0</v>
      </c>
      <c r="GT42" s="365">
        <v>0</v>
      </c>
      <c r="GU42" s="363">
        <v>0</v>
      </c>
      <c r="GV42" s="364">
        <v>0</v>
      </c>
      <c r="GW42" s="364">
        <v>0</v>
      </c>
      <c r="GX42" s="364">
        <v>0</v>
      </c>
      <c r="GY42" s="364">
        <v>0</v>
      </c>
      <c r="GZ42" s="364">
        <v>0</v>
      </c>
      <c r="HA42" s="368">
        <v>0</v>
      </c>
      <c r="HB42" s="367">
        <v>0</v>
      </c>
      <c r="HC42" s="363">
        <v>0</v>
      </c>
      <c r="HD42" s="364">
        <v>0</v>
      </c>
      <c r="HE42" s="368">
        <v>0</v>
      </c>
      <c r="HF42" s="369">
        <v>0</v>
      </c>
      <c r="HG42" s="364">
        <v>0</v>
      </c>
      <c r="HH42" s="364">
        <v>0</v>
      </c>
      <c r="HI42" s="364">
        <v>0</v>
      </c>
      <c r="HJ42" s="364">
        <v>179235</v>
      </c>
      <c r="HK42" s="364">
        <v>0</v>
      </c>
      <c r="HL42" s="365">
        <v>179235</v>
      </c>
      <c r="HM42" s="366">
        <v>179235</v>
      </c>
      <c r="HN42" s="417"/>
      <c r="HO42" s="417"/>
      <c r="HP42" s="417"/>
      <c r="HQ42" s="417"/>
      <c r="HR42" s="417"/>
      <c r="HS42" s="417"/>
      <c r="HT42" s="417"/>
      <c r="HU42" s="417"/>
      <c r="HV42" s="417"/>
      <c r="HW42" s="417"/>
      <c r="HX42" s="425"/>
      <c r="HY42" s="375">
        <v>0</v>
      </c>
      <c r="HZ42" s="374">
        <v>0</v>
      </c>
      <c r="IA42" s="375">
        <v>0</v>
      </c>
      <c r="IB42" s="376">
        <v>0</v>
      </c>
      <c r="IC42" s="377">
        <v>0</v>
      </c>
      <c r="ID42" s="378">
        <v>0</v>
      </c>
      <c r="IE42" s="379">
        <v>0</v>
      </c>
      <c r="IF42" s="377">
        <v>0</v>
      </c>
      <c r="IG42" s="379">
        <v>38475</v>
      </c>
      <c r="IH42" s="380">
        <v>38475</v>
      </c>
      <c r="II42" s="381">
        <v>38475</v>
      </c>
      <c r="IJ42" s="382">
        <v>0</v>
      </c>
      <c r="IK42" s="383">
        <v>0</v>
      </c>
      <c r="IL42" s="384">
        <v>0</v>
      </c>
      <c r="IM42" s="417"/>
      <c r="IN42" s="386">
        <v>0</v>
      </c>
      <c r="IO42" s="386">
        <v>0</v>
      </c>
      <c r="IP42" s="386">
        <v>0</v>
      </c>
      <c r="IQ42" s="386">
        <v>0</v>
      </c>
      <c r="IR42" s="386">
        <v>0</v>
      </c>
      <c r="IS42" s="387">
        <v>0</v>
      </c>
      <c r="IT42" s="388">
        <v>0</v>
      </c>
      <c r="IU42" s="389">
        <v>0</v>
      </c>
      <c r="IV42" s="386">
        <v>0</v>
      </c>
      <c r="IW42" s="390">
        <v>0</v>
      </c>
      <c r="IX42" s="417"/>
      <c r="IY42" s="386">
        <v>0</v>
      </c>
      <c r="IZ42" s="386">
        <v>0</v>
      </c>
      <c r="JA42" s="386">
        <v>0</v>
      </c>
      <c r="JB42" s="386">
        <v>0</v>
      </c>
      <c r="JC42" s="386">
        <v>0</v>
      </c>
      <c r="JD42" s="390">
        <v>0</v>
      </c>
      <c r="JE42" s="392">
        <v>0</v>
      </c>
      <c r="JF42" s="389">
        <v>0</v>
      </c>
      <c r="JG42" s="386">
        <v>0</v>
      </c>
      <c r="JH42" s="387">
        <v>0</v>
      </c>
      <c r="JI42" s="393">
        <v>0</v>
      </c>
      <c r="JJ42" s="386">
        <v>0</v>
      </c>
      <c r="JK42" s="386">
        <v>0</v>
      </c>
      <c r="JL42" s="386">
        <v>0</v>
      </c>
      <c r="JM42" s="386">
        <v>0</v>
      </c>
      <c r="JN42" s="386">
        <v>38475</v>
      </c>
      <c r="JO42" s="390">
        <v>38475</v>
      </c>
      <c r="JP42" s="388">
        <v>38475</v>
      </c>
      <c r="JQ42" s="389">
        <v>0</v>
      </c>
      <c r="JR42" s="386">
        <v>0</v>
      </c>
      <c r="JS42" s="387">
        <v>0</v>
      </c>
      <c r="JT42" s="393">
        <v>0</v>
      </c>
      <c r="JU42" s="386">
        <v>0</v>
      </c>
      <c r="JV42" s="386">
        <v>0</v>
      </c>
      <c r="JW42" s="386">
        <v>0</v>
      </c>
      <c r="JX42" s="386">
        <v>0</v>
      </c>
      <c r="JY42" s="386">
        <v>0</v>
      </c>
      <c r="JZ42" s="390">
        <v>0</v>
      </c>
      <c r="KA42" s="388">
        <v>0</v>
      </c>
      <c r="KB42" s="394">
        <v>0</v>
      </c>
      <c r="KC42" s="395">
        <v>0</v>
      </c>
      <c r="KD42" s="390">
        <v>0</v>
      </c>
      <c r="KE42" s="393">
        <v>0</v>
      </c>
      <c r="KF42" s="386">
        <v>0</v>
      </c>
      <c r="KG42" s="386">
        <v>0</v>
      </c>
      <c r="KH42" s="386">
        <v>0</v>
      </c>
      <c r="KI42" s="386">
        <v>0</v>
      </c>
      <c r="KJ42" s="386">
        <v>0</v>
      </c>
      <c r="KK42" s="390">
        <v>0</v>
      </c>
      <c r="KL42" s="396">
        <v>0</v>
      </c>
      <c r="KM42" s="382">
        <v>0</v>
      </c>
      <c r="KN42" s="383">
        <v>0</v>
      </c>
      <c r="KO42" s="384">
        <v>0</v>
      </c>
      <c r="KP42" s="385"/>
      <c r="KQ42" s="386">
        <v>0</v>
      </c>
      <c r="KR42" s="386">
        <v>0</v>
      </c>
      <c r="KS42" s="386">
        <v>0</v>
      </c>
      <c r="KT42" s="386">
        <v>0</v>
      </c>
      <c r="KU42" s="386">
        <v>0</v>
      </c>
      <c r="KV42" s="390">
        <v>0</v>
      </c>
      <c r="KW42" s="388">
        <v>0</v>
      </c>
      <c r="KX42" s="389">
        <v>0</v>
      </c>
      <c r="KY42" s="386">
        <v>0</v>
      </c>
      <c r="KZ42" s="390">
        <v>0</v>
      </c>
      <c r="LA42" s="397"/>
      <c r="LB42" s="386">
        <v>0</v>
      </c>
      <c r="LC42" s="386">
        <v>0</v>
      </c>
      <c r="LD42" s="386">
        <v>0</v>
      </c>
      <c r="LE42" s="386">
        <v>0</v>
      </c>
      <c r="LF42" s="386">
        <v>0</v>
      </c>
      <c r="LG42" s="390">
        <v>0</v>
      </c>
      <c r="LH42" s="392">
        <v>0</v>
      </c>
      <c r="LI42" s="389">
        <v>0</v>
      </c>
      <c r="LJ42" s="386">
        <v>0</v>
      </c>
      <c r="LK42" s="390">
        <v>0</v>
      </c>
      <c r="LL42" s="397"/>
      <c r="LM42" s="386">
        <v>0</v>
      </c>
      <c r="LN42" s="386">
        <v>0</v>
      </c>
      <c r="LO42" s="386">
        <v>0</v>
      </c>
      <c r="LP42" s="386">
        <v>0</v>
      </c>
      <c r="LQ42" s="386">
        <v>0</v>
      </c>
      <c r="LR42" s="390">
        <v>0</v>
      </c>
      <c r="LS42" s="388">
        <v>0</v>
      </c>
      <c r="LT42" s="389">
        <v>0</v>
      </c>
      <c r="LU42" s="386">
        <v>0</v>
      </c>
      <c r="LV42" s="390">
        <v>0</v>
      </c>
      <c r="LW42" s="397"/>
      <c r="LX42" s="386">
        <v>0</v>
      </c>
      <c r="LY42" s="386">
        <v>0</v>
      </c>
      <c r="LZ42" s="386">
        <v>0</v>
      </c>
      <c r="MA42" s="386">
        <v>0</v>
      </c>
      <c r="MB42" s="386">
        <v>0</v>
      </c>
      <c r="MC42" s="390">
        <v>0</v>
      </c>
      <c r="MD42" s="392">
        <v>0</v>
      </c>
      <c r="ME42" s="389">
        <v>0</v>
      </c>
      <c r="MF42" s="386">
        <v>0</v>
      </c>
      <c r="MG42" s="390">
        <v>0</v>
      </c>
      <c r="MH42" s="397"/>
      <c r="MI42" s="386">
        <v>0</v>
      </c>
      <c r="MJ42" s="386">
        <v>0</v>
      </c>
      <c r="MK42" s="386">
        <v>0</v>
      </c>
      <c r="ML42" s="386">
        <v>147810</v>
      </c>
      <c r="MM42" s="386">
        <v>334325</v>
      </c>
      <c r="MN42" s="390">
        <v>482135</v>
      </c>
      <c r="MO42" s="396">
        <v>482135</v>
      </c>
      <c r="MP42" s="389">
        <v>0</v>
      </c>
      <c r="MQ42" s="386">
        <v>0</v>
      </c>
      <c r="MR42" s="390">
        <v>0</v>
      </c>
      <c r="MS42" s="397"/>
      <c r="MT42" s="386">
        <v>0</v>
      </c>
      <c r="MU42" s="386">
        <v>0</v>
      </c>
      <c r="MV42" s="386">
        <v>0</v>
      </c>
      <c r="MW42" s="386">
        <v>0</v>
      </c>
      <c r="MX42" s="386">
        <v>0</v>
      </c>
      <c r="MY42" s="390">
        <v>0</v>
      </c>
      <c r="MZ42" s="396">
        <v>0</v>
      </c>
      <c r="NA42" s="389">
        <v>0</v>
      </c>
      <c r="NB42" s="386">
        <v>0</v>
      </c>
      <c r="NC42" s="390">
        <v>0</v>
      </c>
      <c r="ND42" s="397"/>
      <c r="NE42" s="386">
        <v>0</v>
      </c>
      <c r="NF42" s="386">
        <v>0</v>
      </c>
      <c r="NG42" s="386">
        <v>0</v>
      </c>
      <c r="NH42" s="386">
        <v>147810</v>
      </c>
      <c r="NI42" s="386">
        <v>0</v>
      </c>
      <c r="NJ42" s="390">
        <v>147810</v>
      </c>
      <c r="NK42" s="388">
        <v>147810</v>
      </c>
      <c r="NL42" s="389">
        <v>0</v>
      </c>
      <c r="NM42" s="386">
        <v>0</v>
      </c>
      <c r="NN42" s="390">
        <v>0</v>
      </c>
      <c r="NO42" s="397"/>
      <c r="NP42" s="386">
        <v>0</v>
      </c>
      <c r="NQ42" s="386">
        <v>0</v>
      </c>
      <c r="NR42" s="386">
        <v>0</v>
      </c>
      <c r="NS42" s="386">
        <v>0</v>
      </c>
      <c r="NT42" s="386">
        <v>0</v>
      </c>
      <c r="NU42" s="390">
        <v>0</v>
      </c>
      <c r="NV42" s="392">
        <v>0</v>
      </c>
      <c r="NW42" s="389">
        <v>0</v>
      </c>
      <c r="NX42" s="386">
        <v>0</v>
      </c>
      <c r="NY42" s="390">
        <v>0</v>
      </c>
      <c r="NZ42" s="397"/>
      <c r="OA42" s="386">
        <v>0</v>
      </c>
      <c r="OB42" s="386">
        <v>0</v>
      </c>
      <c r="OC42" s="386">
        <v>0</v>
      </c>
      <c r="OD42" s="386">
        <v>0</v>
      </c>
      <c r="OE42" s="386">
        <v>334325</v>
      </c>
      <c r="OF42" s="390">
        <v>334325</v>
      </c>
      <c r="OG42" s="392">
        <v>334325</v>
      </c>
      <c r="OH42" s="389">
        <v>0</v>
      </c>
      <c r="OI42" s="386">
        <v>0</v>
      </c>
      <c r="OJ42" s="387">
        <v>0</v>
      </c>
      <c r="OK42" s="393">
        <v>0</v>
      </c>
      <c r="OL42" s="386">
        <v>0</v>
      </c>
      <c r="OM42" s="386">
        <v>0</v>
      </c>
      <c r="ON42" s="386">
        <v>0</v>
      </c>
      <c r="OO42" s="386">
        <v>460286</v>
      </c>
      <c r="OP42" s="386">
        <v>589369</v>
      </c>
      <c r="OQ42" s="390">
        <v>1049655</v>
      </c>
      <c r="OR42" s="396">
        <v>1049655</v>
      </c>
    </row>
    <row r="43" spans="1:408" x14ac:dyDescent="0.2">
      <c r="A43" s="42" t="s">
        <v>84</v>
      </c>
    </row>
  </sheetData>
  <mergeCells count="158">
    <mergeCell ref="AS7:AS8"/>
    <mergeCell ref="AT7:AV7"/>
    <mergeCell ref="AW7:BC7"/>
    <mergeCell ref="BD7:BD8"/>
    <mergeCell ref="BE7:BG7"/>
    <mergeCell ref="BH7:BN7"/>
    <mergeCell ref="DG7:DG8"/>
    <mergeCell ref="F1:G1"/>
    <mergeCell ref="A4:A8"/>
    <mergeCell ref="B4:L6"/>
    <mergeCell ref="M4:HX4"/>
    <mergeCell ref="M5:BZ5"/>
    <mergeCell ref="CA5:DG5"/>
    <mergeCell ref="DH5:FJ5"/>
    <mergeCell ref="FK5:HB5"/>
    <mergeCell ref="HC5:HM6"/>
    <mergeCell ref="HN5:HX6"/>
    <mergeCell ref="GG6:GQ6"/>
    <mergeCell ref="GR6:HB6"/>
    <mergeCell ref="CA6:CK6"/>
    <mergeCell ref="CL6:CV6"/>
    <mergeCell ref="CW6:DG6"/>
    <mergeCell ref="DH6:DR6"/>
    <mergeCell ref="B7:D7"/>
    <mergeCell ref="E7:K7"/>
    <mergeCell ref="L7:L8"/>
    <mergeCell ref="M7:O7"/>
    <mergeCell ref="P7:V7"/>
    <mergeCell ref="FK6:FU6"/>
    <mergeCell ref="FV6:GF6"/>
    <mergeCell ref="M6:W6"/>
    <mergeCell ref="X6:AH6"/>
    <mergeCell ref="AI6:AS6"/>
    <mergeCell ref="AT6:BD6"/>
    <mergeCell ref="BE6:BO6"/>
    <mergeCell ref="BP6:BZ6"/>
    <mergeCell ref="DS6:EC6"/>
    <mergeCell ref="ED6:EN6"/>
    <mergeCell ref="W7:W8"/>
    <mergeCell ref="EO6:EY6"/>
    <mergeCell ref="EZ6:FJ6"/>
    <mergeCell ref="BO7:BO8"/>
    <mergeCell ref="X7:Z7"/>
    <mergeCell ref="AA7:AG7"/>
    <mergeCell ref="AH7:AH8"/>
    <mergeCell ref="AI7:AK7"/>
    <mergeCell ref="AL7:AR7"/>
    <mergeCell ref="CK7:CK8"/>
    <mergeCell ref="CL7:CN7"/>
    <mergeCell ref="CO7:CU7"/>
    <mergeCell ref="CV7:CV8"/>
    <mergeCell ref="CW7:CY7"/>
    <mergeCell ref="BP7:BR7"/>
    <mergeCell ref="BS7:BY7"/>
    <mergeCell ref="BZ7:BZ8"/>
    <mergeCell ref="CA7:CC7"/>
    <mergeCell ref="CD7:CJ7"/>
    <mergeCell ref="CZ7:DF7"/>
    <mergeCell ref="EY7:EY8"/>
    <mergeCell ref="DH7:DJ7"/>
    <mergeCell ref="DK7:DQ7"/>
    <mergeCell ref="DR7:DR8"/>
    <mergeCell ref="DS7:DU7"/>
    <mergeCell ref="DV7:EB7"/>
    <mergeCell ref="EC7:EC8"/>
    <mergeCell ref="ED7:EF7"/>
    <mergeCell ref="EG7:EM7"/>
    <mergeCell ref="EN7:EN8"/>
    <mergeCell ref="EO7:EQ7"/>
    <mergeCell ref="ER7:EX7"/>
    <mergeCell ref="GQ7:GQ8"/>
    <mergeCell ref="EZ7:FB7"/>
    <mergeCell ref="FC7:FI7"/>
    <mergeCell ref="FJ7:FJ8"/>
    <mergeCell ref="FK7:FM7"/>
    <mergeCell ref="FN7:FT7"/>
    <mergeCell ref="FU7:FU8"/>
    <mergeCell ref="FV7:FX7"/>
    <mergeCell ref="FY7:GE7"/>
    <mergeCell ref="GF7:GF8"/>
    <mergeCell ref="GG7:GI7"/>
    <mergeCell ref="GJ7:GP7"/>
    <mergeCell ref="HN7:HP7"/>
    <mergeCell ref="HQ7:HW7"/>
    <mergeCell ref="HX7:HX8"/>
    <mergeCell ref="GR7:GT7"/>
    <mergeCell ref="GU7:HA7"/>
    <mergeCell ref="HB7:HB8"/>
    <mergeCell ref="HC7:HE7"/>
    <mergeCell ref="HF7:HL7"/>
    <mergeCell ref="HM7:HM8"/>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LS7:LS8"/>
    <mergeCell ref="LT7:LV7"/>
    <mergeCell ref="KM7:KO7"/>
    <mergeCell ref="KP7:KV7"/>
    <mergeCell ref="KW7:KW8"/>
    <mergeCell ref="KX7:KZ7"/>
    <mergeCell ref="LA7:LG7"/>
    <mergeCell ref="MP7:MR7"/>
    <mergeCell ref="MS7:MY7"/>
    <mergeCell ref="MZ7:MZ8"/>
    <mergeCell ref="NA7:NC7"/>
    <mergeCell ref="ND7:NJ7"/>
    <mergeCell ref="LW7:MC7"/>
    <mergeCell ref="MD7:MD8"/>
    <mergeCell ref="ME7:MG7"/>
    <mergeCell ref="MH7:MN7"/>
    <mergeCell ref="MO7:MO8"/>
    <mergeCell ref="NZ7:OF7"/>
    <mergeCell ref="OG7:OG8"/>
    <mergeCell ref="OH7:OJ7"/>
    <mergeCell ref="OK7:OQ7"/>
    <mergeCell ref="OR7:OR8"/>
    <mergeCell ref="NK7:NK8"/>
    <mergeCell ref="NL7:NN7"/>
    <mergeCell ref="NO7:NU7"/>
    <mergeCell ref="NV7:NV8"/>
    <mergeCell ref="NW7:NY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HX41"/>
  <sheetViews>
    <sheetView zoomScaleNormal="100" workbookViewId="0">
      <pane xSplit="1" ySplit="7" topLeftCell="B8" activePane="bottomRight" state="frozen"/>
      <selection pane="topRight" activeCell="B1" sqref="B1"/>
      <selection pane="bottomLeft" activeCell="A8" sqref="A8"/>
      <selection pane="bottomRight"/>
    </sheetView>
  </sheetViews>
  <sheetFormatPr defaultColWidth="9" defaultRowHeight="13.2" x14ac:dyDescent="0.2"/>
  <cols>
    <col min="1" max="1" width="9.88671875" style="207" customWidth="1"/>
    <col min="2" max="3" width="9.21875" style="207" bestFit="1" customWidth="1"/>
    <col min="4" max="4" width="10.77734375" style="207" bestFit="1" customWidth="1"/>
    <col min="5" max="5" width="7.109375" style="207" customWidth="1"/>
    <col min="6" max="10" width="10.44140625" style="207" bestFit="1" customWidth="1"/>
    <col min="11" max="12" width="11.6640625" style="207" bestFit="1" customWidth="1"/>
    <col min="13" max="15" width="9.21875" style="207" bestFit="1" customWidth="1"/>
    <col min="16" max="16" width="7.44140625" style="207" customWidth="1"/>
    <col min="17" max="17" width="9.21875" style="207" bestFit="1" customWidth="1"/>
    <col min="18" max="21" width="10.44140625" style="207" bestFit="1" customWidth="1"/>
    <col min="22" max="23" width="11.6640625" style="207" bestFit="1" customWidth="1"/>
    <col min="24" max="26" width="9.109375" style="207" bestFit="1" customWidth="1"/>
    <col min="27" max="27" width="7" style="207" customWidth="1"/>
    <col min="28" max="29" width="9.109375" style="207" bestFit="1" customWidth="1"/>
    <col min="30" max="31" width="9.6640625" style="207" bestFit="1" customWidth="1"/>
    <col min="32" max="32" width="9.109375" style="207" bestFit="1" customWidth="1"/>
    <col min="33" max="34" width="9.6640625" style="207" bestFit="1" customWidth="1"/>
    <col min="35" max="37" width="9.109375" style="207" bestFit="1" customWidth="1"/>
    <col min="38" max="38" width="7.33203125" style="207" customWidth="1"/>
    <col min="39" max="48" width="9.109375" style="207" bestFit="1" customWidth="1"/>
    <col min="49" max="49" width="7.33203125" style="207" customWidth="1"/>
    <col min="50" max="59" width="9.109375" style="207" bestFit="1" customWidth="1"/>
    <col min="60" max="60" width="7.77734375" style="207" customWidth="1"/>
    <col min="61" max="70" width="9.109375" style="207" bestFit="1" customWidth="1"/>
    <col min="71" max="71" width="7.77734375" style="207" customWidth="1"/>
    <col min="72" max="76" width="9.109375" style="207" bestFit="1" customWidth="1"/>
    <col min="77" max="78" width="9.6640625" style="207" bestFit="1" customWidth="1"/>
    <col min="79" max="81" width="9.109375" style="207" bestFit="1" customWidth="1"/>
    <col min="82" max="82" width="7.88671875" style="207" customWidth="1"/>
    <col min="83" max="92" width="9.109375" style="207" bestFit="1" customWidth="1"/>
    <col min="93" max="93" width="8" style="207" customWidth="1"/>
    <col min="94" max="103" width="9.109375" style="207" bestFit="1" customWidth="1"/>
    <col min="104" max="104" width="8" style="207" customWidth="1"/>
    <col min="105" max="114" width="9.109375" style="207" bestFit="1" customWidth="1"/>
    <col min="115" max="115" width="7.6640625" style="207" customWidth="1"/>
    <col min="116" max="116" width="9.109375" style="207" bestFit="1" customWidth="1"/>
    <col min="117" max="120" width="9.6640625" style="207" bestFit="1" customWidth="1"/>
    <col min="121" max="122" width="10.6640625" style="207" bestFit="1" customWidth="1"/>
    <col min="123" max="125" width="9.109375" style="207" bestFit="1" customWidth="1"/>
    <col min="126" max="126" width="7.44140625" style="207" customWidth="1"/>
    <col min="127" max="128" width="9.109375" style="207" bestFit="1" customWidth="1"/>
    <col min="129" max="133" width="9.6640625" style="207" bestFit="1" customWidth="1"/>
    <col min="134" max="136" width="9.109375" style="207" bestFit="1" customWidth="1"/>
    <col min="137" max="137" width="7.6640625" style="207" customWidth="1"/>
    <col min="138" max="147" width="9.109375" style="207" bestFit="1" customWidth="1"/>
    <col min="148" max="148" width="7.77734375" style="207" customWidth="1"/>
    <col min="149" max="158" width="9.109375" style="207" bestFit="1" customWidth="1"/>
    <col min="159" max="159" width="7.77734375" style="207" customWidth="1"/>
    <col min="160" max="169" width="9.109375" style="207" bestFit="1" customWidth="1"/>
    <col min="170" max="170" width="7.33203125" style="207" customWidth="1"/>
    <col min="171" max="180" width="9.109375" style="207" bestFit="1" customWidth="1"/>
    <col min="181" max="181" width="8" style="207" customWidth="1"/>
    <col min="182" max="187" width="9.109375" style="207" bestFit="1" customWidth="1"/>
    <col min="188" max="188" width="9.6640625" style="207" bestFit="1" customWidth="1"/>
    <col min="189" max="191" width="9.109375" style="207" bestFit="1" customWidth="1"/>
    <col min="192" max="192" width="7.44140625" style="207" customWidth="1"/>
    <col min="193" max="202" width="9.109375" style="207" bestFit="1" customWidth="1"/>
    <col min="203" max="203" width="7.88671875" style="207" customWidth="1"/>
    <col min="204" max="213" width="9.109375" style="207" bestFit="1" customWidth="1"/>
    <col min="214" max="214" width="7.88671875" style="207" customWidth="1"/>
    <col min="215" max="224" width="9.109375" style="207" bestFit="1" customWidth="1"/>
    <col min="225" max="225" width="7.6640625" style="207" customWidth="1"/>
    <col min="226" max="228" width="9.6640625" style="207" bestFit="1" customWidth="1"/>
    <col min="229" max="229" width="10.6640625" style="207" bestFit="1" customWidth="1"/>
    <col min="230" max="230" width="9.6640625" style="207" bestFit="1" customWidth="1"/>
    <col min="231" max="232" width="10.6640625" style="207" bestFit="1" customWidth="1"/>
    <col min="233" max="16384" width="9" style="207"/>
  </cols>
  <sheetData>
    <row r="1" spans="1:232" s="1" customFormat="1" ht="25.5" customHeight="1" x14ac:dyDescent="0.2">
      <c r="A1" s="19" t="s">
        <v>0</v>
      </c>
      <c r="B1" s="38"/>
      <c r="C1" s="38"/>
      <c r="D1" s="251">
        <f>第１表!F2</f>
        <v>4</v>
      </c>
      <c r="E1" s="168">
        <f>第１表!G2</f>
        <v>1</v>
      </c>
      <c r="F1" s="817">
        <f>IF(E1&lt;3,E1-2+12,E1-2)</f>
        <v>11</v>
      </c>
      <c r="G1" s="817"/>
      <c r="I1" s="38"/>
      <c r="J1" s="38"/>
      <c r="K1" s="38"/>
      <c r="CK1" s="38"/>
      <c r="CL1" s="38"/>
      <c r="CM1" s="38"/>
      <c r="CN1" s="38"/>
      <c r="CO1" s="38"/>
      <c r="CP1" s="38"/>
      <c r="CQ1" s="38"/>
      <c r="CR1" s="38"/>
      <c r="CS1" s="38"/>
      <c r="CT1" s="38"/>
      <c r="CU1" s="38"/>
      <c r="CV1" s="38"/>
      <c r="CW1" s="38"/>
      <c r="CX1" s="38"/>
      <c r="CY1" s="38"/>
      <c r="CZ1" s="38"/>
      <c r="DA1" s="38"/>
      <c r="DB1" s="38"/>
      <c r="DC1" s="38"/>
      <c r="DD1" s="38"/>
      <c r="DE1" s="38"/>
      <c r="DF1" s="38"/>
      <c r="DG1" s="38"/>
      <c r="DH1" s="38"/>
      <c r="DI1" s="38"/>
      <c r="DJ1" s="38"/>
      <c r="DK1" s="38"/>
      <c r="DL1" s="38"/>
      <c r="DM1" s="38"/>
      <c r="DN1" s="38"/>
      <c r="DO1" s="38"/>
      <c r="DP1" s="38"/>
      <c r="DQ1" s="38"/>
      <c r="DR1" s="38"/>
      <c r="DS1" s="38"/>
      <c r="DT1" s="38"/>
      <c r="DU1" s="38"/>
      <c r="DV1" s="38"/>
      <c r="DW1" s="38"/>
      <c r="DX1" s="38"/>
      <c r="DY1" s="38"/>
      <c r="DZ1" s="38"/>
      <c r="EA1" s="38"/>
      <c r="EB1" s="38"/>
    </row>
    <row r="2" spans="1:232" ht="25.5" customHeight="1" thickBot="1" x14ac:dyDescent="0.25">
      <c r="A2" s="19" t="s">
        <v>120</v>
      </c>
    </row>
    <row r="3" spans="1:232" ht="19.5" customHeight="1" thickBot="1" x14ac:dyDescent="0.25">
      <c r="A3" s="818"/>
      <c r="B3" s="825" t="s">
        <v>116</v>
      </c>
      <c r="C3" s="826"/>
      <c r="D3" s="826"/>
      <c r="E3" s="826"/>
      <c r="F3" s="826"/>
      <c r="G3" s="826"/>
      <c r="H3" s="826"/>
      <c r="I3" s="826"/>
      <c r="J3" s="826"/>
      <c r="K3" s="826"/>
      <c r="L3" s="826"/>
      <c r="M3" s="464"/>
      <c r="N3" s="464"/>
      <c r="O3" s="464"/>
      <c r="P3" s="464"/>
      <c r="Q3" s="464"/>
      <c r="R3" s="464"/>
      <c r="S3" s="464"/>
      <c r="T3" s="464"/>
      <c r="U3" s="464"/>
      <c r="V3" s="464"/>
      <c r="W3" s="464"/>
      <c r="X3" s="464"/>
      <c r="Y3" s="464"/>
      <c r="Z3" s="464"/>
      <c r="AA3" s="464"/>
      <c r="AB3" s="464"/>
      <c r="AC3" s="464"/>
      <c r="AD3" s="464"/>
      <c r="AE3" s="464"/>
      <c r="AF3" s="464"/>
      <c r="AG3" s="464"/>
      <c r="AH3" s="464"/>
      <c r="AI3" s="464"/>
      <c r="AJ3" s="464"/>
      <c r="AK3" s="464"/>
      <c r="AL3" s="464"/>
      <c r="AM3" s="464"/>
      <c r="AN3" s="464"/>
      <c r="AO3" s="464"/>
      <c r="AP3" s="464"/>
      <c r="AQ3" s="464"/>
      <c r="AR3" s="464"/>
      <c r="AS3" s="464"/>
      <c r="AT3" s="464"/>
      <c r="AU3" s="464"/>
      <c r="AV3" s="464"/>
      <c r="AW3" s="464"/>
      <c r="AX3" s="464"/>
      <c r="AY3" s="464"/>
      <c r="AZ3" s="464"/>
      <c r="BA3" s="464"/>
      <c r="BB3" s="464"/>
      <c r="BC3" s="464"/>
      <c r="BD3" s="464"/>
      <c r="BE3" s="464"/>
      <c r="BF3" s="464"/>
      <c r="BG3" s="464"/>
      <c r="BH3" s="464"/>
      <c r="BI3" s="464"/>
      <c r="BJ3" s="464"/>
      <c r="BK3" s="464"/>
      <c r="BL3" s="464"/>
      <c r="BM3" s="464"/>
      <c r="BN3" s="464"/>
      <c r="BO3" s="464"/>
      <c r="BP3" s="464"/>
      <c r="BQ3" s="464"/>
      <c r="BR3" s="464"/>
      <c r="BS3" s="464"/>
      <c r="BT3" s="464"/>
      <c r="BU3" s="464"/>
      <c r="BV3" s="464"/>
      <c r="BW3" s="464"/>
      <c r="BX3" s="464"/>
      <c r="BY3" s="464"/>
      <c r="BZ3" s="464"/>
      <c r="CA3" s="464"/>
      <c r="CB3" s="464"/>
      <c r="CC3" s="464"/>
      <c r="CD3" s="464"/>
      <c r="CE3" s="464"/>
      <c r="CF3" s="464"/>
      <c r="CG3" s="464"/>
      <c r="CH3" s="464"/>
      <c r="CI3" s="464"/>
      <c r="CJ3" s="464"/>
      <c r="CK3" s="464"/>
      <c r="CL3" s="464"/>
      <c r="CM3" s="464"/>
      <c r="CN3" s="464"/>
      <c r="CO3" s="464"/>
      <c r="CP3" s="464"/>
      <c r="CQ3" s="464"/>
      <c r="CR3" s="464"/>
      <c r="CS3" s="464"/>
      <c r="CT3" s="464"/>
      <c r="CU3" s="464"/>
      <c r="CV3" s="464"/>
      <c r="CW3" s="464"/>
      <c r="CX3" s="464"/>
      <c r="CY3" s="464"/>
      <c r="CZ3" s="464"/>
      <c r="DA3" s="464"/>
      <c r="DB3" s="464"/>
      <c r="DC3" s="464"/>
      <c r="DD3" s="464"/>
      <c r="DE3" s="464"/>
      <c r="DF3" s="464"/>
      <c r="DG3" s="465"/>
      <c r="DH3" s="825" t="s">
        <v>118</v>
      </c>
      <c r="DI3" s="826"/>
      <c r="DJ3" s="826"/>
      <c r="DK3" s="826"/>
      <c r="DL3" s="826"/>
      <c r="DM3" s="826"/>
      <c r="DN3" s="826"/>
      <c r="DO3" s="826"/>
      <c r="DP3" s="826"/>
      <c r="DQ3" s="826"/>
      <c r="DR3" s="826"/>
      <c r="DS3" s="826"/>
      <c r="DT3" s="826"/>
      <c r="DU3" s="826"/>
      <c r="DV3" s="826"/>
      <c r="DW3" s="826"/>
      <c r="DX3" s="826"/>
      <c r="DY3" s="826"/>
      <c r="DZ3" s="826"/>
      <c r="EA3" s="826"/>
      <c r="EB3" s="826"/>
      <c r="EC3" s="826"/>
      <c r="ED3" s="826"/>
      <c r="EE3" s="826"/>
      <c r="EF3" s="826"/>
      <c r="EG3" s="826"/>
      <c r="EH3" s="826"/>
      <c r="EI3" s="826"/>
      <c r="EJ3" s="826"/>
      <c r="EK3" s="826"/>
      <c r="EL3" s="826"/>
      <c r="EM3" s="826"/>
      <c r="EN3" s="826"/>
      <c r="EO3" s="826"/>
      <c r="EP3" s="826"/>
      <c r="EQ3" s="826"/>
      <c r="ER3" s="826"/>
      <c r="ES3" s="826"/>
      <c r="ET3" s="826"/>
      <c r="EU3" s="826"/>
      <c r="EV3" s="826"/>
      <c r="EW3" s="826"/>
      <c r="EX3" s="826"/>
      <c r="EY3" s="826"/>
      <c r="EZ3" s="826"/>
      <c r="FA3" s="826"/>
      <c r="FB3" s="826"/>
      <c r="FC3" s="826"/>
      <c r="FD3" s="826"/>
      <c r="FE3" s="826"/>
      <c r="FF3" s="826"/>
      <c r="FG3" s="826"/>
      <c r="FH3" s="826"/>
      <c r="FI3" s="826"/>
      <c r="FJ3" s="826"/>
      <c r="FK3" s="826"/>
      <c r="FL3" s="826"/>
      <c r="FM3" s="826"/>
      <c r="FN3" s="826"/>
      <c r="FO3" s="826"/>
      <c r="FP3" s="826"/>
      <c r="FQ3" s="826"/>
      <c r="FR3" s="826"/>
      <c r="FS3" s="826"/>
      <c r="FT3" s="826"/>
      <c r="FU3" s="826"/>
      <c r="FV3" s="826"/>
      <c r="FW3" s="826"/>
      <c r="FX3" s="826"/>
      <c r="FY3" s="826"/>
      <c r="FZ3" s="826"/>
      <c r="GA3" s="826"/>
      <c r="GB3" s="826"/>
      <c r="GC3" s="826"/>
      <c r="GD3" s="826"/>
      <c r="GE3" s="826"/>
      <c r="GF3" s="826"/>
      <c r="GG3" s="826"/>
      <c r="GH3" s="826"/>
      <c r="GI3" s="826"/>
      <c r="GJ3" s="826"/>
      <c r="GK3" s="826"/>
      <c r="GL3" s="826"/>
      <c r="GM3" s="826"/>
      <c r="GN3" s="826"/>
      <c r="GO3" s="826"/>
      <c r="GP3" s="826"/>
      <c r="GQ3" s="826"/>
      <c r="GR3" s="826"/>
      <c r="GS3" s="826"/>
      <c r="GT3" s="826"/>
      <c r="GU3" s="826"/>
      <c r="GV3" s="826"/>
      <c r="GW3" s="826"/>
      <c r="GX3" s="826"/>
      <c r="GY3" s="826"/>
      <c r="GZ3" s="826"/>
      <c r="HA3" s="826"/>
      <c r="HB3" s="826"/>
      <c r="HC3" s="826"/>
      <c r="HD3" s="826"/>
      <c r="HE3" s="826"/>
      <c r="HF3" s="826"/>
      <c r="HG3" s="826"/>
      <c r="HH3" s="826"/>
      <c r="HI3" s="826"/>
      <c r="HJ3" s="826"/>
      <c r="HK3" s="826"/>
      <c r="HL3" s="826"/>
      <c r="HM3" s="828"/>
      <c r="HN3" s="829" t="s">
        <v>60</v>
      </c>
      <c r="HO3" s="830"/>
      <c r="HP3" s="830"/>
      <c r="HQ3" s="830"/>
      <c r="HR3" s="830"/>
      <c r="HS3" s="830"/>
      <c r="HT3" s="830"/>
      <c r="HU3" s="830"/>
      <c r="HV3" s="830"/>
      <c r="HW3" s="830"/>
      <c r="HX3" s="831"/>
    </row>
    <row r="4" spans="1:232" ht="19.5" customHeight="1" thickBot="1" x14ac:dyDescent="0.25">
      <c r="A4" s="819"/>
      <c r="B4" s="805"/>
      <c r="C4" s="806"/>
      <c r="D4" s="806"/>
      <c r="E4" s="806"/>
      <c r="F4" s="806"/>
      <c r="G4" s="806"/>
      <c r="H4" s="806"/>
      <c r="I4" s="806"/>
      <c r="J4" s="806"/>
      <c r="K4" s="806"/>
      <c r="L4" s="827"/>
      <c r="M4" s="821" t="s">
        <v>57</v>
      </c>
      <c r="N4" s="822"/>
      <c r="O4" s="822"/>
      <c r="P4" s="822"/>
      <c r="Q4" s="822"/>
      <c r="R4" s="822"/>
      <c r="S4" s="822"/>
      <c r="T4" s="822"/>
      <c r="U4" s="822"/>
      <c r="V4" s="822"/>
      <c r="W4" s="823"/>
      <c r="X4" s="821" t="s">
        <v>58</v>
      </c>
      <c r="Y4" s="822"/>
      <c r="Z4" s="822"/>
      <c r="AA4" s="822"/>
      <c r="AB4" s="822"/>
      <c r="AC4" s="822"/>
      <c r="AD4" s="822"/>
      <c r="AE4" s="822"/>
      <c r="AF4" s="822"/>
      <c r="AG4" s="822"/>
      <c r="AH4" s="823"/>
      <c r="AI4" s="821" t="s">
        <v>59</v>
      </c>
      <c r="AJ4" s="822"/>
      <c r="AK4" s="822"/>
      <c r="AL4" s="822"/>
      <c r="AM4" s="822"/>
      <c r="AN4" s="822"/>
      <c r="AO4" s="822"/>
      <c r="AP4" s="822"/>
      <c r="AQ4" s="822"/>
      <c r="AR4" s="822"/>
      <c r="AS4" s="823"/>
      <c r="AT4" s="821" t="s">
        <v>151</v>
      </c>
      <c r="AU4" s="822"/>
      <c r="AV4" s="822"/>
      <c r="AW4" s="822"/>
      <c r="AX4" s="822"/>
      <c r="AY4" s="822"/>
      <c r="AZ4" s="822"/>
      <c r="BA4" s="822"/>
      <c r="BB4" s="822"/>
      <c r="BC4" s="822"/>
      <c r="BD4" s="823"/>
      <c r="BE4" s="821" t="s">
        <v>117</v>
      </c>
      <c r="BF4" s="822"/>
      <c r="BG4" s="822"/>
      <c r="BH4" s="822"/>
      <c r="BI4" s="822"/>
      <c r="BJ4" s="822"/>
      <c r="BK4" s="822"/>
      <c r="BL4" s="822"/>
      <c r="BM4" s="822"/>
      <c r="BN4" s="822"/>
      <c r="BO4" s="823"/>
      <c r="BP4" s="821" t="s">
        <v>77</v>
      </c>
      <c r="BQ4" s="822"/>
      <c r="BR4" s="822"/>
      <c r="BS4" s="822"/>
      <c r="BT4" s="822"/>
      <c r="BU4" s="822"/>
      <c r="BV4" s="822"/>
      <c r="BW4" s="822"/>
      <c r="BX4" s="822"/>
      <c r="BY4" s="822"/>
      <c r="BZ4" s="823"/>
      <c r="CA4" s="821" t="s">
        <v>78</v>
      </c>
      <c r="CB4" s="822"/>
      <c r="CC4" s="822"/>
      <c r="CD4" s="822"/>
      <c r="CE4" s="822"/>
      <c r="CF4" s="822"/>
      <c r="CG4" s="822"/>
      <c r="CH4" s="822"/>
      <c r="CI4" s="822"/>
      <c r="CJ4" s="822"/>
      <c r="CK4" s="823"/>
      <c r="CL4" s="821" t="s">
        <v>79</v>
      </c>
      <c r="CM4" s="822"/>
      <c r="CN4" s="822"/>
      <c r="CO4" s="822"/>
      <c r="CP4" s="822"/>
      <c r="CQ4" s="822"/>
      <c r="CR4" s="822"/>
      <c r="CS4" s="822"/>
      <c r="CT4" s="822"/>
      <c r="CU4" s="822"/>
      <c r="CV4" s="823"/>
      <c r="CW4" s="821" t="s">
        <v>152</v>
      </c>
      <c r="CX4" s="822"/>
      <c r="CY4" s="822"/>
      <c r="CZ4" s="822"/>
      <c r="DA4" s="822"/>
      <c r="DB4" s="822"/>
      <c r="DC4" s="822"/>
      <c r="DD4" s="822"/>
      <c r="DE4" s="822"/>
      <c r="DF4" s="822"/>
      <c r="DG4" s="823"/>
      <c r="DH4" s="805"/>
      <c r="DI4" s="806"/>
      <c r="DJ4" s="806"/>
      <c r="DK4" s="806"/>
      <c r="DL4" s="806"/>
      <c r="DM4" s="806"/>
      <c r="DN4" s="806"/>
      <c r="DO4" s="806"/>
      <c r="DP4" s="806"/>
      <c r="DQ4" s="806"/>
      <c r="DR4" s="807"/>
      <c r="DS4" s="821" t="s">
        <v>57</v>
      </c>
      <c r="DT4" s="822"/>
      <c r="DU4" s="822"/>
      <c r="DV4" s="822"/>
      <c r="DW4" s="822"/>
      <c r="DX4" s="822"/>
      <c r="DY4" s="822"/>
      <c r="DZ4" s="822"/>
      <c r="EA4" s="822"/>
      <c r="EB4" s="822"/>
      <c r="EC4" s="823"/>
      <c r="ED4" s="821" t="s">
        <v>58</v>
      </c>
      <c r="EE4" s="822"/>
      <c r="EF4" s="822"/>
      <c r="EG4" s="822"/>
      <c r="EH4" s="822"/>
      <c r="EI4" s="822"/>
      <c r="EJ4" s="822"/>
      <c r="EK4" s="822"/>
      <c r="EL4" s="822"/>
      <c r="EM4" s="822"/>
      <c r="EN4" s="823"/>
      <c r="EO4" s="821" t="s">
        <v>59</v>
      </c>
      <c r="EP4" s="822"/>
      <c r="EQ4" s="822"/>
      <c r="ER4" s="822"/>
      <c r="ES4" s="822"/>
      <c r="ET4" s="822"/>
      <c r="EU4" s="822"/>
      <c r="EV4" s="822"/>
      <c r="EW4" s="822"/>
      <c r="EX4" s="822"/>
      <c r="EY4" s="823"/>
      <c r="EZ4" s="821" t="s">
        <v>151</v>
      </c>
      <c r="FA4" s="822"/>
      <c r="FB4" s="822"/>
      <c r="FC4" s="822"/>
      <c r="FD4" s="822"/>
      <c r="FE4" s="822"/>
      <c r="FF4" s="822"/>
      <c r="FG4" s="822"/>
      <c r="FH4" s="822"/>
      <c r="FI4" s="822"/>
      <c r="FJ4" s="823"/>
      <c r="FK4" s="821" t="s">
        <v>117</v>
      </c>
      <c r="FL4" s="822"/>
      <c r="FM4" s="822"/>
      <c r="FN4" s="822"/>
      <c r="FO4" s="822"/>
      <c r="FP4" s="822"/>
      <c r="FQ4" s="822"/>
      <c r="FR4" s="822"/>
      <c r="FS4" s="822"/>
      <c r="FT4" s="822"/>
      <c r="FU4" s="823"/>
      <c r="FV4" s="821" t="s">
        <v>77</v>
      </c>
      <c r="FW4" s="822"/>
      <c r="FX4" s="822"/>
      <c r="FY4" s="822"/>
      <c r="FZ4" s="822"/>
      <c r="GA4" s="822"/>
      <c r="GB4" s="822"/>
      <c r="GC4" s="822"/>
      <c r="GD4" s="822"/>
      <c r="GE4" s="822"/>
      <c r="GF4" s="823"/>
      <c r="GG4" s="821" t="s">
        <v>78</v>
      </c>
      <c r="GH4" s="822"/>
      <c r="GI4" s="822"/>
      <c r="GJ4" s="822"/>
      <c r="GK4" s="822"/>
      <c r="GL4" s="822"/>
      <c r="GM4" s="822"/>
      <c r="GN4" s="822"/>
      <c r="GO4" s="822"/>
      <c r="GP4" s="822"/>
      <c r="GQ4" s="823"/>
      <c r="GR4" s="821" t="s">
        <v>79</v>
      </c>
      <c r="GS4" s="822"/>
      <c r="GT4" s="822"/>
      <c r="GU4" s="822"/>
      <c r="GV4" s="822"/>
      <c r="GW4" s="822"/>
      <c r="GX4" s="822"/>
      <c r="GY4" s="822"/>
      <c r="GZ4" s="822"/>
      <c r="HA4" s="822"/>
      <c r="HB4" s="823"/>
      <c r="HC4" s="821" t="s">
        <v>152</v>
      </c>
      <c r="HD4" s="822"/>
      <c r="HE4" s="822"/>
      <c r="HF4" s="822"/>
      <c r="HG4" s="822"/>
      <c r="HH4" s="822"/>
      <c r="HI4" s="822"/>
      <c r="HJ4" s="822"/>
      <c r="HK4" s="822"/>
      <c r="HL4" s="822"/>
      <c r="HM4" s="823"/>
      <c r="HN4" s="832"/>
      <c r="HO4" s="833"/>
      <c r="HP4" s="833"/>
      <c r="HQ4" s="833"/>
      <c r="HR4" s="833"/>
      <c r="HS4" s="833"/>
      <c r="HT4" s="833"/>
      <c r="HU4" s="833"/>
      <c r="HV4" s="833"/>
      <c r="HW4" s="833"/>
      <c r="HX4" s="834"/>
    </row>
    <row r="5" spans="1:232" ht="19.5" customHeight="1" x14ac:dyDescent="0.2">
      <c r="A5" s="819"/>
      <c r="B5" s="810" t="s">
        <v>61</v>
      </c>
      <c r="C5" s="811"/>
      <c r="D5" s="812"/>
      <c r="E5" s="813" t="s">
        <v>62</v>
      </c>
      <c r="F5" s="811"/>
      <c r="G5" s="811"/>
      <c r="H5" s="811"/>
      <c r="I5" s="811"/>
      <c r="J5" s="811"/>
      <c r="K5" s="814"/>
      <c r="L5" s="824" t="s">
        <v>52</v>
      </c>
      <c r="M5" s="805" t="s">
        <v>61</v>
      </c>
      <c r="N5" s="806"/>
      <c r="O5" s="807"/>
      <c r="P5" s="808" t="s">
        <v>62</v>
      </c>
      <c r="Q5" s="806"/>
      <c r="R5" s="806"/>
      <c r="S5" s="806"/>
      <c r="T5" s="806"/>
      <c r="U5" s="806"/>
      <c r="V5" s="809"/>
      <c r="W5" s="747" t="s">
        <v>52</v>
      </c>
      <c r="X5" s="805" t="s">
        <v>61</v>
      </c>
      <c r="Y5" s="806"/>
      <c r="Z5" s="807"/>
      <c r="AA5" s="808" t="s">
        <v>62</v>
      </c>
      <c r="AB5" s="806"/>
      <c r="AC5" s="806"/>
      <c r="AD5" s="806"/>
      <c r="AE5" s="806"/>
      <c r="AF5" s="806"/>
      <c r="AG5" s="809"/>
      <c r="AH5" s="747" t="s">
        <v>52</v>
      </c>
      <c r="AI5" s="805" t="s">
        <v>61</v>
      </c>
      <c r="AJ5" s="806"/>
      <c r="AK5" s="807"/>
      <c r="AL5" s="808" t="s">
        <v>62</v>
      </c>
      <c r="AM5" s="806"/>
      <c r="AN5" s="806"/>
      <c r="AO5" s="806"/>
      <c r="AP5" s="806"/>
      <c r="AQ5" s="806"/>
      <c r="AR5" s="809"/>
      <c r="AS5" s="747" t="s">
        <v>52</v>
      </c>
      <c r="AT5" s="805" t="s">
        <v>61</v>
      </c>
      <c r="AU5" s="806"/>
      <c r="AV5" s="807"/>
      <c r="AW5" s="808" t="s">
        <v>62</v>
      </c>
      <c r="AX5" s="806"/>
      <c r="AY5" s="806"/>
      <c r="AZ5" s="806"/>
      <c r="BA5" s="806"/>
      <c r="BB5" s="806"/>
      <c r="BC5" s="809"/>
      <c r="BD5" s="747" t="s">
        <v>52</v>
      </c>
      <c r="BE5" s="805" t="s">
        <v>61</v>
      </c>
      <c r="BF5" s="806"/>
      <c r="BG5" s="807"/>
      <c r="BH5" s="808" t="s">
        <v>62</v>
      </c>
      <c r="BI5" s="806"/>
      <c r="BJ5" s="806"/>
      <c r="BK5" s="806"/>
      <c r="BL5" s="806"/>
      <c r="BM5" s="806"/>
      <c r="BN5" s="809"/>
      <c r="BO5" s="747" t="s">
        <v>52</v>
      </c>
      <c r="BP5" s="805" t="s">
        <v>61</v>
      </c>
      <c r="BQ5" s="806"/>
      <c r="BR5" s="807"/>
      <c r="BS5" s="808" t="s">
        <v>62</v>
      </c>
      <c r="BT5" s="806"/>
      <c r="BU5" s="806"/>
      <c r="BV5" s="806"/>
      <c r="BW5" s="806"/>
      <c r="BX5" s="806"/>
      <c r="BY5" s="809"/>
      <c r="BZ5" s="747" t="s">
        <v>52</v>
      </c>
      <c r="CA5" s="805" t="s">
        <v>61</v>
      </c>
      <c r="CB5" s="806"/>
      <c r="CC5" s="807"/>
      <c r="CD5" s="808" t="s">
        <v>62</v>
      </c>
      <c r="CE5" s="806"/>
      <c r="CF5" s="806"/>
      <c r="CG5" s="806"/>
      <c r="CH5" s="806"/>
      <c r="CI5" s="806"/>
      <c r="CJ5" s="809"/>
      <c r="CK5" s="747" t="s">
        <v>52</v>
      </c>
      <c r="CL5" s="805" t="s">
        <v>61</v>
      </c>
      <c r="CM5" s="806"/>
      <c r="CN5" s="807"/>
      <c r="CO5" s="808" t="s">
        <v>62</v>
      </c>
      <c r="CP5" s="806"/>
      <c r="CQ5" s="806"/>
      <c r="CR5" s="806"/>
      <c r="CS5" s="806"/>
      <c r="CT5" s="806"/>
      <c r="CU5" s="809"/>
      <c r="CV5" s="747" t="s">
        <v>52</v>
      </c>
      <c r="CW5" s="805" t="s">
        <v>61</v>
      </c>
      <c r="CX5" s="806"/>
      <c r="CY5" s="807"/>
      <c r="CZ5" s="808" t="s">
        <v>62</v>
      </c>
      <c r="DA5" s="806"/>
      <c r="DB5" s="806"/>
      <c r="DC5" s="806"/>
      <c r="DD5" s="806"/>
      <c r="DE5" s="806"/>
      <c r="DF5" s="809"/>
      <c r="DG5" s="747" t="s">
        <v>52</v>
      </c>
      <c r="DH5" s="810" t="s">
        <v>61</v>
      </c>
      <c r="DI5" s="811"/>
      <c r="DJ5" s="812"/>
      <c r="DK5" s="813" t="s">
        <v>62</v>
      </c>
      <c r="DL5" s="811"/>
      <c r="DM5" s="811"/>
      <c r="DN5" s="811"/>
      <c r="DO5" s="811"/>
      <c r="DP5" s="811"/>
      <c r="DQ5" s="814"/>
      <c r="DR5" s="815" t="s">
        <v>52</v>
      </c>
      <c r="DS5" s="805" t="s">
        <v>61</v>
      </c>
      <c r="DT5" s="806"/>
      <c r="DU5" s="807"/>
      <c r="DV5" s="808" t="s">
        <v>62</v>
      </c>
      <c r="DW5" s="806"/>
      <c r="DX5" s="806"/>
      <c r="DY5" s="806"/>
      <c r="DZ5" s="806"/>
      <c r="EA5" s="806"/>
      <c r="EB5" s="809"/>
      <c r="EC5" s="747" t="s">
        <v>52</v>
      </c>
      <c r="ED5" s="805" t="s">
        <v>61</v>
      </c>
      <c r="EE5" s="806"/>
      <c r="EF5" s="807"/>
      <c r="EG5" s="808" t="s">
        <v>62</v>
      </c>
      <c r="EH5" s="806"/>
      <c r="EI5" s="806"/>
      <c r="EJ5" s="806"/>
      <c r="EK5" s="806"/>
      <c r="EL5" s="806"/>
      <c r="EM5" s="809"/>
      <c r="EN5" s="747" t="s">
        <v>52</v>
      </c>
      <c r="EO5" s="805" t="s">
        <v>61</v>
      </c>
      <c r="EP5" s="806"/>
      <c r="EQ5" s="807"/>
      <c r="ER5" s="808" t="s">
        <v>62</v>
      </c>
      <c r="ES5" s="806"/>
      <c r="ET5" s="806"/>
      <c r="EU5" s="806"/>
      <c r="EV5" s="806"/>
      <c r="EW5" s="806"/>
      <c r="EX5" s="809"/>
      <c r="EY5" s="747" t="s">
        <v>52</v>
      </c>
      <c r="EZ5" s="805" t="s">
        <v>61</v>
      </c>
      <c r="FA5" s="806"/>
      <c r="FB5" s="807"/>
      <c r="FC5" s="808" t="s">
        <v>62</v>
      </c>
      <c r="FD5" s="806"/>
      <c r="FE5" s="806"/>
      <c r="FF5" s="806"/>
      <c r="FG5" s="806"/>
      <c r="FH5" s="806"/>
      <c r="FI5" s="809"/>
      <c r="FJ5" s="747" t="s">
        <v>52</v>
      </c>
      <c r="FK5" s="805" t="s">
        <v>61</v>
      </c>
      <c r="FL5" s="806"/>
      <c r="FM5" s="807"/>
      <c r="FN5" s="808" t="s">
        <v>62</v>
      </c>
      <c r="FO5" s="806"/>
      <c r="FP5" s="806"/>
      <c r="FQ5" s="806"/>
      <c r="FR5" s="806"/>
      <c r="FS5" s="806"/>
      <c r="FT5" s="809"/>
      <c r="FU5" s="747" t="s">
        <v>52</v>
      </c>
      <c r="FV5" s="805" t="s">
        <v>61</v>
      </c>
      <c r="FW5" s="806"/>
      <c r="FX5" s="807"/>
      <c r="FY5" s="808" t="s">
        <v>62</v>
      </c>
      <c r="FZ5" s="806"/>
      <c r="GA5" s="806"/>
      <c r="GB5" s="806"/>
      <c r="GC5" s="806"/>
      <c r="GD5" s="806"/>
      <c r="GE5" s="809"/>
      <c r="GF5" s="747" t="s">
        <v>52</v>
      </c>
      <c r="GG5" s="805" t="s">
        <v>61</v>
      </c>
      <c r="GH5" s="806"/>
      <c r="GI5" s="807"/>
      <c r="GJ5" s="808" t="s">
        <v>62</v>
      </c>
      <c r="GK5" s="806"/>
      <c r="GL5" s="806"/>
      <c r="GM5" s="806"/>
      <c r="GN5" s="806"/>
      <c r="GO5" s="806"/>
      <c r="GP5" s="809"/>
      <c r="GQ5" s="747" t="s">
        <v>52</v>
      </c>
      <c r="GR5" s="805" t="s">
        <v>61</v>
      </c>
      <c r="GS5" s="806"/>
      <c r="GT5" s="807"/>
      <c r="GU5" s="808" t="s">
        <v>62</v>
      </c>
      <c r="GV5" s="806"/>
      <c r="GW5" s="806"/>
      <c r="GX5" s="806"/>
      <c r="GY5" s="806"/>
      <c r="GZ5" s="806"/>
      <c r="HA5" s="809"/>
      <c r="HB5" s="747" t="s">
        <v>52</v>
      </c>
      <c r="HC5" s="805" t="s">
        <v>61</v>
      </c>
      <c r="HD5" s="806"/>
      <c r="HE5" s="807"/>
      <c r="HF5" s="808" t="s">
        <v>62</v>
      </c>
      <c r="HG5" s="806"/>
      <c r="HH5" s="806"/>
      <c r="HI5" s="806"/>
      <c r="HJ5" s="806"/>
      <c r="HK5" s="806"/>
      <c r="HL5" s="809"/>
      <c r="HM5" s="747" t="s">
        <v>52</v>
      </c>
      <c r="HN5" s="805" t="s">
        <v>61</v>
      </c>
      <c r="HO5" s="806"/>
      <c r="HP5" s="807"/>
      <c r="HQ5" s="808" t="s">
        <v>62</v>
      </c>
      <c r="HR5" s="806"/>
      <c r="HS5" s="806"/>
      <c r="HT5" s="806"/>
      <c r="HU5" s="806"/>
      <c r="HV5" s="806"/>
      <c r="HW5" s="809"/>
      <c r="HX5" s="747" t="s">
        <v>52</v>
      </c>
    </row>
    <row r="6" spans="1:232" ht="34.5" customHeight="1" thickBot="1" x14ac:dyDescent="0.25">
      <c r="A6" s="820"/>
      <c r="B6" s="442" t="s">
        <v>119</v>
      </c>
      <c r="C6" s="443" t="s">
        <v>44</v>
      </c>
      <c r="D6" s="453" t="s">
        <v>45</v>
      </c>
      <c r="E6" s="454" t="s">
        <v>83</v>
      </c>
      <c r="F6" s="443" t="s">
        <v>47</v>
      </c>
      <c r="G6" s="443" t="s">
        <v>48</v>
      </c>
      <c r="H6" s="443" t="s">
        <v>49</v>
      </c>
      <c r="I6" s="443" t="s">
        <v>50</v>
      </c>
      <c r="J6" s="443" t="s">
        <v>51</v>
      </c>
      <c r="K6" s="455" t="s">
        <v>45</v>
      </c>
      <c r="L6" s="804"/>
      <c r="M6" s="442" t="s">
        <v>119</v>
      </c>
      <c r="N6" s="443" t="s">
        <v>44</v>
      </c>
      <c r="O6" s="453" t="s">
        <v>45</v>
      </c>
      <c r="P6" s="454" t="s">
        <v>83</v>
      </c>
      <c r="Q6" s="443" t="s">
        <v>47</v>
      </c>
      <c r="R6" s="443" t="s">
        <v>48</v>
      </c>
      <c r="S6" s="443" t="s">
        <v>49</v>
      </c>
      <c r="T6" s="443" t="s">
        <v>50</v>
      </c>
      <c r="U6" s="443" t="s">
        <v>51</v>
      </c>
      <c r="V6" s="455" t="s">
        <v>45</v>
      </c>
      <c r="W6" s="804"/>
      <c r="X6" s="442" t="s">
        <v>119</v>
      </c>
      <c r="Y6" s="443" t="s">
        <v>44</v>
      </c>
      <c r="Z6" s="453" t="s">
        <v>45</v>
      </c>
      <c r="AA6" s="454" t="s">
        <v>83</v>
      </c>
      <c r="AB6" s="443" t="s">
        <v>47</v>
      </c>
      <c r="AC6" s="443" t="s">
        <v>48</v>
      </c>
      <c r="AD6" s="443" t="s">
        <v>49</v>
      </c>
      <c r="AE6" s="443" t="s">
        <v>50</v>
      </c>
      <c r="AF6" s="443" t="s">
        <v>51</v>
      </c>
      <c r="AG6" s="455" t="s">
        <v>45</v>
      </c>
      <c r="AH6" s="804"/>
      <c r="AI6" s="442" t="s">
        <v>119</v>
      </c>
      <c r="AJ6" s="443" t="s">
        <v>44</v>
      </c>
      <c r="AK6" s="453" t="s">
        <v>45</v>
      </c>
      <c r="AL6" s="454" t="s">
        <v>83</v>
      </c>
      <c r="AM6" s="443" t="s">
        <v>47</v>
      </c>
      <c r="AN6" s="443" t="s">
        <v>48</v>
      </c>
      <c r="AO6" s="443" t="s">
        <v>49</v>
      </c>
      <c r="AP6" s="443" t="s">
        <v>50</v>
      </c>
      <c r="AQ6" s="443" t="s">
        <v>51</v>
      </c>
      <c r="AR6" s="455" t="s">
        <v>45</v>
      </c>
      <c r="AS6" s="804"/>
      <c r="AT6" s="442" t="s">
        <v>119</v>
      </c>
      <c r="AU6" s="443" t="s">
        <v>44</v>
      </c>
      <c r="AV6" s="453" t="s">
        <v>45</v>
      </c>
      <c r="AW6" s="454" t="s">
        <v>83</v>
      </c>
      <c r="AX6" s="443" t="s">
        <v>47</v>
      </c>
      <c r="AY6" s="443" t="s">
        <v>48</v>
      </c>
      <c r="AZ6" s="443" t="s">
        <v>49</v>
      </c>
      <c r="BA6" s="443" t="s">
        <v>50</v>
      </c>
      <c r="BB6" s="443" t="s">
        <v>51</v>
      </c>
      <c r="BC6" s="455" t="s">
        <v>45</v>
      </c>
      <c r="BD6" s="804"/>
      <c r="BE6" s="442" t="s">
        <v>119</v>
      </c>
      <c r="BF6" s="443" t="s">
        <v>44</v>
      </c>
      <c r="BG6" s="453" t="s">
        <v>45</v>
      </c>
      <c r="BH6" s="454" t="s">
        <v>83</v>
      </c>
      <c r="BI6" s="443" t="s">
        <v>47</v>
      </c>
      <c r="BJ6" s="443" t="s">
        <v>48</v>
      </c>
      <c r="BK6" s="443" t="s">
        <v>49</v>
      </c>
      <c r="BL6" s="443" t="s">
        <v>50</v>
      </c>
      <c r="BM6" s="443" t="s">
        <v>51</v>
      </c>
      <c r="BN6" s="455" t="s">
        <v>45</v>
      </c>
      <c r="BO6" s="804"/>
      <c r="BP6" s="442" t="s">
        <v>119</v>
      </c>
      <c r="BQ6" s="443" t="s">
        <v>44</v>
      </c>
      <c r="BR6" s="453" t="s">
        <v>45</v>
      </c>
      <c r="BS6" s="454" t="s">
        <v>83</v>
      </c>
      <c r="BT6" s="443" t="s">
        <v>47</v>
      </c>
      <c r="BU6" s="443" t="s">
        <v>48</v>
      </c>
      <c r="BV6" s="443" t="s">
        <v>49</v>
      </c>
      <c r="BW6" s="443" t="s">
        <v>50</v>
      </c>
      <c r="BX6" s="443" t="s">
        <v>51</v>
      </c>
      <c r="BY6" s="455" t="s">
        <v>45</v>
      </c>
      <c r="BZ6" s="804"/>
      <c r="CA6" s="442" t="s">
        <v>119</v>
      </c>
      <c r="CB6" s="443" t="s">
        <v>44</v>
      </c>
      <c r="CC6" s="453" t="s">
        <v>45</v>
      </c>
      <c r="CD6" s="454" t="s">
        <v>83</v>
      </c>
      <c r="CE6" s="443" t="s">
        <v>47</v>
      </c>
      <c r="CF6" s="443" t="s">
        <v>48</v>
      </c>
      <c r="CG6" s="443" t="s">
        <v>49</v>
      </c>
      <c r="CH6" s="443" t="s">
        <v>50</v>
      </c>
      <c r="CI6" s="443" t="s">
        <v>51</v>
      </c>
      <c r="CJ6" s="455" t="s">
        <v>45</v>
      </c>
      <c r="CK6" s="804"/>
      <c r="CL6" s="442" t="s">
        <v>119</v>
      </c>
      <c r="CM6" s="443" t="s">
        <v>44</v>
      </c>
      <c r="CN6" s="453" t="s">
        <v>45</v>
      </c>
      <c r="CO6" s="454" t="s">
        <v>83</v>
      </c>
      <c r="CP6" s="443" t="s">
        <v>47</v>
      </c>
      <c r="CQ6" s="443" t="s">
        <v>48</v>
      </c>
      <c r="CR6" s="443" t="s">
        <v>49</v>
      </c>
      <c r="CS6" s="443" t="s">
        <v>50</v>
      </c>
      <c r="CT6" s="443" t="s">
        <v>51</v>
      </c>
      <c r="CU6" s="455" t="s">
        <v>45</v>
      </c>
      <c r="CV6" s="804"/>
      <c r="CW6" s="442" t="s">
        <v>119</v>
      </c>
      <c r="CX6" s="443" t="s">
        <v>44</v>
      </c>
      <c r="CY6" s="453" t="s">
        <v>45</v>
      </c>
      <c r="CZ6" s="454" t="s">
        <v>83</v>
      </c>
      <c r="DA6" s="443" t="s">
        <v>47</v>
      </c>
      <c r="DB6" s="443" t="s">
        <v>48</v>
      </c>
      <c r="DC6" s="443" t="s">
        <v>49</v>
      </c>
      <c r="DD6" s="443" t="s">
        <v>50</v>
      </c>
      <c r="DE6" s="443" t="s">
        <v>51</v>
      </c>
      <c r="DF6" s="455" t="s">
        <v>45</v>
      </c>
      <c r="DG6" s="804"/>
      <c r="DH6" s="442" t="s">
        <v>119</v>
      </c>
      <c r="DI6" s="443" t="s">
        <v>44</v>
      </c>
      <c r="DJ6" s="453" t="s">
        <v>45</v>
      </c>
      <c r="DK6" s="454" t="s">
        <v>83</v>
      </c>
      <c r="DL6" s="443" t="s">
        <v>47</v>
      </c>
      <c r="DM6" s="443" t="s">
        <v>48</v>
      </c>
      <c r="DN6" s="443" t="s">
        <v>49</v>
      </c>
      <c r="DO6" s="443" t="s">
        <v>50</v>
      </c>
      <c r="DP6" s="443" t="s">
        <v>51</v>
      </c>
      <c r="DQ6" s="455" t="s">
        <v>45</v>
      </c>
      <c r="DR6" s="816"/>
      <c r="DS6" s="442" t="s">
        <v>119</v>
      </c>
      <c r="DT6" s="443" t="s">
        <v>44</v>
      </c>
      <c r="DU6" s="453" t="s">
        <v>45</v>
      </c>
      <c r="DV6" s="454" t="s">
        <v>83</v>
      </c>
      <c r="DW6" s="443" t="s">
        <v>47</v>
      </c>
      <c r="DX6" s="443" t="s">
        <v>48</v>
      </c>
      <c r="DY6" s="443" t="s">
        <v>49</v>
      </c>
      <c r="DZ6" s="443" t="s">
        <v>50</v>
      </c>
      <c r="EA6" s="443" t="s">
        <v>51</v>
      </c>
      <c r="EB6" s="455" t="s">
        <v>45</v>
      </c>
      <c r="EC6" s="804"/>
      <c r="ED6" s="442" t="s">
        <v>119</v>
      </c>
      <c r="EE6" s="443" t="s">
        <v>44</v>
      </c>
      <c r="EF6" s="453" t="s">
        <v>45</v>
      </c>
      <c r="EG6" s="454" t="s">
        <v>83</v>
      </c>
      <c r="EH6" s="443" t="s">
        <v>47</v>
      </c>
      <c r="EI6" s="443" t="s">
        <v>48</v>
      </c>
      <c r="EJ6" s="443" t="s">
        <v>49</v>
      </c>
      <c r="EK6" s="443" t="s">
        <v>50</v>
      </c>
      <c r="EL6" s="443" t="s">
        <v>51</v>
      </c>
      <c r="EM6" s="455" t="s">
        <v>45</v>
      </c>
      <c r="EN6" s="804"/>
      <c r="EO6" s="442" t="s">
        <v>119</v>
      </c>
      <c r="EP6" s="443" t="s">
        <v>44</v>
      </c>
      <c r="EQ6" s="453" t="s">
        <v>45</v>
      </c>
      <c r="ER6" s="454" t="s">
        <v>83</v>
      </c>
      <c r="ES6" s="443" t="s">
        <v>47</v>
      </c>
      <c r="ET6" s="443" t="s">
        <v>48</v>
      </c>
      <c r="EU6" s="443" t="s">
        <v>49</v>
      </c>
      <c r="EV6" s="443" t="s">
        <v>50</v>
      </c>
      <c r="EW6" s="443" t="s">
        <v>51</v>
      </c>
      <c r="EX6" s="455" t="s">
        <v>45</v>
      </c>
      <c r="EY6" s="804"/>
      <c r="EZ6" s="442" t="s">
        <v>119</v>
      </c>
      <c r="FA6" s="443" t="s">
        <v>44</v>
      </c>
      <c r="FB6" s="453" t="s">
        <v>45</v>
      </c>
      <c r="FC6" s="454" t="s">
        <v>83</v>
      </c>
      <c r="FD6" s="443" t="s">
        <v>47</v>
      </c>
      <c r="FE6" s="443" t="s">
        <v>48</v>
      </c>
      <c r="FF6" s="443" t="s">
        <v>49</v>
      </c>
      <c r="FG6" s="443" t="s">
        <v>50</v>
      </c>
      <c r="FH6" s="443" t="s">
        <v>51</v>
      </c>
      <c r="FI6" s="455" t="s">
        <v>45</v>
      </c>
      <c r="FJ6" s="804"/>
      <c r="FK6" s="442" t="s">
        <v>119</v>
      </c>
      <c r="FL6" s="443" t="s">
        <v>44</v>
      </c>
      <c r="FM6" s="453" t="s">
        <v>45</v>
      </c>
      <c r="FN6" s="454" t="s">
        <v>83</v>
      </c>
      <c r="FO6" s="443" t="s">
        <v>47</v>
      </c>
      <c r="FP6" s="443" t="s">
        <v>48</v>
      </c>
      <c r="FQ6" s="443" t="s">
        <v>49</v>
      </c>
      <c r="FR6" s="443" t="s">
        <v>50</v>
      </c>
      <c r="FS6" s="443" t="s">
        <v>51</v>
      </c>
      <c r="FT6" s="455" t="s">
        <v>45</v>
      </c>
      <c r="FU6" s="804"/>
      <c r="FV6" s="442" t="s">
        <v>119</v>
      </c>
      <c r="FW6" s="443" t="s">
        <v>44</v>
      </c>
      <c r="FX6" s="453" t="s">
        <v>45</v>
      </c>
      <c r="FY6" s="454" t="s">
        <v>83</v>
      </c>
      <c r="FZ6" s="443" t="s">
        <v>47</v>
      </c>
      <c r="GA6" s="443" t="s">
        <v>48</v>
      </c>
      <c r="GB6" s="443" t="s">
        <v>49</v>
      </c>
      <c r="GC6" s="443" t="s">
        <v>50</v>
      </c>
      <c r="GD6" s="443" t="s">
        <v>51</v>
      </c>
      <c r="GE6" s="455" t="s">
        <v>45</v>
      </c>
      <c r="GF6" s="804"/>
      <c r="GG6" s="442" t="s">
        <v>119</v>
      </c>
      <c r="GH6" s="443" t="s">
        <v>44</v>
      </c>
      <c r="GI6" s="453" t="s">
        <v>45</v>
      </c>
      <c r="GJ6" s="454" t="s">
        <v>83</v>
      </c>
      <c r="GK6" s="443" t="s">
        <v>47</v>
      </c>
      <c r="GL6" s="443" t="s">
        <v>48</v>
      </c>
      <c r="GM6" s="443" t="s">
        <v>49</v>
      </c>
      <c r="GN6" s="443" t="s">
        <v>50</v>
      </c>
      <c r="GO6" s="443" t="s">
        <v>51</v>
      </c>
      <c r="GP6" s="455" t="s">
        <v>45</v>
      </c>
      <c r="GQ6" s="804"/>
      <c r="GR6" s="442" t="s">
        <v>119</v>
      </c>
      <c r="GS6" s="443" t="s">
        <v>44</v>
      </c>
      <c r="GT6" s="453" t="s">
        <v>45</v>
      </c>
      <c r="GU6" s="454" t="s">
        <v>83</v>
      </c>
      <c r="GV6" s="443" t="s">
        <v>47</v>
      </c>
      <c r="GW6" s="443" t="s">
        <v>48</v>
      </c>
      <c r="GX6" s="443" t="s">
        <v>49</v>
      </c>
      <c r="GY6" s="443" t="s">
        <v>50</v>
      </c>
      <c r="GZ6" s="443" t="s">
        <v>51</v>
      </c>
      <c r="HA6" s="455" t="s">
        <v>45</v>
      </c>
      <c r="HB6" s="804"/>
      <c r="HC6" s="442" t="s">
        <v>119</v>
      </c>
      <c r="HD6" s="443" t="s">
        <v>44</v>
      </c>
      <c r="HE6" s="453" t="s">
        <v>45</v>
      </c>
      <c r="HF6" s="454" t="s">
        <v>83</v>
      </c>
      <c r="HG6" s="443" t="s">
        <v>47</v>
      </c>
      <c r="HH6" s="443" t="s">
        <v>48</v>
      </c>
      <c r="HI6" s="443" t="s">
        <v>49</v>
      </c>
      <c r="HJ6" s="443" t="s">
        <v>50</v>
      </c>
      <c r="HK6" s="443" t="s">
        <v>51</v>
      </c>
      <c r="HL6" s="455" t="s">
        <v>45</v>
      </c>
      <c r="HM6" s="804"/>
      <c r="HN6" s="442" t="s">
        <v>119</v>
      </c>
      <c r="HO6" s="443" t="s">
        <v>44</v>
      </c>
      <c r="HP6" s="453" t="s">
        <v>45</v>
      </c>
      <c r="HQ6" s="454" t="s">
        <v>83</v>
      </c>
      <c r="HR6" s="443" t="s">
        <v>47</v>
      </c>
      <c r="HS6" s="443" t="s">
        <v>48</v>
      </c>
      <c r="HT6" s="443" t="s">
        <v>49</v>
      </c>
      <c r="HU6" s="443" t="s">
        <v>50</v>
      </c>
      <c r="HV6" s="443" t="s">
        <v>51</v>
      </c>
      <c r="HW6" s="455" t="s">
        <v>45</v>
      </c>
      <c r="HX6" s="804"/>
    </row>
    <row r="7" spans="1:232" ht="16.5" customHeight="1" x14ac:dyDescent="0.2">
      <c r="A7" s="444" t="s">
        <v>4</v>
      </c>
      <c r="B7" s="445">
        <v>14695</v>
      </c>
      <c r="C7" s="446">
        <v>139805</v>
      </c>
      <c r="D7" s="447">
        <v>154500</v>
      </c>
      <c r="E7" s="448">
        <v>0</v>
      </c>
      <c r="F7" s="446">
        <v>19748063</v>
      </c>
      <c r="G7" s="446">
        <v>41386469</v>
      </c>
      <c r="H7" s="446">
        <v>118766483</v>
      </c>
      <c r="I7" s="446">
        <v>151733196</v>
      </c>
      <c r="J7" s="446">
        <v>98513407</v>
      </c>
      <c r="K7" s="449">
        <v>430147618</v>
      </c>
      <c r="L7" s="450">
        <v>430302118</v>
      </c>
      <c r="M7" s="445">
        <v>0</v>
      </c>
      <c r="N7" s="446">
        <v>0</v>
      </c>
      <c r="O7" s="447">
        <v>0</v>
      </c>
      <c r="P7" s="451"/>
      <c r="Q7" s="446">
        <v>4970399</v>
      </c>
      <c r="R7" s="446">
        <v>14384341</v>
      </c>
      <c r="S7" s="446">
        <v>79899010</v>
      </c>
      <c r="T7" s="446">
        <v>112075126</v>
      </c>
      <c r="U7" s="446">
        <v>74751971</v>
      </c>
      <c r="V7" s="449">
        <v>286080847</v>
      </c>
      <c r="W7" s="450">
        <v>286080847</v>
      </c>
      <c r="X7" s="445">
        <v>0</v>
      </c>
      <c r="Y7" s="446">
        <v>0</v>
      </c>
      <c r="Z7" s="447">
        <v>0</v>
      </c>
      <c r="AA7" s="451"/>
      <c r="AB7" s="446">
        <v>12553895</v>
      </c>
      <c r="AC7" s="446">
        <v>21905474</v>
      </c>
      <c r="AD7" s="446">
        <v>28107341</v>
      </c>
      <c r="AE7" s="446">
        <v>28460725</v>
      </c>
      <c r="AF7" s="446">
        <v>14995380</v>
      </c>
      <c r="AG7" s="449">
        <v>106022815</v>
      </c>
      <c r="AH7" s="450">
        <v>106022815</v>
      </c>
      <c r="AI7" s="445">
        <v>0</v>
      </c>
      <c r="AJ7" s="446">
        <v>0</v>
      </c>
      <c r="AK7" s="447">
        <v>0</v>
      </c>
      <c r="AL7" s="451"/>
      <c r="AM7" s="446">
        <v>2550</v>
      </c>
      <c r="AN7" s="446">
        <v>34350</v>
      </c>
      <c r="AO7" s="446">
        <v>7650</v>
      </c>
      <c r="AP7" s="446">
        <v>1032620</v>
      </c>
      <c r="AQ7" s="446">
        <v>1086515</v>
      </c>
      <c r="AR7" s="449">
        <v>2163685</v>
      </c>
      <c r="AS7" s="450">
        <v>2163685</v>
      </c>
      <c r="AT7" s="445">
        <v>0</v>
      </c>
      <c r="AU7" s="446">
        <v>0</v>
      </c>
      <c r="AV7" s="447">
        <v>0</v>
      </c>
      <c r="AW7" s="451"/>
      <c r="AX7" s="446">
        <v>219340</v>
      </c>
      <c r="AY7" s="446">
        <v>147600</v>
      </c>
      <c r="AZ7" s="446">
        <v>460535</v>
      </c>
      <c r="BA7" s="446">
        <v>1658540</v>
      </c>
      <c r="BB7" s="446">
        <v>2376060</v>
      </c>
      <c r="BC7" s="449">
        <v>4862075</v>
      </c>
      <c r="BD7" s="450">
        <v>4862075</v>
      </c>
      <c r="BE7" s="445">
        <v>0</v>
      </c>
      <c r="BF7" s="446">
        <v>0</v>
      </c>
      <c r="BG7" s="447">
        <v>0</v>
      </c>
      <c r="BH7" s="451"/>
      <c r="BI7" s="446">
        <v>66660</v>
      </c>
      <c r="BJ7" s="446">
        <v>274795</v>
      </c>
      <c r="BK7" s="446">
        <v>1634719</v>
      </c>
      <c r="BL7" s="446">
        <v>1588235</v>
      </c>
      <c r="BM7" s="446">
        <v>1283505</v>
      </c>
      <c r="BN7" s="449">
        <v>4847914</v>
      </c>
      <c r="BO7" s="450">
        <v>4847914</v>
      </c>
      <c r="BP7" s="445">
        <v>14695</v>
      </c>
      <c r="BQ7" s="446">
        <v>134468</v>
      </c>
      <c r="BR7" s="447">
        <v>149163</v>
      </c>
      <c r="BS7" s="448">
        <v>0</v>
      </c>
      <c r="BT7" s="446">
        <v>1833540</v>
      </c>
      <c r="BU7" s="446">
        <v>4358297</v>
      </c>
      <c r="BV7" s="446">
        <v>8311939</v>
      </c>
      <c r="BW7" s="446">
        <v>6499460</v>
      </c>
      <c r="BX7" s="446">
        <v>3748151</v>
      </c>
      <c r="BY7" s="449">
        <v>24751387</v>
      </c>
      <c r="BZ7" s="450">
        <v>24900550</v>
      </c>
      <c r="CA7" s="445">
        <v>0</v>
      </c>
      <c r="CB7" s="446">
        <v>5337</v>
      </c>
      <c r="CC7" s="447">
        <v>5337</v>
      </c>
      <c r="CD7" s="448">
        <v>0</v>
      </c>
      <c r="CE7" s="446">
        <v>100979</v>
      </c>
      <c r="CF7" s="446">
        <v>281612</v>
      </c>
      <c r="CG7" s="446">
        <v>345289</v>
      </c>
      <c r="CH7" s="446">
        <v>417765</v>
      </c>
      <c r="CI7" s="446">
        <v>271825</v>
      </c>
      <c r="CJ7" s="449">
        <v>1417470</v>
      </c>
      <c r="CK7" s="450">
        <v>1422807</v>
      </c>
      <c r="CL7" s="445">
        <v>0</v>
      </c>
      <c r="CM7" s="446">
        <v>0</v>
      </c>
      <c r="CN7" s="447">
        <v>0</v>
      </c>
      <c r="CO7" s="448">
        <v>0</v>
      </c>
      <c r="CP7" s="446">
        <v>0</v>
      </c>
      <c r="CQ7" s="446">
        <v>0</v>
      </c>
      <c r="CR7" s="446">
        <v>0</v>
      </c>
      <c r="CS7" s="446">
        <v>0</v>
      </c>
      <c r="CT7" s="446">
        <v>0</v>
      </c>
      <c r="CU7" s="449">
        <v>0</v>
      </c>
      <c r="CV7" s="450">
        <v>0</v>
      </c>
      <c r="CW7" s="445">
        <v>0</v>
      </c>
      <c r="CX7" s="446">
        <v>0</v>
      </c>
      <c r="CY7" s="447">
        <v>0</v>
      </c>
      <c r="CZ7" s="451"/>
      <c r="DA7" s="446">
        <v>700</v>
      </c>
      <c r="DB7" s="446">
        <v>0</v>
      </c>
      <c r="DC7" s="446">
        <v>0</v>
      </c>
      <c r="DD7" s="446">
        <v>725</v>
      </c>
      <c r="DE7" s="446">
        <v>0</v>
      </c>
      <c r="DF7" s="449">
        <v>1425</v>
      </c>
      <c r="DG7" s="450">
        <v>1425</v>
      </c>
      <c r="DH7" s="445">
        <v>27493</v>
      </c>
      <c r="DI7" s="446">
        <v>170114</v>
      </c>
      <c r="DJ7" s="447">
        <v>197607</v>
      </c>
      <c r="DK7" s="448">
        <v>0</v>
      </c>
      <c r="DL7" s="446">
        <v>11646705</v>
      </c>
      <c r="DM7" s="446">
        <v>33565126</v>
      </c>
      <c r="DN7" s="446">
        <v>126723191</v>
      </c>
      <c r="DO7" s="446">
        <v>160148756</v>
      </c>
      <c r="DP7" s="446">
        <v>102070436</v>
      </c>
      <c r="DQ7" s="449">
        <v>434154214</v>
      </c>
      <c r="DR7" s="452">
        <v>434351821</v>
      </c>
      <c r="DS7" s="445">
        <v>0</v>
      </c>
      <c r="DT7" s="446">
        <v>0</v>
      </c>
      <c r="DU7" s="447">
        <v>0</v>
      </c>
      <c r="DV7" s="451"/>
      <c r="DW7" s="446">
        <v>5963308</v>
      </c>
      <c r="DX7" s="446">
        <v>20203603</v>
      </c>
      <c r="DY7" s="446">
        <v>104343210</v>
      </c>
      <c r="DZ7" s="446">
        <v>140341787</v>
      </c>
      <c r="EA7" s="446">
        <v>89448839</v>
      </c>
      <c r="EB7" s="449">
        <v>360300747</v>
      </c>
      <c r="EC7" s="450">
        <v>360300747</v>
      </c>
      <c r="ED7" s="445">
        <v>0</v>
      </c>
      <c r="EE7" s="446">
        <v>0</v>
      </c>
      <c r="EF7" s="447">
        <v>0</v>
      </c>
      <c r="EG7" s="451"/>
      <c r="EH7" s="446">
        <v>2587269</v>
      </c>
      <c r="EI7" s="446">
        <v>6052132</v>
      </c>
      <c r="EJ7" s="446">
        <v>6357923</v>
      </c>
      <c r="EK7" s="446">
        <v>6615947</v>
      </c>
      <c r="EL7" s="446">
        <v>4076978</v>
      </c>
      <c r="EM7" s="449">
        <v>25690249</v>
      </c>
      <c r="EN7" s="450">
        <v>25690249</v>
      </c>
      <c r="EO7" s="445">
        <v>0</v>
      </c>
      <c r="EP7" s="446">
        <v>0</v>
      </c>
      <c r="EQ7" s="447">
        <v>0</v>
      </c>
      <c r="ER7" s="451">
        <v>0</v>
      </c>
      <c r="ES7" s="446">
        <v>210</v>
      </c>
      <c r="ET7" s="446">
        <v>11310</v>
      </c>
      <c r="EU7" s="446">
        <v>630</v>
      </c>
      <c r="EV7" s="446">
        <v>122991</v>
      </c>
      <c r="EW7" s="446">
        <v>146542</v>
      </c>
      <c r="EX7" s="449">
        <v>281683</v>
      </c>
      <c r="EY7" s="450">
        <v>281683</v>
      </c>
      <c r="EZ7" s="445">
        <v>0</v>
      </c>
      <c r="FA7" s="446">
        <v>0</v>
      </c>
      <c r="FB7" s="447">
        <v>0</v>
      </c>
      <c r="FC7" s="451"/>
      <c r="FD7" s="446">
        <v>46339</v>
      </c>
      <c r="FE7" s="446">
        <v>46080</v>
      </c>
      <c r="FF7" s="446">
        <v>110875</v>
      </c>
      <c r="FG7" s="446">
        <v>303402</v>
      </c>
      <c r="FH7" s="446">
        <v>351322</v>
      </c>
      <c r="FI7" s="449">
        <v>858018</v>
      </c>
      <c r="FJ7" s="450">
        <v>858018</v>
      </c>
      <c r="FK7" s="445">
        <v>0</v>
      </c>
      <c r="FL7" s="446">
        <v>0</v>
      </c>
      <c r="FM7" s="447">
        <v>0</v>
      </c>
      <c r="FN7" s="451">
        <v>0</v>
      </c>
      <c r="FO7" s="446">
        <v>160860</v>
      </c>
      <c r="FP7" s="446">
        <v>372052</v>
      </c>
      <c r="FQ7" s="446">
        <v>2944927</v>
      </c>
      <c r="FR7" s="446">
        <v>2957939</v>
      </c>
      <c r="FS7" s="446">
        <v>2319464</v>
      </c>
      <c r="FT7" s="449">
        <v>8755242</v>
      </c>
      <c r="FU7" s="450">
        <v>8755242</v>
      </c>
      <c r="FV7" s="445">
        <v>27493</v>
      </c>
      <c r="FW7" s="446">
        <v>169276</v>
      </c>
      <c r="FX7" s="447">
        <v>196769</v>
      </c>
      <c r="FY7" s="448">
        <v>0</v>
      </c>
      <c r="FZ7" s="446">
        <v>2849657</v>
      </c>
      <c r="GA7" s="446">
        <v>6732985</v>
      </c>
      <c r="GB7" s="446">
        <v>12774292</v>
      </c>
      <c r="GC7" s="446">
        <v>9625698</v>
      </c>
      <c r="GD7" s="446">
        <v>5602028</v>
      </c>
      <c r="GE7" s="449">
        <v>37584660</v>
      </c>
      <c r="GF7" s="450">
        <v>37781429</v>
      </c>
      <c r="GG7" s="445">
        <v>0</v>
      </c>
      <c r="GH7" s="446">
        <v>838</v>
      </c>
      <c r="GI7" s="447">
        <v>838</v>
      </c>
      <c r="GJ7" s="448">
        <v>0</v>
      </c>
      <c r="GK7" s="446">
        <v>39020</v>
      </c>
      <c r="GL7" s="446">
        <v>146964</v>
      </c>
      <c r="GM7" s="446">
        <v>191334</v>
      </c>
      <c r="GN7" s="446">
        <v>178844</v>
      </c>
      <c r="GO7" s="446">
        <v>125263</v>
      </c>
      <c r="GP7" s="449">
        <v>681425</v>
      </c>
      <c r="GQ7" s="450">
        <v>682263</v>
      </c>
      <c r="GR7" s="445">
        <v>0</v>
      </c>
      <c r="GS7" s="446">
        <v>0</v>
      </c>
      <c r="GT7" s="447">
        <v>0</v>
      </c>
      <c r="GU7" s="448">
        <v>0</v>
      </c>
      <c r="GV7" s="446">
        <v>0</v>
      </c>
      <c r="GW7" s="446">
        <v>0</v>
      </c>
      <c r="GX7" s="446">
        <v>0</v>
      </c>
      <c r="GY7" s="446">
        <v>0</v>
      </c>
      <c r="GZ7" s="446">
        <v>0</v>
      </c>
      <c r="HA7" s="449">
        <v>0</v>
      </c>
      <c r="HB7" s="450">
        <v>0</v>
      </c>
      <c r="HC7" s="445">
        <v>0</v>
      </c>
      <c r="HD7" s="446">
        <v>0</v>
      </c>
      <c r="HE7" s="447">
        <v>0</v>
      </c>
      <c r="HF7" s="451"/>
      <c r="HG7" s="446">
        <v>42</v>
      </c>
      <c r="HH7" s="446">
        <v>0</v>
      </c>
      <c r="HI7" s="446">
        <v>0</v>
      </c>
      <c r="HJ7" s="446">
        <v>2148</v>
      </c>
      <c r="HK7" s="446">
        <v>0</v>
      </c>
      <c r="HL7" s="449">
        <v>2190</v>
      </c>
      <c r="HM7" s="450">
        <v>2190</v>
      </c>
      <c r="HN7" s="445">
        <v>42188</v>
      </c>
      <c r="HO7" s="446">
        <v>309919</v>
      </c>
      <c r="HP7" s="447">
        <v>352107</v>
      </c>
      <c r="HQ7" s="448">
        <v>0</v>
      </c>
      <c r="HR7" s="446">
        <v>31394768</v>
      </c>
      <c r="HS7" s="446">
        <v>74951595</v>
      </c>
      <c r="HT7" s="446">
        <v>245489674</v>
      </c>
      <c r="HU7" s="446">
        <v>311881952</v>
      </c>
      <c r="HV7" s="446">
        <v>200583843</v>
      </c>
      <c r="HW7" s="449">
        <v>864301832</v>
      </c>
      <c r="HX7" s="450">
        <v>864653939</v>
      </c>
    </row>
    <row r="8" spans="1:232" ht="16.5" customHeight="1" x14ac:dyDescent="0.2">
      <c r="A8" s="208" t="s">
        <v>5</v>
      </c>
      <c r="B8" s="426">
        <v>2730</v>
      </c>
      <c r="C8" s="427">
        <v>50238</v>
      </c>
      <c r="D8" s="428">
        <v>52968</v>
      </c>
      <c r="E8" s="429">
        <v>0</v>
      </c>
      <c r="F8" s="427">
        <v>7514131</v>
      </c>
      <c r="G8" s="427">
        <v>20541835</v>
      </c>
      <c r="H8" s="427">
        <v>49876408</v>
      </c>
      <c r="I8" s="427">
        <v>63939263</v>
      </c>
      <c r="J8" s="427">
        <v>42464338</v>
      </c>
      <c r="K8" s="430">
        <v>184335975</v>
      </c>
      <c r="L8" s="431">
        <v>184388943</v>
      </c>
      <c r="M8" s="426">
        <v>0</v>
      </c>
      <c r="N8" s="427">
        <v>0</v>
      </c>
      <c r="O8" s="428">
        <v>0</v>
      </c>
      <c r="P8" s="432"/>
      <c r="Q8" s="427">
        <v>2575408</v>
      </c>
      <c r="R8" s="427">
        <v>9124438</v>
      </c>
      <c r="S8" s="427">
        <v>34429715</v>
      </c>
      <c r="T8" s="427">
        <v>48752452</v>
      </c>
      <c r="U8" s="427">
        <v>33027984</v>
      </c>
      <c r="V8" s="430">
        <v>127909997</v>
      </c>
      <c r="W8" s="431">
        <v>127909997</v>
      </c>
      <c r="X8" s="426">
        <v>0</v>
      </c>
      <c r="Y8" s="427">
        <v>0</v>
      </c>
      <c r="Z8" s="428">
        <v>0</v>
      </c>
      <c r="AA8" s="432"/>
      <c r="AB8" s="427">
        <v>4410721</v>
      </c>
      <c r="AC8" s="427">
        <v>9483109</v>
      </c>
      <c r="AD8" s="427">
        <v>11903231</v>
      </c>
      <c r="AE8" s="427">
        <v>11366522</v>
      </c>
      <c r="AF8" s="427">
        <v>6730379</v>
      </c>
      <c r="AG8" s="430">
        <v>43893962</v>
      </c>
      <c r="AH8" s="431">
        <v>43893962</v>
      </c>
      <c r="AI8" s="426">
        <v>0</v>
      </c>
      <c r="AJ8" s="427">
        <v>0</v>
      </c>
      <c r="AK8" s="428">
        <v>0</v>
      </c>
      <c r="AL8" s="432"/>
      <c r="AM8" s="427">
        <v>0</v>
      </c>
      <c r="AN8" s="427">
        <v>34350</v>
      </c>
      <c r="AO8" s="427">
        <v>2550</v>
      </c>
      <c r="AP8" s="427">
        <v>195610</v>
      </c>
      <c r="AQ8" s="427">
        <v>269415</v>
      </c>
      <c r="AR8" s="430">
        <v>501925</v>
      </c>
      <c r="AS8" s="431">
        <v>501925</v>
      </c>
      <c r="AT8" s="426">
        <v>0</v>
      </c>
      <c r="AU8" s="427">
        <v>0</v>
      </c>
      <c r="AV8" s="428">
        <v>0</v>
      </c>
      <c r="AW8" s="432"/>
      <c r="AX8" s="427">
        <v>34350</v>
      </c>
      <c r="AY8" s="427">
        <v>34350</v>
      </c>
      <c r="AZ8" s="427">
        <v>63495</v>
      </c>
      <c r="BA8" s="427">
        <v>336410</v>
      </c>
      <c r="BB8" s="427">
        <v>530565</v>
      </c>
      <c r="BC8" s="430">
        <v>999170</v>
      </c>
      <c r="BD8" s="431">
        <v>999170</v>
      </c>
      <c r="BE8" s="426">
        <v>0</v>
      </c>
      <c r="BF8" s="427">
        <v>0</v>
      </c>
      <c r="BG8" s="428">
        <v>0</v>
      </c>
      <c r="BH8" s="432"/>
      <c r="BI8" s="427">
        <v>36750</v>
      </c>
      <c r="BJ8" s="427">
        <v>88205</v>
      </c>
      <c r="BK8" s="427">
        <v>281419</v>
      </c>
      <c r="BL8" s="427">
        <v>340640</v>
      </c>
      <c r="BM8" s="427">
        <v>268040</v>
      </c>
      <c r="BN8" s="430">
        <v>1015054</v>
      </c>
      <c r="BO8" s="431">
        <v>1015054</v>
      </c>
      <c r="BP8" s="426">
        <v>2730</v>
      </c>
      <c r="BQ8" s="427">
        <v>47431</v>
      </c>
      <c r="BR8" s="428">
        <v>50161</v>
      </c>
      <c r="BS8" s="429">
        <v>0</v>
      </c>
      <c r="BT8" s="427">
        <v>409927</v>
      </c>
      <c r="BU8" s="427">
        <v>1610618</v>
      </c>
      <c r="BV8" s="427">
        <v>3054332</v>
      </c>
      <c r="BW8" s="427">
        <v>2677371</v>
      </c>
      <c r="BX8" s="427">
        <v>1478615</v>
      </c>
      <c r="BY8" s="430">
        <v>9230863</v>
      </c>
      <c r="BZ8" s="431">
        <v>9281024</v>
      </c>
      <c r="CA8" s="426">
        <v>0</v>
      </c>
      <c r="CB8" s="427">
        <v>2807</v>
      </c>
      <c r="CC8" s="428">
        <v>2807</v>
      </c>
      <c r="CD8" s="429">
        <v>0</v>
      </c>
      <c r="CE8" s="427">
        <v>46975</v>
      </c>
      <c r="CF8" s="427">
        <v>166765</v>
      </c>
      <c r="CG8" s="427">
        <v>141666</v>
      </c>
      <c r="CH8" s="427">
        <v>270258</v>
      </c>
      <c r="CI8" s="427">
        <v>159340</v>
      </c>
      <c r="CJ8" s="430">
        <v>785004</v>
      </c>
      <c r="CK8" s="431">
        <v>787811</v>
      </c>
      <c r="CL8" s="426">
        <v>0</v>
      </c>
      <c r="CM8" s="427">
        <v>0</v>
      </c>
      <c r="CN8" s="428">
        <v>0</v>
      </c>
      <c r="CO8" s="429">
        <v>0</v>
      </c>
      <c r="CP8" s="427">
        <v>0</v>
      </c>
      <c r="CQ8" s="427">
        <v>0</v>
      </c>
      <c r="CR8" s="427">
        <v>0</v>
      </c>
      <c r="CS8" s="427">
        <v>0</v>
      </c>
      <c r="CT8" s="427">
        <v>0</v>
      </c>
      <c r="CU8" s="430">
        <v>0</v>
      </c>
      <c r="CV8" s="431">
        <v>0</v>
      </c>
      <c r="CW8" s="426">
        <v>0</v>
      </c>
      <c r="CX8" s="427">
        <v>0</v>
      </c>
      <c r="CY8" s="428">
        <v>0</v>
      </c>
      <c r="CZ8" s="432"/>
      <c r="DA8" s="427">
        <v>0</v>
      </c>
      <c r="DB8" s="427">
        <v>0</v>
      </c>
      <c r="DC8" s="427">
        <v>0</v>
      </c>
      <c r="DD8" s="427">
        <v>0</v>
      </c>
      <c r="DE8" s="427">
        <v>0</v>
      </c>
      <c r="DF8" s="430">
        <v>0</v>
      </c>
      <c r="DG8" s="431">
        <v>0</v>
      </c>
      <c r="DH8" s="426">
        <v>7322</v>
      </c>
      <c r="DI8" s="427">
        <v>65570</v>
      </c>
      <c r="DJ8" s="428">
        <v>72892</v>
      </c>
      <c r="DK8" s="429">
        <v>0</v>
      </c>
      <c r="DL8" s="427">
        <v>5430625</v>
      </c>
      <c r="DM8" s="427">
        <v>19772945</v>
      </c>
      <c r="DN8" s="427">
        <v>55226460</v>
      </c>
      <c r="DO8" s="427">
        <v>70763626</v>
      </c>
      <c r="DP8" s="427">
        <v>45911447</v>
      </c>
      <c r="DQ8" s="430">
        <v>197105103</v>
      </c>
      <c r="DR8" s="433">
        <v>197177995</v>
      </c>
      <c r="DS8" s="426">
        <v>0</v>
      </c>
      <c r="DT8" s="427">
        <v>0</v>
      </c>
      <c r="DU8" s="428">
        <v>0</v>
      </c>
      <c r="DV8" s="432"/>
      <c r="DW8" s="427">
        <v>3256550</v>
      </c>
      <c r="DX8" s="427">
        <v>13039456</v>
      </c>
      <c r="DY8" s="427">
        <v>46402703</v>
      </c>
      <c r="DZ8" s="427">
        <v>62302548</v>
      </c>
      <c r="EA8" s="427">
        <v>40440721</v>
      </c>
      <c r="EB8" s="430">
        <v>165441978</v>
      </c>
      <c r="EC8" s="431">
        <v>165441978</v>
      </c>
      <c r="ED8" s="426">
        <v>0</v>
      </c>
      <c r="EE8" s="427">
        <v>0</v>
      </c>
      <c r="EF8" s="428">
        <v>0</v>
      </c>
      <c r="EG8" s="432"/>
      <c r="EH8" s="427">
        <v>1280292</v>
      </c>
      <c r="EI8" s="427">
        <v>3657742</v>
      </c>
      <c r="EJ8" s="427">
        <v>3454189</v>
      </c>
      <c r="EK8" s="427">
        <v>3580581</v>
      </c>
      <c r="EL8" s="427">
        <v>2615170</v>
      </c>
      <c r="EM8" s="430">
        <v>14587974</v>
      </c>
      <c r="EN8" s="431">
        <v>14587974</v>
      </c>
      <c r="EO8" s="426">
        <v>0</v>
      </c>
      <c r="EP8" s="427">
        <v>0</v>
      </c>
      <c r="EQ8" s="428">
        <v>0</v>
      </c>
      <c r="ER8" s="432">
        <v>0</v>
      </c>
      <c r="ES8" s="427">
        <v>0</v>
      </c>
      <c r="ET8" s="427">
        <v>11310</v>
      </c>
      <c r="EU8" s="427">
        <v>210</v>
      </c>
      <c r="EV8" s="427">
        <v>26638</v>
      </c>
      <c r="EW8" s="427">
        <v>15363</v>
      </c>
      <c r="EX8" s="430">
        <v>53521</v>
      </c>
      <c r="EY8" s="431">
        <v>53521</v>
      </c>
      <c r="EZ8" s="426">
        <v>0</v>
      </c>
      <c r="FA8" s="427">
        <v>0</v>
      </c>
      <c r="FB8" s="428">
        <v>0</v>
      </c>
      <c r="FC8" s="432"/>
      <c r="FD8" s="427">
        <v>11310</v>
      </c>
      <c r="FE8" s="427">
        <v>11310</v>
      </c>
      <c r="FF8" s="427">
        <v>19647</v>
      </c>
      <c r="FG8" s="427">
        <v>76489</v>
      </c>
      <c r="FH8" s="427">
        <v>83539</v>
      </c>
      <c r="FI8" s="430">
        <v>202295</v>
      </c>
      <c r="FJ8" s="431">
        <v>202295</v>
      </c>
      <c r="FK8" s="426">
        <v>0</v>
      </c>
      <c r="FL8" s="427">
        <v>0</v>
      </c>
      <c r="FM8" s="428">
        <v>0</v>
      </c>
      <c r="FN8" s="432">
        <v>0</v>
      </c>
      <c r="FO8" s="427">
        <v>77340</v>
      </c>
      <c r="FP8" s="427">
        <v>93226</v>
      </c>
      <c r="FQ8" s="427">
        <v>565060</v>
      </c>
      <c r="FR8" s="427">
        <v>434564</v>
      </c>
      <c r="FS8" s="427">
        <v>396200</v>
      </c>
      <c r="FT8" s="430">
        <v>1566390</v>
      </c>
      <c r="FU8" s="431">
        <v>1566390</v>
      </c>
      <c r="FV8" s="426">
        <v>7322</v>
      </c>
      <c r="FW8" s="427">
        <v>65514</v>
      </c>
      <c r="FX8" s="428">
        <v>72836</v>
      </c>
      <c r="FY8" s="429">
        <v>0</v>
      </c>
      <c r="FZ8" s="427">
        <v>786002</v>
      </c>
      <c r="GA8" s="427">
        <v>2857336</v>
      </c>
      <c r="GB8" s="427">
        <v>4707686</v>
      </c>
      <c r="GC8" s="427">
        <v>4228535</v>
      </c>
      <c r="GD8" s="427">
        <v>2293716</v>
      </c>
      <c r="GE8" s="430">
        <v>14873275</v>
      </c>
      <c r="GF8" s="431">
        <v>14946111</v>
      </c>
      <c r="GG8" s="426">
        <v>0</v>
      </c>
      <c r="GH8" s="427">
        <v>56</v>
      </c>
      <c r="GI8" s="428">
        <v>56</v>
      </c>
      <c r="GJ8" s="429">
        <v>0</v>
      </c>
      <c r="GK8" s="427">
        <v>19131</v>
      </c>
      <c r="GL8" s="427">
        <v>102565</v>
      </c>
      <c r="GM8" s="427">
        <v>76965</v>
      </c>
      <c r="GN8" s="427">
        <v>114271</v>
      </c>
      <c r="GO8" s="427">
        <v>66738</v>
      </c>
      <c r="GP8" s="430">
        <v>379670</v>
      </c>
      <c r="GQ8" s="431">
        <v>379726</v>
      </c>
      <c r="GR8" s="426">
        <v>0</v>
      </c>
      <c r="GS8" s="427">
        <v>0</v>
      </c>
      <c r="GT8" s="428">
        <v>0</v>
      </c>
      <c r="GU8" s="429">
        <v>0</v>
      </c>
      <c r="GV8" s="427">
        <v>0</v>
      </c>
      <c r="GW8" s="427">
        <v>0</v>
      </c>
      <c r="GX8" s="427">
        <v>0</v>
      </c>
      <c r="GY8" s="427">
        <v>0</v>
      </c>
      <c r="GZ8" s="427">
        <v>0</v>
      </c>
      <c r="HA8" s="430">
        <v>0</v>
      </c>
      <c r="HB8" s="431">
        <v>0</v>
      </c>
      <c r="HC8" s="426">
        <v>0</v>
      </c>
      <c r="HD8" s="427">
        <v>0</v>
      </c>
      <c r="HE8" s="428">
        <v>0</v>
      </c>
      <c r="HF8" s="432"/>
      <c r="HG8" s="427">
        <v>0</v>
      </c>
      <c r="HH8" s="427">
        <v>0</v>
      </c>
      <c r="HI8" s="427">
        <v>0</v>
      </c>
      <c r="HJ8" s="427">
        <v>0</v>
      </c>
      <c r="HK8" s="427">
        <v>0</v>
      </c>
      <c r="HL8" s="430">
        <v>0</v>
      </c>
      <c r="HM8" s="431">
        <v>0</v>
      </c>
      <c r="HN8" s="426">
        <v>10052</v>
      </c>
      <c r="HO8" s="427">
        <v>115808</v>
      </c>
      <c r="HP8" s="428">
        <v>125860</v>
      </c>
      <c r="HQ8" s="429">
        <v>0</v>
      </c>
      <c r="HR8" s="427">
        <v>12944756</v>
      </c>
      <c r="HS8" s="427">
        <v>40314780</v>
      </c>
      <c r="HT8" s="427">
        <v>105102868</v>
      </c>
      <c r="HU8" s="427">
        <v>134702889</v>
      </c>
      <c r="HV8" s="427">
        <v>88375785</v>
      </c>
      <c r="HW8" s="430">
        <v>381441078</v>
      </c>
      <c r="HX8" s="431">
        <v>381566938</v>
      </c>
    </row>
    <row r="9" spans="1:232" ht="16.5" customHeight="1" x14ac:dyDescent="0.2">
      <c r="A9" s="208" t="s">
        <v>6</v>
      </c>
      <c r="B9" s="426">
        <v>340</v>
      </c>
      <c r="C9" s="427">
        <v>26815</v>
      </c>
      <c r="D9" s="428">
        <v>27155</v>
      </c>
      <c r="E9" s="429">
        <v>0</v>
      </c>
      <c r="F9" s="427">
        <v>3064551</v>
      </c>
      <c r="G9" s="427">
        <v>5029971</v>
      </c>
      <c r="H9" s="427">
        <v>14676784</v>
      </c>
      <c r="I9" s="427">
        <v>20495911</v>
      </c>
      <c r="J9" s="427">
        <v>13960017</v>
      </c>
      <c r="K9" s="430">
        <v>57227234</v>
      </c>
      <c r="L9" s="431">
        <v>57254389</v>
      </c>
      <c r="M9" s="426">
        <v>0</v>
      </c>
      <c r="N9" s="427">
        <v>0</v>
      </c>
      <c r="O9" s="428">
        <v>0</v>
      </c>
      <c r="P9" s="432"/>
      <c r="Q9" s="427">
        <v>1062670</v>
      </c>
      <c r="R9" s="427">
        <v>1887395</v>
      </c>
      <c r="S9" s="427">
        <v>10503030</v>
      </c>
      <c r="T9" s="427">
        <v>13917344</v>
      </c>
      <c r="U9" s="427">
        <v>10531250</v>
      </c>
      <c r="V9" s="430">
        <v>37901689</v>
      </c>
      <c r="W9" s="431">
        <v>37901689</v>
      </c>
      <c r="X9" s="426">
        <v>0</v>
      </c>
      <c r="Y9" s="427">
        <v>0</v>
      </c>
      <c r="Z9" s="428">
        <v>0</v>
      </c>
      <c r="AA9" s="432"/>
      <c r="AB9" s="427">
        <v>1584295</v>
      </c>
      <c r="AC9" s="427">
        <v>2479194</v>
      </c>
      <c r="AD9" s="427">
        <v>3038680</v>
      </c>
      <c r="AE9" s="427">
        <v>4519878</v>
      </c>
      <c r="AF9" s="427">
        <v>2007159</v>
      </c>
      <c r="AG9" s="430">
        <v>13629206</v>
      </c>
      <c r="AH9" s="431">
        <v>13629206</v>
      </c>
      <c r="AI9" s="426">
        <v>0</v>
      </c>
      <c r="AJ9" s="427">
        <v>0</v>
      </c>
      <c r="AK9" s="428">
        <v>0</v>
      </c>
      <c r="AL9" s="432"/>
      <c r="AM9" s="427">
        <v>2550</v>
      </c>
      <c r="AN9" s="427">
        <v>0</v>
      </c>
      <c r="AO9" s="427">
        <v>2550</v>
      </c>
      <c r="AP9" s="427">
        <v>407355</v>
      </c>
      <c r="AQ9" s="427">
        <v>477270</v>
      </c>
      <c r="AR9" s="430">
        <v>889725</v>
      </c>
      <c r="AS9" s="431">
        <v>889725</v>
      </c>
      <c r="AT9" s="426">
        <v>0</v>
      </c>
      <c r="AU9" s="427">
        <v>0</v>
      </c>
      <c r="AV9" s="428">
        <v>0</v>
      </c>
      <c r="AW9" s="432"/>
      <c r="AX9" s="427">
        <v>0</v>
      </c>
      <c r="AY9" s="427">
        <v>0</v>
      </c>
      <c r="AZ9" s="427">
        <v>31500</v>
      </c>
      <c r="BA9" s="427">
        <v>309440</v>
      </c>
      <c r="BB9" s="427">
        <v>361460</v>
      </c>
      <c r="BC9" s="430">
        <v>702400</v>
      </c>
      <c r="BD9" s="431">
        <v>702400</v>
      </c>
      <c r="BE9" s="426">
        <v>0</v>
      </c>
      <c r="BF9" s="427">
        <v>0</v>
      </c>
      <c r="BG9" s="428">
        <v>0</v>
      </c>
      <c r="BH9" s="432"/>
      <c r="BI9" s="427">
        <v>26400</v>
      </c>
      <c r="BJ9" s="427">
        <v>63300</v>
      </c>
      <c r="BK9" s="427">
        <v>221265</v>
      </c>
      <c r="BL9" s="427">
        <v>465285</v>
      </c>
      <c r="BM9" s="427">
        <v>222665</v>
      </c>
      <c r="BN9" s="430">
        <v>998915</v>
      </c>
      <c r="BO9" s="431">
        <v>998915</v>
      </c>
      <c r="BP9" s="426">
        <v>340</v>
      </c>
      <c r="BQ9" s="427">
        <v>26815</v>
      </c>
      <c r="BR9" s="428">
        <v>27155</v>
      </c>
      <c r="BS9" s="429">
        <v>0</v>
      </c>
      <c r="BT9" s="427">
        <v>366826</v>
      </c>
      <c r="BU9" s="427">
        <v>556560</v>
      </c>
      <c r="BV9" s="427">
        <v>828184</v>
      </c>
      <c r="BW9" s="427">
        <v>837258</v>
      </c>
      <c r="BX9" s="427">
        <v>302753</v>
      </c>
      <c r="BY9" s="430">
        <v>2891581</v>
      </c>
      <c r="BZ9" s="431">
        <v>2918736</v>
      </c>
      <c r="CA9" s="426">
        <v>0</v>
      </c>
      <c r="CB9" s="427">
        <v>0</v>
      </c>
      <c r="CC9" s="428">
        <v>0</v>
      </c>
      <c r="CD9" s="429">
        <v>0</v>
      </c>
      <c r="CE9" s="427">
        <v>21810</v>
      </c>
      <c r="CF9" s="427">
        <v>43522</v>
      </c>
      <c r="CG9" s="427">
        <v>51575</v>
      </c>
      <c r="CH9" s="427">
        <v>39351</v>
      </c>
      <c r="CI9" s="427">
        <v>57460</v>
      </c>
      <c r="CJ9" s="430">
        <v>213718</v>
      </c>
      <c r="CK9" s="431">
        <v>213718</v>
      </c>
      <c r="CL9" s="426">
        <v>0</v>
      </c>
      <c r="CM9" s="427">
        <v>0</v>
      </c>
      <c r="CN9" s="428">
        <v>0</v>
      </c>
      <c r="CO9" s="429">
        <v>0</v>
      </c>
      <c r="CP9" s="427">
        <v>0</v>
      </c>
      <c r="CQ9" s="427">
        <v>0</v>
      </c>
      <c r="CR9" s="427">
        <v>0</v>
      </c>
      <c r="CS9" s="427">
        <v>0</v>
      </c>
      <c r="CT9" s="427">
        <v>0</v>
      </c>
      <c r="CU9" s="430">
        <v>0</v>
      </c>
      <c r="CV9" s="431">
        <v>0</v>
      </c>
      <c r="CW9" s="426">
        <v>0</v>
      </c>
      <c r="CX9" s="427">
        <v>0</v>
      </c>
      <c r="CY9" s="428">
        <v>0</v>
      </c>
      <c r="CZ9" s="432"/>
      <c r="DA9" s="427">
        <v>0</v>
      </c>
      <c r="DB9" s="427">
        <v>0</v>
      </c>
      <c r="DC9" s="427">
        <v>0</v>
      </c>
      <c r="DD9" s="427">
        <v>0</v>
      </c>
      <c r="DE9" s="427">
        <v>0</v>
      </c>
      <c r="DF9" s="430">
        <v>0</v>
      </c>
      <c r="DG9" s="431">
        <v>0</v>
      </c>
      <c r="DH9" s="426">
        <v>1053</v>
      </c>
      <c r="DI9" s="427">
        <v>34303</v>
      </c>
      <c r="DJ9" s="428">
        <v>35356</v>
      </c>
      <c r="DK9" s="429">
        <v>0</v>
      </c>
      <c r="DL9" s="427">
        <v>1787790</v>
      </c>
      <c r="DM9" s="427">
        <v>3440617</v>
      </c>
      <c r="DN9" s="427">
        <v>13942553</v>
      </c>
      <c r="DO9" s="427">
        <v>18162029</v>
      </c>
      <c r="DP9" s="427">
        <v>12394268</v>
      </c>
      <c r="DQ9" s="430">
        <v>49727257</v>
      </c>
      <c r="DR9" s="433">
        <v>49762613</v>
      </c>
      <c r="DS9" s="426">
        <v>0</v>
      </c>
      <c r="DT9" s="427">
        <v>0</v>
      </c>
      <c r="DU9" s="428">
        <v>0</v>
      </c>
      <c r="DV9" s="432"/>
      <c r="DW9" s="427">
        <v>915642</v>
      </c>
      <c r="DX9" s="427">
        <v>2095911</v>
      </c>
      <c r="DY9" s="427">
        <v>11472456</v>
      </c>
      <c r="DZ9" s="427">
        <v>14983512</v>
      </c>
      <c r="EA9" s="427">
        <v>10776260</v>
      </c>
      <c r="EB9" s="430">
        <v>40243781</v>
      </c>
      <c r="EC9" s="431">
        <v>40243781</v>
      </c>
      <c r="ED9" s="426">
        <v>0</v>
      </c>
      <c r="EE9" s="427">
        <v>0</v>
      </c>
      <c r="EF9" s="428">
        <v>0</v>
      </c>
      <c r="EG9" s="432"/>
      <c r="EH9" s="427">
        <v>379313</v>
      </c>
      <c r="EI9" s="427">
        <v>580410</v>
      </c>
      <c r="EJ9" s="427">
        <v>725459</v>
      </c>
      <c r="EK9" s="427">
        <v>1121055</v>
      </c>
      <c r="EL9" s="427">
        <v>493998</v>
      </c>
      <c r="EM9" s="430">
        <v>3300235</v>
      </c>
      <c r="EN9" s="431">
        <v>3300235</v>
      </c>
      <c r="EO9" s="426">
        <v>0</v>
      </c>
      <c r="EP9" s="427">
        <v>0</v>
      </c>
      <c r="EQ9" s="428">
        <v>0</v>
      </c>
      <c r="ER9" s="432">
        <v>0</v>
      </c>
      <c r="ES9" s="427">
        <v>210</v>
      </c>
      <c r="ET9" s="427">
        <v>0</v>
      </c>
      <c r="EU9" s="427">
        <v>210</v>
      </c>
      <c r="EV9" s="427">
        <v>60113</v>
      </c>
      <c r="EW9" s="427">
        <v>93406</v>
      </c>
      <c r="EX9" s="430">
        <v>153939</v>
      </c>
      <c r="EY9" s="431">
        <v>153939</v>
      </c>
      <c r="EZ9" s="426">
        <v>0</v>
      </c>
      <c r="FA9" s="427">
        <v>0</v>
      </c>
      <c r="FB9" s="428">
        <v>0</v>
      </c>
      <c r="FC9" s="432"/>
      <c r="FD9" s="427">
        <v>0</v>
      </c>
      <c r="FE9" s="427">
        <v>0</v>
      </c>
      <c r="FF9" s="427">
        <v>5895</v>
      </c>
      <c r="FG9" s="427">
        <v>56576</v>
      </c>
      <c r="FH9" s="427">
        <v>58699</v>
      </c>
      <c r="FI9" s="430">
        <v>121170</v>
      </c>
      <c r="FJ9" s="431">
        <v>121170</v>
      </c>
      <c r="FK9" s="426">
        <v>0</v>
      </c>
      <c r="FL9" s="427">
        <v>0</v>
      </c>
      <c r="FM9" s="428">
        <v>0</v>
      </c>
      <c r="FN9" s="432">
        <v>0</v>
      </c>
      <c r="FO9" s="427">
        <v>41760</v>
      </c>
      <c r="FP9" s="427">
        <v>71160</v>
      </c>
      <c r="FQ9" s="427">
        <v>443388</v>
      </c>
      <c r="FR9" s="427">
        <v>911946</v>
      </c>
      <c r="FS9" s="427">
        <v>446478</v>
      </c>
      <c r="FT9" s="430">
        <v>1914732</v>
      </c>
      <c r="FU9" s="431">
        <v>1914732</v>
      </c>
      <c r="FV9" s="426">
        <v>1053</v>
      </c>
      <c r="FW9" s="427">
        <v>34303</v>
      </c>
      <c r="FX9" s="428">
        <v>35356</v>
      </c>
      <c r="FY9" s="429">
        <v>0</v>
      </c>
      <c r="FZ9" s="427">
        <v>447863</v>
      </c>
      <c r="GA9" s="427">
        <v>676970</v>
      </c>
      <c r="GB9" s="427">
        <v>1266412</v>
      </c>
      <c r="GC9" s="427">
        <v>996563</v>
      </c>
      <c r="GD9" s="427">
        <v>488328</v>
      </c>
      <c r="GE9" s="430">
        <v>3876136</v>
      </c>
      <c r="GF9" s="431">
        <v>3911492</v>
      </c>
      <c r="GG9" s="426">
        <v>0</v>
      </c>
      <c r="GH9" s="427">
        <v>0</v>
      </c>
      <c r="GI9" s="428">
        <v>0</v>
      </c>
      <c r="GJ9" s="429">
        <v>0</v>
      </c>
      <c r="GK9" s="427">
        <v>3002</v>
      </c>
      <c r="GL9" s="427">
        <v>16166</v>
      </c>
      <c r="GM9" s="427">
        <v>28733</v>
      </c>
      <c r="GN9" s="427">
        <v>32264</v>
      </c>
      <c r="GO9" s="427">
        <v>37099</v>
      </c>
      <c r="GP9" s="430">
        <v>117264</v>
      </c>
      <c r="GQ9" s="431">
        <v>117264</v>
      </c>
      <c r="GR9" s="426">
        <v>0</v>
      </c>
      <c r="GS9" s="427">
        <v>0</v>
      </c>
      <c r="GT9" s="428">
        <v>0</v>
      </c>
      <c r="GU9" s="429">
        <v>0</v>
      </c>
      <c r="GV9" s="427">
        <v>0</v>
      </c>
      <c r="GW9" s="427">
        <v>0</v>
      </c>
      <c r="GX9" s="427">
        <v>0</v>
      </c>
      <c r="GY9" s="427">
        <v>0</v>
      </c>
      <c r="GZ9" s="427">
        <v>0</v>
      </c>
      <c r="HA9" s="430">
        <v>0</v>
      </c>
      <c r="HB9" s="431">
        <v>0</v>
      </c>
      <c r="HC9" s="426">
        <v>0</v>
      </c>
      <c r="HD9" s="427">
        <v>0</v>
      </c>
      <c r="HE9" s="428">
        <v>0</v>
      </c>
      <c r="HF9" s="432"/>
      <c r="HG9" s="427">
        <v>0</v>
      </c>
      <c r="HH9" s="427">
        <v>0</v>
      </c>
      <c r="HI9" s="427">
        <v>0</v>
      </c>
      <c r="HJ9" s="427">
        <v>0</v>
      </c>
      <c r="HK9" s="427">
        <v>0</v>
      </c>
      <c r="HL9" s="430">
        <v>0</v>
      </c>
      <c r="HM9" s="431">
        <v>0</v>
      </c>
      <c r="HN9" s="426">
        <v>1393</v>
      </c>
      <c r="HO9" s="427">
        <v>61118</v>
      </c>
      <c r="HP9" s="428">
        <v>62511</v>
      </c>
      <c r="HQ9" s="429">
        <v>0</v>
      </c>
      <c r="HR9" s="427">
        <v>4852341</v>
      </c>
      <c r="HS9" s="427">
        <v>8470588</v>
      </c>
      <c r="HT9" s="427">
        <v>28619337</v>
      </c>
      <c r="HU9" s="427">
        <v>38657940</v>
      </c>
      <c r="HV9" s="427">
        <v>26354285</v>
      </c>
      <c r="HW9" s="430">
        <v>106954491</v>
      </c>
      <c r="HX9" s="431">
        <v>107017002</v>
      </c>
    </row>
    <row r="10" spans="1:232" ht="16.5" customHeight="1" x14ac:dyDescent="0.2">
      <c r="A10" s="208" t="s">
        <v>14</v>
      </c>
      <c r="B10" s="426">
        <v>0</v>
      </c>
      <c r="C10" s="427">
        <v>37665</v>
      </c>
      <c r="D10" s="428">
        <v>37665</v>
      </c>
      <c r="E10" s="429">
        <v>0</v>
      </c>
      <c r="F10" s="427">
        <v>1185371</v>
      </c>
      <c r="G10" s="427">
        <v>2172987</v>
      </c>
      <c r="H10" s="427">
        <v>9084048</v>
      </c>
      <c r="I10" s="427">
        <v>12177651</v>
      </c>
      <c r="J10" s="427">
        <v>6943363</v>
      </c>
      <c r="K10" s="430">
        <v>31563420</v>
      </c>
      <c r="L10" s="431">
        <v>31601085</v>
      </c>
      <c r="M10" s="426">
        <v>0</v>
      </c>
      <c r="N10" s="427">
        <v>0</v>
      </c>
      <c r="O10" s="428">
        <v>0</v>
      </c>
      <c r="P10" s="432"/>
      <c r="Q10" s="427">
        <v>229062</v>
      </c>
      <c r="R10" s="427">
        <v>492405</v>
      </c>
      <c r="S10" s="427">
        <v>6216608</v>
      </c>
      <c r="T10" s="427">
        <v>8920882</v>
      </c>
      <c r="U10" s="427">
        <v>5096070</v>
      </c>
      <c r="V10" s="430">
        <v>20955027</v>
      </c>
      <c r="W10" s="431">
        <v>20955027</v>
      </c>
      <c r="X10" s="426">
        <v>0</v>
      </c>
      <c r="Y10" s="427">
        <v>0</v>
      </c>
      <c r="Z10" s="428">
        <v>0</v>
      </c>
      <c r="AA10" s="432"/>
      <c r="AB10" s="427">
        <v>800315</v>
      </c>
      <c r="AC10" s="427">
        <v>1393039</v>
      </c>
      <c r="AD10" s="427">
        <v>2013688</v>
      </c>
      <c r="AE10" s="427">
        <v>1681390</v>
      </c>
      <c r="AF10" s="427">
        <v>1026536</v>
      </c>
      <c r="AG10" s="430">
        <v>6914968</v>
      </c>
      <c r="AH10" s="431">
        <v>6914968</v>
      </c>
      <c r="AI10" s="426">
        <v>0</v>
      </c>
      <c r="AJ10" s="427">
        <v>0</v>
      </c>
      <c r="AK10" s="428">
        <v>0</v>
      </c>
      <c r="AL10" s="432"/>
      <c r="AM10" s="427">
        <v>0</v>
      </c>
      <c r="AN10" s="427">
        <v>0</v>
      </c>
      <c r="AO10" s="427">
        <v>0</v>
      </c>
      <c r="AP10" s="427">
        <v>237450</v>
      </c>
      <c r="AQ10" s="427">
        <v>76815</v>
      </c>
      <c r="AR10" s="430">
        <v>314265</v>
      </c>
      <c r="AS10" s="431">
        <v>314265</v>
      </c>
      <c r="AT10" s="426">
        <v>0</v>
      </c>
      <c r="AU10" s="427">
        <v>0</v>
      </c>
      <c r="AV10" s="428">
        <v>0</v>
      </c>
      <c r="AW10" s="432"/>
      <c r="AX10" s="427">
        <v>0</v>
      </c>
      <c r="AY10" s="427">
        <v>0</v>
      </c>
      <c r="AZ10" s="427">
        <v>29575</v>
      </c>
      <c r="BA10" s="427">
        <v>610860</v>
      </c>
      <c r="BB10" s="427">
        <v>382970</v>
      </c>
      <c r="BC10" s="430">
        <v>1023405</v>
      </c>
      <c r="BD10" s="431">
        <v>1023405</v>
      </c>
      <c r="BE10" s="426">
        <v>0</v>
      </c>
      <c r="BF10" s="427">
        <v>0</v>
      </c>
      <c r="BG10" s="428">
        <v>0</v>
      </c>
      <c r="BH10" s="432"/>
      <c r="BI10" s="427">
        <v>0</v>
      </c>
      <c r="BJ10" s="427">
        <v>23305</v>
      </c>
      <c r="BK10" s="427">
        <v>74115</v>
      </c>
      <c r="BL10" s="427">
        <v>108555</v>
      </c>
      <c r="BM10" s="427">
        <v>34200</v>
      </c>
      <c r="BN10" s="430">
        <v>240175</v>
      </c>
      <c r="BO10" s="431">
        <v>240175</v>
      </c>
      <c r="BP10" s="426">
        <v>0</v>
      </c>
      <c r="BQ10" s="427">
        <v>37665</v>
      </c>
      <c r="BR10" s="428">
        <v>37665</v>
      </c>
      <c r="BS10" s="429">
        <v>0</v>
      </c>
      <c r="BT10" s="427">
        <v>155994</v>
      </c>
      <c r="BU10" s="427">
        <v>263658</v>
      </c>
      <c r="BV10" s="427">
        <v>742812</v>
      </c>
      <c r="BW10" s="427">
        <v>593576</v>
      </c>
      <c r="BX10" s="427">
        <v>324686</v>
      </c>
      <c r="BY10" s="430">
        <v>2080726</v>
      </c>
      <c r="BZ10" s="431">
        <v>2118391</v>
      </c>
      <c r="CA10" s="426">
        <v>0</v>
      </c>
      <c r="CB10" s="427">
        <v>0</v>
      </c>
      <c r="CC10" s="428">
        <v>0</v>
      </c>
      <c r="CD10" s="429">
        <v>0</v>
      </c>
      <c r="CE10" s="427">
        <v>0</v>
      </c>
      <c r="CF10" s="427">
        <v>580</v>
      </c>
      <c r="CG10" s="427">
        <v>7250</v>
      </c>
      <c r="CH10" s="427">
        <v>24213</v>
      </c>
      <c r="CI10" s="427">
        <v>2086</v>
      </c>
      <c r="CJ10" s="430">
        <v>34129</v>
      </c>
      <c r="CK10" s="431">
        <v>34129</v>
      </c>
      <c r="CL10" s="426">
        <v>0</v>
      </c>
      <c r="CM10" s="427">
        <v>0</v>
      </c>
      <c r="CN10" s="428">
        <v>0</v>
      </c>
      <c r="CO10" s="429">
        <v>0</v>
      </c>
      <c r="CP10" s="427">
        <v>0</v>
      </c>
      <c r="CQ10" s="427">
        <v>0</v>
      </c>
      <c r="CR10" s="427">
        <v>0</v>
      </c>
      <c r="CS10" s="427">
        <v>0</v>
      </c>
      <c r="CT10" s="427">
        <v>0</v>
      </c>
      <c r="CU10" s="430">
        <v>0</v>
      </c>
      <c r="CV10" s="431">
        <v>0</v>
      </c>
      <c r="CW10" s="426">
        <v>0</v>
      </c>
      <c r="CX10" s="427">
        <v>0</v>
      </c>
      <c r="CY10" s="428">
        <v>0</v>
      </c>
      <c r="CZ10" s="432"/>
      <c r="DA10" s="427">
        <v>0</v>
      </c>
      <c r="DB10" s="427">
        <v>0</v>
      </c>
      <c r="DC10" s="427">
        <v>0</v>
      </c>
      <c r="DD10" s="427">
        <v>725</v>
      </c>
      <c r="DE10" s="427">
        <v>0</v>
      </c>
      <c r="DF10" s="430">
        <v>725</v>
      </c>
      <c r="DG10" s="431">
        <v>725</v>
      </c>
      <c r="DH10" s="426">
        <v>0</v>
      </c>
      <c r="DI10" s="427">
        <v>17814</v>
      </c>
      <c r="DJ10" s="428">
        <v>17814</v>
      </c>
      <c r="DK10" s="429">
        <v>0</v>
      </c>
      <c r="DL10" s="427">
        <v>440924</v>
      </c>
      <c r="DM10" s="427">
        <v>1472476</v>
      </c>
      <c r="DN10" s="427">
        <v>10148338</v>
      </c>
      <c r="DO10" s="427">
        <v>13135868</v>
      </c>
      <c r="DP10" s="427">
        <v>7066962</v>
      </c>
      <c r="DQ10" s="430">
        <v>32264568</v>
      </c>
      <c r="DR10" s="433">
        <v>32282382</v>
      </c>
      <c r="DS10" s="426">
        <v>0</v>
      </c>
      <c r="DT10" s="427">
        <v>0</v>
      </c>
      <c r="DU10" s="428">
        <v>0</v>
      </c>
      <c r="DV10" s="432"/>
      <c r="DW10" s="427">
        <v>223170</v>
      </c>
      <c r="DX10" s="427">
        <v>830450</v>
      </c>
      <c r="DY10" s="427">
        <v>8602073</v>
      </c>
      <c r="DZ10" s="427">
        <v>11603798</v>
      </c>
      <c r="EA10" s="427">
        <v>6414473</v>
      </c>
      <c r="EB10" s="430">
        <v>27673964</v>
      </c>
      <c r="EC10" s="431">
        <v>27673964</v>
      </c>
      <c r="ED10" s="426">
        <v>0</v>
      </c>
      <c r="EE10" s="427">
        <v>0</v>
      </c>
      <c r="EF10" s="428">
        <v>0</v>
      </c>
      <c r="EG10" s="432"/>
      <c r="EH10" s="427">
        <v>44965</v>
      </c>
      <c r="EI10" s="427">
        <v>277877</v>
      </c>
      <c r="EJ10" s="427">
        <v>241044</v>
      </c>
      <c r="EK10" s="427">
        <v>283140</v>
      </c>
      <c r="EL10" s="427">
        <v>85111</v>
      </c>
      <c r="EM10" s="430">
        <v>932137</v>
      </c>
      <c r="EN10" s="431">
        <v>932137</v>
      </c>
      <c r="EO10" s="426">
        <v>0</v>
      </c>
      <c r="EP10" s="427">
        <v>0</v>
      </c>
      <c r="EQ10" s="428">
        <v>0</v>
      </c>
      <c r="ER10" s="432">
        <v>0</v>
      </c>
      <c r="ES10" s="427">
        <v>0</v>
      </c>
      <c r="ET10" s="427">
        <v>0</v>
      </c>
      <c r="EU10" s="427">
        <v>0</v>
      </c>
      <c r="EV10" s="427">
        <v>33930</v>
      </c>
      <c r="EW10" s="427">
        <v>11513</v>
      </c>
      <c r="EX10" s="430">
        <v>45443</v>
      </c>
      <c r="EY10" s="431">
        <v>45443</v>
      </c>
      <c r="EZ10" s="426">
        <v>0</v>
      </c>
      <c r="FA10" s="427">
        <v>0</v>
      </c>
      <c r="FB10" s="428">
        <v>0</v>
      </c>
      <c r="FC10" s="432"/>
      <c r="FD10" s="427">
        <v>0</v>
      </c>
      <c r="FE10" s="427">
        <v>0</v>
      </c>
      <c r="FF10" s="427">
        <v>2095</v>
      </c>
      <c r="FG10" s="427">
        <v>95100</v>
      </c>
      <c r="FH10" s="427">
        <v>71766</v>
      </c>
      <c r="FI10" s="430">
        <v>168961</v>
      </c>
      <c r="FJ10" s="431">
        <v>168961</v>
      </c>
      <c r="FK10" s="426">
        <v>0</v>
      </c>
      <c r="FL10" s="427">
        <v>0</v>
      </c>
      <c r="FM10" s="428">
        <v>0</v>
      </c>
      <c r="FN10" s="432">
        <v>0</v>
      </c>
      <c r="FO10" s="427">
        <v>0</v>
      </c>
      <c r="FP10" s="427">
        <v>20880</v>
      </c>
      <c r="FQ10" s="427">
        <v>201140</v>
      </c>
      <c r="FR10" s="427">
        <v>318090</v>
      </c>
      <c r="FS10" s="427">
        <v>56460</v>
      </c>
      <c r="FT10" s="430">
        <v>596570</v>
      </c>
      <c r="FU10" s="431">
        <v>596570</v>
      </c>
      <c r="FV10" s="426">
        <v>0</v>
      </c>
      <c r="FW10" s="427">
        <v>17814</v>
      </c>
      <c r="FX10" s="428">
        <v>17814</v>
      </c>
      <c r="FY10" s="429">
        <v>0</v>
      </c>
      <c r="FZ10" s="427">
        <v>172789</v>
      </c>
      <c r="GA10" s="427">
        <v>343241</v>
      </c>
      <c r="GB10" s="427">
        <v>1090397</v>
      </c>
      <c r="GC10" s="427">
        <v>797859</v>
      </c>
      <c r="GD10" s="427">
        <v>427513</v>
      </c>
      <c r="GE10" s="430">
        <v>2831799</v>
      </c>
      <c r="GF10" s="431">
        <v>2849613</v>
      </c>
      <c r="GG10" s="426">
        <v>0</v>
      </c>
      <c r="GH10" s="427">
        <v>0</v>
      </c>
      <c r="GI10" s="428">
        <v>0</v>
      </c>
      <c r="GJ10" s="429">
        <v>0</v>
      </c>
      <c r="GK10" s="427">
        <v>0</v>
      </c>
      <c r="GL10" s="427">
        <v>28</v>
      </c>
      <c r="GM10" s="427">
        <v>11589</v>
      </c>
      <c r="GN10" s="427">
        <v>1803</v>
      </c>
      <c r="GO10" s="427">
        <v>126</v>
      </c>
      <c r="GP10" s="430">
        <v>13546</v>
      </c>
      <c r="GQ10" s="431">
        <v>13546</v>
      </c>
      <c r="GR10" s="426">
        <v>0</v>
      </c>
      <c r="GS10" s="427">
        <v>0</v>
      </c>
      <c r="GT10" s="428">
        <v>0</v>
      </c>
      <c r="GU10" s="429">
        <v>0</v>
      </c>
      <c r="GV10" s="427">
        <v>0</v>
      </c>
      <c r="GW10" s="427">
        <v>0</v>
      </c>
      <c r="GX10" s="427">
        <v>0</v>
      </c>
      <c r="GY10" s="427">
        <v>0</v>
      </c>
      <c r="GZ10" s="427">
        <v>0</v>
      </c>
      <c r="HA10" s="430">
        <v>0</v>
      </c>
      <c r="HB10" s="431">
        <v>0</v>
      </c>
      <c r="HC10" s="426">
        <v>0</v>
      </c>
      <c r="HD10" s="427">
        <v>0</v>
      </c>
      <c r="HE10" s="428">
        <v>0</v>
      </c>
      <c r="HF10" s="432"/>
      <c r="HG10" s="427">
        <v>0</v>
      </c>
      <c r="HH10" s="427">
        <v>0</v>
      </c>
      <c r="HI10" s="427">
        <v>0</v>
      </c>
      <c r="HJ10" s="427">
        <v>2148</v>
      </c>
      <c r="HK10" s="427">
        <v>0</v>
      </c>
      <c r="HL10" s="430">
        <v>2148</v>
      </c>
      <c r="HM10" s="431">
        <v>2148</v>
      </c>
      <c r="HN10" s="426">
        <v>0</v>
      </c>
      <c r="HO10" s="427">
        <v>55479</v>
      </c>
      <c r="HP10" s="428">
        <v>55479</v>
      </c>
      <c r="HQ10" s="429">
        <v>0</v>
      </c>
      <c r="HR10" s="427">
        <v>1626295</v>
      </c>
      <c r="HS10" s="427">
        <v>3645463</v>
      </c>
      <c r="HT10" s="427">
        <v>19232386</v>
      </c>
      <c r="HU10" s="427">
        <v>25313519</v>
      </c>
      <c r="HV10" s="427">
        <v>14010325</v>
      </c>
      <c r="HW10" s="430">
        <v>63827988</v>
      </c>
      <c r="HX10" s="431">
        <v>63883467</v>
      </c>
    </row>
    <row r="11" spans="1:232" ht="16.5" customHeight="1" x14ac:dyDescent="0.2">
      <c r="A11" s="208" t="s">
        <v>7</v>
      </c>
      <c r="B11" s="426">
        <v>0</v>
      </c>
      <c r="C11" s="427">
        <v>725</v>
      </c>
      <c r="D11" s="428">
        <v>725</v>
      </c>
      <c r="E11" s="429">
        <v>0</v>
      </c>
      <c r="F11" s="427">
        <v>1636060</v>
      </c>
      <c r="G11" s="427">
        <v>2041018</v>
      </c>
      <c r="H11" s="427">
        <v>6402302</v>
      </c>
      <c r="I11" s="427">
        <v>8846330</v>
      </c>
      <c r="J11" s="427">
        <v>4838562</v>
      </c>
      <c r="K11" s="430">
        <v>23764272</v>
      </c>
      <c r="L11" s="431">
        <v>23764997</v>
      </c>
      <c r="M11" s="426">
        <v>0</v>
      </c>
      <c r="N11" s="427">
        <v>0</v>
      </c>
      <c r="O11" s="428">
        <v>0</v>
      </c>
      <c r="P11" s="432"/>
      <c r="Q11" s="427">
        <v>198150</v>
      </c>
      <c r="R11" s="427">
        <v>342575</v>
      </c>
      <c r="S11" s="427">
        <v>4314616</v>
      </c>
      <c r="T11" s="427">
        <v>7110955</v>
      </c>
      <c r="U11" s="427">
        <v>4032850</v>
      </c>
      <c r="V11" s="430">
        <v>15999146</v>
      </c>
      <c r="W11" s="431">
        <v>15999146</v>
      </c>
      <c r="X11" s="426">
        <v>0</v>
      </c>
      <c r="Y11" s="427">
        <v>0</v>
      </c>
      <c r="Z11" s="428">
        <v>0</v>
      </c>
      <c r="AA11" s="432"/>
      <c r="AB11" s="427">
        <v>1303490</v>
      </c>
      <c r="AC11" s="427">
        <v>1380929</v>
      </c>
      <c r="AD11" s="427">
        <v>1641466</v>
      </c>
      <c r="AE11" s="427">
        <v>1393823</v>
      </c>
      <c r="AF11" s="427">
        <v>504701</v>
      </c>
      <c r="AG11" s="430">
        <v>6224409</v>
      </c>
      <c r="AH11" s="431">
        <v>6224409</v>
      </c>
      <c r="AI11" s="426">
        <v>0</v>
      </c>
      <c r="AJ11" s="427">
        <v>0</v>
      </c>
      <c r="AK11" s="428">
        <v>0</v>
      </c>
      <c r="AL11" s="432"/>
      <c r="AM11" s="427">
        <v>0</v>
      </c>
      <c r="AN11" s="427">
        <v>0</v>
      </c>
      <c r="AO11" s="427">
        <v>0</v>
      </c>
      <c r="AP11" s="427">
        <v>63300</v>
      </c>
      <c r="AQ11" s="427">
        <v>7905</v>
      </c>
      <c r="AR11" s="430">
        <v>71205</v>
      </c>
      <c r="AS11" s="431">
        <v>71205</v>
      </c>
      <c r="AT11" s="426">
        <v>0</v>
      </c>
      <c r="AU11" s="427">
        <v>0</v>
      </c>
      <c r="AV11" s="428">
        <v>0</v>
      </c>
      <c r="AW11" s="432"/>
      <c r="AX11" s="427">
        <v>0</v>
      </c>
      <c r="AY11" s="427">
        <v>0</v>
      </c>
      <c r="AZ11" s="427">
        <v>2550</v>
      </c>
      <c r="BA11" s="427">
        <v>0</v>
      </c>
      <c r="BB11" s="427">
        <v>23850</v>
      </c>
      <c r="BC11" s="430">
        <v>26400</v>
      </c>
      <c r="BD11" s="431">
        <v>26400</v>
      </c>
      <c r="BE11" s="426">
        <v>0</v>
      </c>
      <c r="BF11" s="427">
        <v>0</v>
      </c>
      <c r="BG11" s="428">
        <v>0</v>
      </c>
      <c r="BH11" s="432"/>
      <c r="BI11" s="427">
        <v>0</v>
      </c>
      <c r="BJ11" s="427">
        <v>0</v>
      </c>
      <c r="BK11" s="427">
        <v>0</v>
      </c>
      <c r="BL11" s="427">
        <v>0</v>
      </c>
      <c r="BM11" s="427">
        <v>0</v>
      </c>
      <c r="BN11" s="430">
        <v>0</v>
      </c>
      <c r="BO11" s="431">
        <v>0</v>
      </c>
      <c r="BP11" s="426">
        <v>0</v>
      </c>
      <c r="BQ11" s="427">
        <v>725</v>
      </c>
      <c r="BR11" s="428">
        <v>725</v>
      </c>
      <c r="BS11" s="429">
        <v>0</v>
      </c>
      <c r="BT11" s="427">
        <v>134420</v>
      </c>
      <c r="BU11" s="427">
        <v>287163</v>
      </c>
      <c r="BV11" s="427">
        <v>409074</v>
      </c>
      <c r="BW11" s="427">
        <v>273902</v>
      </c>
      <c r="BX11" s="427">
        <v>267516</v>
      </c>
      <c r="BY11" s="430">
        <v>1372075</v>
      </c>
      <c r="BZ11" s="431">
        <v>1372800</v>
      </c>
      <c r="CA11" s="426">
        <v>0</v>
      </c>
      <c r="CB11" s="427">
        <v>0</v>
      </c>
      <c r="CC11" s="428">
        <v>0</v>
      </c>
      <c r="CD11" s="429">
        <v>0</v>
      </c>
      <c r="CE11" s="427">
        <v>0</v>
      </c>
      <c r="CF11" s="427">
        <v>30351</v>
      </c>
      <c r="CG11" s="427">
        <v>34596</v>
      </c>
      <c r="CH11" s="427">
        <v>4350</v>
      </c>
      <c r="CI11" s="427">
        <v>1740</v>
      </c>
      <c r="CJ11" s="430">
        <v>71037</v>
      </c>
      <c r="CK11" s="431">
        <v>71037</v>
      </c>
      <c r="CL11" s="426">
        <v>0</v>
      </c>
      <c r="CM11" s="427">
        <v>0</v>
      </c>
      <c r="CN11" s="428">
        <v>0</v>
      </c>
      <c r="CO11" s="429">
        <v>0</v>
      </c>
      <c r="CP11" s="427">
        <v>0</v>
      </c>
      <c r="CQ11" s="427">
        <v>0</v>
      </c>
      <c r="CR11" s="427">
        <v>0</v>
      </c>
      <c r="CS11" s="427">
        <v>0</v>
      </c>
      <c r="CT11" s="427">
        <v>0</v>
      </c>
      <c r="CU11" s="430">
        <v>0</v>
      </c>
      <c r="CV11" s="431">
        <v>0</v>
      </c>
      <c r="CW11" s="426">
        <v>0</v>
      </c>
      <c r="CX11" s="427">
        <v>0</v>
      </c>
      <c r="CY11" s="428">
        <v>0</v>
      </c>
      <c r="CZ11" s="432"/>
      <c r="DA11" s="427">
        <v>0</v>
      </c>
      <c r="DB11" s="427">
        <v>0</v>
      </c>
      <c r="DC11" s="427">
        <v>0</v>
      </c>
      <c r="DD11" s="427">
        <v>0</v>
      </c>
      <c r="DE11" s="427">
        <v>0</v>
      </c>
      <c r="DF11" s="430">
        <v>0</v>
      </c>
      <c r="DG11" s="431">
        <v>0</v>
      </c>
      <c r="DH11" s="426">
        <v>0</v>
      </c>
      <c r="DI11" s="427">
        <v>4872</v>
      </c>
      <c r="DJ11" s="428">
        <v>4872</v>
      </c>
      <c r="DK11" s="429">
        <v>0</v>
      </c>
      <c r="DL11" s="427">
        <v>610673</v>
      </c>
      <c r="DM11" s="427">
        <v>1173531</v>
      </c>
      <c r="DN11" s="427">
        <v>6527591</v>
      </c>
      <c r="DO11" s="427">
        <v>9023214</v>
      </c>
      <c r="DP11" s="427">
        <v>4996584</v>
      </c>
      <c r="DQ11" s="430">
        <v>22331593</v>
      </c>
      <c r="DR11" s="433">
        <v>22336465</v>
      </c>
      <c r="DS11" s="426">
        <v>0</v>
      </c>
      <c r="DT11" s="427">
        <v>0</v>
      </c>
      <c r="DU11" s="428">
        <v>0</v>
      </c>
      <c r="DV11" s="432"/>
      <c r="DW11" s="427">
        <v>198330</v>
      </c>
      <c r="DX11" s="427">
        <v>538766</v>
      </c>
      <c r="DY11" s="427">
        <v>5582791</v>
      </c>
      <c r="DZ11" s="427">
        <v>8374921</v>
      </c>
      <c r="EA11" s="427">
        <v>4501039</v>
      </c>
      <c r="EB11" s="430">
        <v>19195847</v>
      </c>
      <c r="EC11" s="431">
        <v>19195847</v>
      </c>
      <c r="ED11" s="426">
        <v>0</v>
      </c>
      <c r="EE11" s="427">
        <v>0</v>
      </c>
      <c r="EF11" s="428">
        <v>0</v>
      </c>
      <c r="EG11" s="432"/>
      <c r="EH11" s="427">
        <v>192968</v>
      </c>
      <c r="EI11" s="427">
        <v>177520</v>
      </c>
      <c r="EJ11" s="427">
        <v>264744</v>
      </c>
      <c r="EK11" s="427">
        <v>212454</v>
      </c>
      <c r="EL11" s="427">
        <v>123810</v>
      </c>
      <c r="EM11" s="430">
        <v>971496</v>
      </c>
      <c r="EN11" s="431">
        <v>971496</v>
      </c>
      <c r="EO11" s="426">
        <v>0</v>
      </c>
      <c r="EP11" s="427">
        <v>0</v>
      </c>
      <c r="EQ11" s="428">
        <v>0</v>
      </c>
      <c r="ER11" s="432">
        <v>0</v>
      </c>
      <c r="ES11" s="427">
        <v>0</v>
      </c>
      <c r="ET11" s="427">
        <v>0</v>
      </c>
      <c r="EU11" s="427">
        <v>0</v>
      </c>
      <c r="EV11" s="427">
        <v>420</v>
      </c>
      <c r="EW11" s="427">
        <v>784</v>
      </c>
      <c r="EX11" s="430">
        <v>1204</v>
      </c>
      <c r="EY11" s="431">
        <v>1204</v>
      </c>
      <c r="EZ11" s="426">
        <v>0</v>
      </c>
      <c r="FA11" s="427">
        <v>0</v>
      </c>
      <c r="FB11" s="428">
        <v>0</v>
      </c>
      <c r="FC11" s="432"/>
      <c r="FD11" s="427">
        <v>0</v>
      </c>
      <c r="FE11" s="427">
        <v>0</v>
      </c>
      <c r="FF11" s="427">
        <v>210</v>
      </c>
      <c r="FG11" s="427">
        <v>0</v>
      </c>
      <c r="FH11" s="427">
        <v>210</v>
      </c>
      <c r="FI11" s="430">
        <v>420</v>
      </c>
      <c r="FJ11" s="431">
        <v>420</v>
      </c>
      <c r="FK11" s="426">
        <v>0</v>
      </c>
      <c r="FL11" s="427">
        <v>0</v>
      </c>
      <c r="FM11" s="428">
        <v>0</v>
      </c>
      <c r="FN11" s="432">
        <v>0</v>
      </c>
      <c r="FO11" s="427">
        <v>0</v>
      </c>
      <c r="FP11" s="427">
        <v>0</v>
      </c>
      <c r="FQ11" s="427">
        <v>0</v>
      </c>
      <c r="FR11" s="427">
        <v>0</v>
      </c>
      <c r="FS11" s="427">
        <v>0</v>
      </c>
      <c r="FT11" s="430">
        <v>0</v>
      </c>
      <c r="FU11" s="431">
        <v>0</v>
      </c>
      <c r="FV11" s="426">
        <v>0</v>
      </c>
      <c r="FW11" s="427">
        <v>4872</v>
      </c>
      <c r="FX11" s="428">
        <v>4872</v>
      </c>
      <c r="FY11" s="429">
        <v>0</v>
      </c>
      <c r="FZ11" s="427">
        <v>219375</v>
      </c>
      <c r="GA11" s="427">
        <v>446328</v>
      </c>
      <c r="GB11" s="427">
        <v>671839</v>
      </c>
      <c r="GC11" s="427">
        <v>435195</v>
      </c>
      <c r="GD11" s="427">
        <v>366445</v>
      </c>
      <c r="GE11" s="430">
        <v>2139182</v>
      </c>
      <c r="GF11" s="431">
        <v>2144054</v>
      </c>
      <c r="GG11" s="426">
        <v>0</v>
      </c>
      <c r="GH11" s="427">
        <v>0</v>
      </c>
      <c r="GI11" s="428">
        <v>0</v>
      </c>
      <c r="GJ11" s="429">
        <v>0</v>
      </c>
      <c r="GK11" s="427">
        <v>0</v>
      </c>
      <c r="GL11" s="427">
        <v>10917</v>
      </c>
      <c r="GM11" s="427">
        <v>8007</v>
      </c>
      <c r="GN11" s="427">
        <v>224</v>
      </c>
      <c r="GO11" s="427">
        <v>4296</v>
      </c>
      <c r="GP11" s="430">
        <v>23444</v>
      </c>
      <c r="GQ11" s="431">
        <v>23444</v>
      </c>
      <c r="GR11" s="426">
        <v>0</v>
      </c>
      <c r="GS11" s="427">
        <v>0</v>
      </c>
      <c r="GT11" s="428">
        <v>0</v>
      </c>
      <c r="GU11" s="429">
        <v>0</v>
      </c>
      <c r="GV11" s="427">
        <v>0</v>
      </c>
      <c r="GW11" s="427">
        <v>0</v>
      </c>
      <c r="GX11" s="427">
        <v>0</v>
      </c>
      <c r="GY11" s="427">
        <v>0</v>
      </c>
      <c r="GZ11" s="427">
        <v>0</v>
      </c>
      <c r="HA11" s="430">
        <v>0</v>
      </c>
      <c r="HB11" s="431">
        <v>0</v>
      </c>
      <c r="HC11" s="426">
        <v>0</v>
      </c>
      <c r="HD11" s="427">
        <v>0</v>
      </c>
      <c r="HE11" s="428">
        <v>0</v>
      </c>
      <c r="HF11" s="432"/>
      <c r="HG11" s="427">
        <v>0</v>
      </c>
      <c r="HH11" s="427">
        <v>0</v>
      </c>
      <c r="HI11" s="427">
        <v>0</v>
      </c>
      <c r="HJ11" s="427">
        <v>0</v>
      </c>
      <c r="HK11" s="427">
        <v>0</v>
      </c>
      <c r="HL11" s="430">
        <v>0</v>
      </c>
      <c r="HM11" s="431">
        <v>0</v>
      </c>
      <c r="HN11" s="426">
        <v>0</v>
      </c>
      <c r="HO11" s="427">
        <v>5597</v>
      </c>
      <c r="HP11" s="428">
        <v>5597</v>
      </c>
      <c r="HQ11" s="429">
        <v>0</v>
      </c>
      <c r="HR11" s="427">
        <v>2246733</v>
      </c>
      <c r="HS11" s="427">
        <v>3214549</v>
      </c>
      <c r="HT11" s="427">
        <v>12929893</v>
      </c>
      <c r="HU11" s="427">
        <v>17869544</v>
      </c>
      <c r="HV11" s="427">
        <v>9835146</v>
      </c>
      <c r="HW11" s="430">
        <v>46095865</v>
      </c>
      <c r="HX11" s="431">
        <v>46101462</v>
      </c>
    </row>
    <row r="12" spans="1:232" ht="16.5" customHeight="1" x14ac:dyDescent="0.2">
      <c r="A12" s="208" t="s">
        <v>8</v>
      </c>
      <c r="B12" s="426">
        <v>0</v>
      </c>
      <c r="C12" s="427">
        <v>6492</v>
      </c>
      <c r="D12" s="428">
        <v>6492</v>
      </c>
      <c r="E12" s="429">
        <v>0</v>
      </c>
      <c r="F12" s="427">
        <v>895632</v>
      </c>
      <c r="G12" s="427">
        <v>1388778</v>
      </c>
      <c r="H12" s="427">
        <v>4933068</v>
      </c>
      <c r="I12" s="427">
        <v>4167820</v>
      </c>
      <c r="J12" s="427">
        <v>2574387</v>
      </c>
      <c r="K12" s="430">
        <v>13959685</v>
      </c>
      <c r="L12" s="431">
        <v>13966177</v>
      </c>
      <c r="M12" s="426">
        <v>0</v>
      </c>
      <c r="N12" s="427">
        <v>0</v>
      </c>
      <c r="O12" s="428">
        <v>0</v>
      </c>
      <c r="P12" s="432"/>
      <c r="Q12" s="427">
        <v>310650</v>
      </c>
      <c r="R12" s="427">
        <v>428695</v>
      </c>
      <c r="S12" s="427">
        <v>3300818</v>
      </c>
      <c r="T12" s="427">
        <v>3123671</v>
      </c>
      <c r="U12" s="427">
        <v>1792309</v>
      </c>
      <c r="V12" s="430">
        <v>8956143</v>
      </c>
      <c r="W12" s="431">
        <v>8956143</v>
      </c>
      <c r="X12" s="426">
        <v>0</v>
      </c>
      <c r="Y12" s="427">
        <v>0</v>
      </c>
      <c r="Z12" s="428">
        <v>0</v>
      </c>
      <c r="AA12" s="432"/>
      <c r="AB12" s="427">
        <v>487685</v>
      </c>
      <c r="AC12" s="427">
        <v>725895</v>
      </c>
      <c r="AD12" s="427">
        <v>997719</v>
      </c>
      <c r="AE12" s="427">
        <v>655128</v>
      </c>
      <c r="AF12" s="427">
        <v>467170</v>
      </c>
      <c r="AG12" s="430">
        <v>3333597</v>
      </c>
      <c r="AH12" s="431">
        <v>3333597</v>
      </c>
      <c r="AI12" s="426">
        <v>0</v>
      </c>
      <c r="AJ12" s="427">
        <v>0</v>
      </c>
      <c r="AK12" s="428">
        <v>0</v>
      </c>
      <c r="AL12" s="432"/>
      <c r="AM12" s="427">
        <v>0</v>
      </c>
      <c r="AN12" s="427">
        <v>0</v>
      </c>
      <c r="AO12" s="427">
        <v>0</v>
      </c>
      <c r="AP12" s="427">
        <v>23850</v>
      </c>
      <c r="AQ12" s="427">
        <v>23850</v>
      </c>
      <c r="AR12" s="430">
        <v>47700</v>
      </c>
      <c r="AS12" s="431">
        <v>47700</v>
      </c>
      <c r="AT12" s="426">
        <v>0</v>
      </c>
      <c r="AU12" s="427">
        <v>0</v>
      </c>
      <c r="AV12" s="428">
        <v>0</v>
      </c>
      <c r="AW12" s="432"/>
      <c r="AX12" s="427">
        <v>34350</v>
      </c>
      <c r="AY12" s="427">
        <v>0</v>
      </c>
      <c r="AZ12" s="427">
        <v>34350</v>
      </c>
      <c r="BA12" s="427">
        <v>4760</v>
      </c>
      <c r="BB12" s="427">
        <v>36900</v>
      </c>
      <c r="BC12" s="430">
        <v>110360</v>
      </c>
      <c r="BD12" s="431">
        <v>110360</v>
      </c>
      <c r="BE12" s="426">
        <v>0</v>
      </c>
      <c r="BF12" s="427">
        <v>0</v>
      </c>
      <c r="BG12" s="428">
        <v>0</v>
      </c>
      <c r="BH12" s="432"/>
      <c r="BI12" s="427">
        <v>0</v>
      </c>
      <c r="BJ12" s="427">
        <v>36750</v>
      </c>
      <c r="BK12" s="427">
        <v>68100</v>
      </c>
      <c r="BL12" s="427">
        <v>98795</v>
      </c>
      <c r="BM12" s="427">
        <v>97200</v>
      </c>
      <c r="BN12" s="430">
        <v>300845</v>
      </c>
      <c r="BO12" s="431">
        <v>300845</v>
      </c>
      <c r="BP12" s="426">
        <v>0</v>
      </c>
      <c r="BQ12" s="427">
        <v>6492</v>
      </c>
      <c r="BR12" s="428">
        <v>6492</v>
      </c>
      <c r="BS12" s="429">
        <v>0</v>
      </c>
      <c r="BT12" s="427">
        <v>62947</v>
      </c>
      <c r="BU12" s="427">
        <v>195888</v>
      </c>
      <c r="BV12" s="427">
        <v>517806</v>
      </c>
      <c r="BW12" s="427">
        <v>261616</v>
      </c>
      <c r="BX12" s="427">
        <v>156958</v>
      </c>
      <c r="BY12" s="430">
        <v>1195215</v>
      </c>
      <c r="BZ12" s="431">
        <v>1201707</v>
      </c>
      <c r="CA12" s="426">
        <v>0</v>
      </c>
      <c r="CB12" s="427">
        <v>0</v>
      </c>
      <c r="CC12" s="428">
        <v>0</v>
      </c>
      <c r="CD12" s="429">
        <v>0</v>
      </c>
      <c r="CE12" s="427">
        <v>0</v>
      </c>
      <c r="CF12" s="427">
        <v>1550</v>
      </c>
      <c r="CG12" s="427">
        <v>14275</v>
      </c>
      <c r="CH12" s="427">
        <v>0</v>
      </c>
      <c r="CI12" s="427">
        <v>0</v>
      </c>
      <c r="CJ12" s="430">
        <v>15825</v>
      </c>
      <c r="CK12" s="431">
        <v>15825</v>
      </c>
      <c r="CL12" s="426">
        <v>0</v>
      </c>
      <c r="CM12" s="427">
        <v>0</v>
      </c>
      <c r="CN12" s="428">
        <v>0</v>
      </c>
      <c r="CO12" s="429">
        <v>0</v>
      </c>
      <c r="CP12" s="427">
        <v>0</v>
      </c>
      <c r="CQ12" s="427">
        <v>0</v>
      </c>
      <c r="CR12" s="427">
        <v>0</v>
      </c>
      <c r="CS12" s="427">
        <v>0</v>
      </c>
      <c r="CT12" s="427">
        <v>0</v>
      </c>
      <c r="CU12" s="430">
        <v>0</v>
      </c>
      <c r="CV12" s="431">
        <v>0</v>
      </c>
      <c r="CW12" s="426">
        <v>0</v>
      </c>
      <c r="CX12" s="427">
        <v>0</v>
      </c>
      <c r="CY12" s="428">
        <v>0</v>
      </c>
      <c r="CZ12" s="432"/>
      <c r="DA12" s="427">
        <v>0</v>
      </c>
      <c r="DB12" s="427">
        <v>0</v>
      </c>
      <c r="DC12" s="427">
        <v>0</v>
      </c>
      <c r="DD12" s="427">
        <v>0</v>
      </c>
      <c r="DE12" s="427">
        <v>0</v>
      </c>
      <c r="DF12" s="430">
        <v>0</v>
      </c>
      <c r="DG12" s="431">
        <v>0</v>
      </c>
      <c r="DH12" s="426">
        <v>0</v>
      </c>
      <c r="DI12" s="427">
        <v>10019</v>
      </c>
      <c r="DJ12" s="428">
        <v>10019</v>
      </c>
      <c r="DK12" s="429">
        <v>0</v>
      </c>
      <c r="DL12" s="427">
        <v>616086</v>
      </c>
      <c r="DM12" s="427">
        <v>1289363</v>
      </c>
      <c r="DN12" s="427">
        <v>5485201</v>
      </c>
      <c r="DO12" s="427">
        <v>5059966</v>
      </c>
      <c r="DP12" s="427">
        <v>2814516</v>
      </c>
      <c r="DQ12" s="430">
        <v>15265132</v>
      </c>
      <c r="DR12" s="433">
        <v>15275151</v>
      </c>
      <c r="DS12" s="426">
        <v>0</v>
      </c>
      <c r="DT12" s="427">
        <v>0</v>
      </c>
      <c r="DU12" s="428">
        <v>0</v>
      </c>
      <c r="DV12" s="432"/>
      <c r="DW12" s="427">
        <v>460080</v>
      </c>
      <c r="DX12" s="427">
        <v>830196</v>
      </c>
      <c r="DY12" s="427">
        <v>4345837</v>
      </c>
      <c r="DZ12" s="427">
        <v>4391467</v>
      </c>
      <c r="EA12" s="427">
        <v>2252399</v>
      </c>
      <c r="EB12" s="430">
        <v>12279979</v>
      </c>
      <c r="EC12" s="431">
        <v>12279979</v>
      </c>
      <c r="ED12" s="426">
        <v>0</v>
      </c>
      <c r="EE12" s="427">
        <v>0</v>
      </c>
      <c r="EF12" s="428">
        <v>0</v>
      </c>
      <c r="EG12" s="432"/>
      <c r="EH12" s="427">
        <v>39293</v>
      </c>
      <c r="EI12" s="427">
        <v>98618</v>
      </c>
      <c r="EJ12" s="427">
        <v>144077</v>
      </c>
      <c r="EK12" s="427">
        <v>39363</v>
      </c>
      <c r="EL12" s="427">
        <v>55201</v>
      </c>
      <c r="EM12" s="430">
        <v>376552</v>
      </c>
      <c r="EN12" s="431">
        <v>376552</v>
      </c>
      <c r="EO12" s="426">
        <v>0</v>
      </c>
      <c r="EP12" s="427">
        <v>0</v>
      </c>
      <c r="EQ12" s="428">
        <v>0</v>
      </c>
      <c r="ER12" s="432">
        <v>0</v>
      </c>
      <c r="ES12" s="427">
        <v>0</v>
      </c>
      <c r="ET12" s="427">
        <v>0</v>
      </c>
      <c r="EU12" s="427">
        <v>0</v>
      </c>
      <c r="EV12" s="427">
        <v>210</v>
      </c>
      <c r="EW12" s="427">
        <v>210</v>
      </c>
      <c r="EX12" s="430">
        <v>420</v>
      </c>
      <c r="EY12" s="431">
        <v>420</v>
      </c>
      <c r="EZ12" s="426">
        <v>0</v>
      </c>
      <c r="FA12" s="427">
        <v>0</v>
      </c>
      <c r="FB12" s="428">
        <v>0</v>
      </c>
      <c r="FC12" s="432"/>
      <c r="FD12" s="427">
        <v>11310</v>
      </c>
      <c r="FE12" s="427">
        <v>0</v>
      </c>
      <c r="FF12" s="427">
        <v>11310</v>
      </c>
      <c r="FG12" s="427">
        <v>420</v>
      </c>
      <c r="FH12" s="427">
        <v>11520</v>
      </c>
      <c r="FI12" s="430">
        <v>34560</v>
      </c>
      <c r="FJ12" s="431">
        <v>34560</v>
      </c>
      <c r="FK12" s="426">
        <v>0</v>
      </c>
      <c r="FL12" s="427">
        <v>0</v>
      </c>
      <c r="FM12" s="428">
        <v>0</v>
      </c>
      <c r="FN12" s="432">
        <v>0</v>
      </c>
      <c r="FO12" s="427">
        <v>0</v>
      </c>
      <c r="FP12" s="427">
        <v>77340</v>
      </c>
      <c r="FQ12" s="427">
        <v>223500</v>
      </c>
      <c r="FR12" s="427">
        <v>191568</v>
      </c>
      <c r="FS12" s="427">
        <v>223500</v>
      </c>
      <c r="FT12" s="430">
        <v>715908</v>
      </c>
      <c r="FU12" s="431">
        <v>715908</v>
      </c>
      <c r="FV12" s="426">
        <v>0</v>
      </c>
      <c r="FW12" s="427">
        <v>10019</v>
      </c>
      <c r="FX12" s="428">
        <v>10019</v>
      </c>
      <c r="FY12" s="429">
        <v>0</v>
      </c>
      <c r="FZ12" s="427">
        <v>105403</v>
      </c>
      <c r="GA12" s="427">
        <v>277825</v>
      </c>
      <c r="GB12" s="427">
        <v>756778</v>
      </c>
      <c r="GC12" s="427">
        <v>436938</v>
      </c>
      <c r="GD12" s="427">
        <v>269801</v>
      </c>
      <c r="GE12" s="430">
        <v>1846745</v>
      </c>
      <c r="GF12" s="431">
        <v>1856764</v>
      </c>
      <c r="GG12" s="426">
        <v>0</v>
      </c>
      <c r="GH12" s="427">
        <v>0</v>
      </c>
      <c r="GI12" s="428">
        <v>0</v>
      </c>
      <c r="GJ12" s="429">
        <v>0</v>
      </c>
      <c r="GK12" s="427">
        <v>0</v>
      </c>
      <c r="GL12" s="427">
        <v>5384</v>
      </c>
      <c r="GM12" s="427">
        <v>3699</v>
      </c>
      <c r="GN12" s="427">
        <v>0</v>
      </c>
      <c r="GO12" s="427">
        <v>1885</v>
      </c>
      <c r="GP12" s="430">
        <v>10968</v>
      </c>
      <c r="GQ12" s="431">
        <v>10968</v>
      </c>
      <c r="GR12" s="426">
        <v>0</v>
      </c>
      <c r="GS12" s="427">
        <v>0</v>
      </c>
      <c r="GT12" s="428">
        <v>0</v>
      </c>
      <c r="GU12" s="429">
        <v>0</v>
      </c>
      <c r="GV12" s="427">
        <v>0</v>
      </c>
      <c r="GW12" s="427">
        <v>0</v>
      </c>
      <c r="GX12" s="427">
        <v>0</v>
      </c>
      <c r="GY12" s="427">
        <v>0</v>
      </c>
      <c r="GZ12" s="427">
        <v>0</v>
      </c>
      <c r="HA12" s="430">
        <v>0</v>
      </c>
      <c r="HB12" s="431">
        <v>0</v>
      </c>
      <c r="HC12" s="426">
        <v>0</v>
      </c>
      <c r="HD12" s="427">
        <v>0</v>
      </c>
      <c r="HE12" s="428">
        <v>0</v>
      </c>
      <c r="HF12" s="432"/>
      <c r="HG12" s="427">
        <v>0</v>
      </c>
      <c r="HH12" s="427">
        <v>0</v>
      </c>
      <c r="HI12" s="427">
        <v>0</v>
      </c>
      <c r="HJ12" s="427">
        <v>0</v>
      </c>
      <c r="HK12" s="427">
        <v>0</v>
      </c>
      <c r="HL12" s="430">
        <v>0</v>
      </c>
      <c r="HM12" s="431">
        <v>0</v>
      </c>
      <c r="HN12" s="426">
        <v>0</v>
      </c>
      <c r="HO12" s="427">
        <v>16511</v>
      </c>
      <c r="HP12" s="428">
        <v>16511</v>
      </c>
      <c r="HQ12" s="429">
        <v>0</v>
      </c>
      <c r="HR12" s="427">
        <v>1511718</v>
      </c>
      <c r="HS12" s="427">
        <v>2678141</v>
      </c>
      <c r="HT12" s="427">
        <v>10418269</v>
      </c>
      <c r="HU12" s="427">
        <v>9227786</v>
      </c>
      <c r="HV12" s="427">
        <v>5388903</v>
      </c>
      <c r="HW12" s="430">
        <v>29224817</v>
      </c>
      <c r="HX12" s="431">
        <v>29241328</v>
      </c>
    </row>
    <row r="13" spans="1:232" ht="16.5" customHeight="1" x14ac:dyDescent="0.2">
      <c r="A13" s="208" t="s">
        <v>9</v>
      </c>
      <c r="B13" s="426">
        <v>0</v>
      </c>
      <c r="C13" s="427">
        <v>0</v>
      </c>
      <c r="D13" s="428">
        <v>0</v>
      </c>
      <c r="E13" s="429">
        <v>0</v>
      </c>
      <c r="F13" s="427">
        <v>230064</v>
      </c>
      <c r="G13" s="427">
        <v>391258</v>
      </c>
      <c r="H13" s="427">
        <v>1917640</v>
      </c>
      <c r="I13" s="427">
        <v>2830314</v>
      </c>
      <c r="J13" s="427">
        <v>2105715</v>
      </c>
      <c r="K13" s="430">
        <v>7474991</v>
      </c>
      <c r="L13" s="431">
        <v>7474991</v>
      </c>
      <c r="M13" s="426">
        <v>0</v>
      </c>
      <c r="N13" s="427">
        <v>0</v>
      </c>
      <c r="O13" s="428">
        <v>0</v>
      </c>
      <c r="P13" s="432"/>
      <c r="Q13" s="427">
        <v>99965</v>
      </c>
      <c r="R13" s="427">
        <v>34350</v>
      </c>
      <c r="S13" s="427">
        <v>1214755</v>
      </c>
      <c r="T13" s="427">
        <v>2182807</v>
      </c>
      <c r="U13" s="427">
        <v>1671665</v>
      </c>
      <c r="V13" s="430">
        <v>5203542</v>
      </c>
      <c r="W13" s="431">
        <v>5203542</v>
      </c>
      <c r="X13" s="426">
        <v>0</v>
      </c>
      <c r="Y13" s="427">
        <v>0</v>
      </c>
      <c r="Z13" s="428">
        <v>0</v>
      </c>
      <c r="AA13" s="432"/>
      <c r="AB13" s="427">
        <v>100730</v>
      </c>
      <c r="AC13" s="427">
        <v>296840</v>
      </c>
      <c r="AD13" s="427">
        <v>510235</v>
      </c>
      <c r="AE13" s="427">
        <v>515664</v>
      </c>
      <c r="AF13" s="427">
        <v>306700</v>
      </c>
      <c r="AG13" s="430">
        <v>1730169</v>
      </c>
      <c r="AH13" s="431">
        <v>1730169</v>
      </c>
      <c r="AI13" s="426">
        <v>0</v>
      </c>
      <c r="AJ13" s="427">
        <v>0</v>
      </c>
      <c r="AK13" s="428">
        <v>0</v>
      </c>
      <c r="AL13" s="432"/>
      <c r="AM13" s="427">
        <v>0</v>
      </c>
      <c r="AN13" s="427">
        <v>0</v>
      </c>
      <c r="AO13" s="427">
        <v>0</v>
      </c>
      <c r="AP13" s="427">
        <v>3510</v>
      </c>
      <c r="AQ13" s="427">
        <v>2550</v>
      </c>
      <c r="AR13" s="430">
        <v>6060</v>
      </c>
      <c r="AS13" s="431">
        <v>6060</v>
      </c>
      <c r="AT13" s="426">
        <v>0</v>
      </c>
      <c r="AU13" s="427">
        <v>0</v>
      </c>
      <c r="AV13" s="428">
        <v>0</v>
      </c>
      <c r="AW13" s="432"/>
      <c r="AX13" s="427">
        <v>0</v>
      </c>
      <c r="AY13" s="427">
        <v>0</v>
      </c>
      <c r="AZ13" s="427">
        <v>0</v>
      </c>
      <c r="BA13" s="427">
        <v>2550</v>
      </c>
      <c r="BB13" s="427">
        <v>3175</v>
      </c>
      <c r="BC13" s="430">
        <v>5725</v>
      </c>
      <c r="BD13" s="431">
        <v>5725</v>
      </c>
      <c r="BE13" s="426">
        <v>0</v>
      </c>
      <c r="BF13" s="427">
        <v>0</v>
      </c>
      <c r="BG13" s="428">
        <v>0</v>
      </c>
      <c r="BH13" s="432"/>
      <c r="BI13" s="427">
        <v>0</v>
      </c>
      <c r="BJ13" s="427">
        <v>0</v>
      </c>
      <c r="BK13" s="427">
        <v>0</v>
      </c>
      <c r="BL13" s="427">
        <v>23850</v>
      </c>
      <c r="BM13" s="427">
        <v>0</v>
      </c>
      <c r="BN13" s="430">
        <v>23850</v>
      </c>
      <c r="BO13" s="431">
        <v>23850</v>
      </c>
      <c r="BP13" s="426">
        <v>0</v>
      </c>
      <c r="BQ13" s="427">
        <v>0</v>
      </c>
      <c r="BR13" s="428">
        <v>0</v>
      </c>
      <c r="BS13" s="429">
        <v>0</v>
      </c>
      <c r="BT13" s="427">
        <v>25109</v>
      </c>
      <c r="BU13" s="427">
        <v>59048</v>
      </c>
      <c r="BV13" s="427">
        <v>186110</v>
      </c>
      <c r="BW13" s="427">
        <v>99708</v>
      </c>
      <c r="BX13" s="427">
        <v>120570</v>
      </c>
      <c r="BY13" s="430">
        <v>490545</v>
      </c>
      <c r="BZ13" s="431">
        <v>490545</v>
      </c>
      <c r="CA13" s="426">
        <v>0</v>
      </c>
      <c r="CB13" s="427">
        <v>0</v>
      </c>
      <c r="CC13" s="428">
        <v>0</v>
      </c>
      <c r="CD13" s="429">
        <v>0</v>
      </c>
      <c r="CE13" s="427">
        <v>4260</v>
      </c>
      <c r="CF13" s="427">
        <v>1020</v>
      </c>
      <c r="CG13" s="427">
        <v>6540</v>
      </c>
      <c r="CH13" s="427">
        <v>2225</v>
      </c>
      <c r="CI13" s="427">
        <v>1055</v>
      </c>
      <c r="CJ13" s="430">
        <v>15100</v>
      </c>
      <c r="CK13" s="431">
        <v>15100</v>
      </c>
      <c r="CL13" s="426">
        <v>0</v>
      </c>
      <c r="CM13" s="427">
        <v>0</v>
      </c>
      <c r="CN13" s="428">
        <v>0</v>
      </c>
      <c r="CO13" s="429">
        <v>0</v>
      </c>
      <c r="CP13" s="427">
        <v>0</v>
      </c>
      <c r="CQ13" s="427">
        <v>0</v>
      </c>
      <c r="CR13" s="427">
        <v>0</v>
      </c>
      <c r="CS13" s="427">
        <v>0</v>
      </c>
      <c r="CT13" s="427">
        <v>0</v>
      </c>
      <c r="CU13" s="430">
        <v>0</v>
      </c>
      <c r="CV13" s="431">
        <v>0</v>
      </c>
      <c r="CW13" s="426">
        <v>0</v>
      </c>
      <c r="CX13" s="427">
        <v>0</v>
      </c>
      <c r="CY13" s="428">
        <v>0</v>
      </c>
      <c r="CZ13" s="432"/>
      <c r="DA13" s="427">
        <v>0</v>
      </c>
      <c r="DB13" s="427">
        <v>0</v>
      </c>
      <c r="DC13" s="427">
        <v>0</v>
      </c>
      <c r="DD13" s="427">
        <v>0</v>
      </c>
      <c r="DE13" s="427">
        <v>0</v>
      </c>
      <c r="DF13" s="430">
        <v>0</v>
      </c>
      <c r="DG13" s="431">
        <v>0</v>
      </c>
      <c r="DH13" s="426">
        <v>0</v>
      </c>
      <c r="DI13" s="427">
        <v>0</v>
      </c>
      <c r="DJ13" s="428">
        <v>0</v>
      </c>
      <c r="DK13" s="429">
        <v>0</v>
      </c>
      <c r="DL13" s="427">
        <v>239849</v>
      </c>
      <c r="DM13" s="427">
        <v>172597</v>
      </c>
      <c r="DN13" s="427">
        <v>2129375</v>
      </c>
      <c r="DO13" s="427">
        <v>2979680</v>
      </c>
      <c r="DP13" s="427">
        <v>2623057</v>
      </c>
      <c r="DQ13" s="430">
        <v>8144558</v>
      </c>
      <c r="DR13" s="433">
        <v>8144558</v>
      </c>
      <c r="DS13" s="426">
        <v>0</v>
      </c>
      <c r="DT13" s="427">
        <v>0</v>
      </c>
      <c r="DU13" s="428">
        <v>0</v>
      </c>
      <c r="DV13" s="432"/>
      <c r="DW13" s="427">
        <v>127020</v>
      </c>
      <c r="DX13" s="427">
        <v>25650</v>
      </c>
      <c r="DY13" s="427">
        <v>1757351</v>
      </c>
      <c r="DZ13" s="427">
        <v>2736322</v>
      </c>
      <c r="EA13" s="427">
        <v>2420589</v>
      </c>
      <c r="EB13" s="430">
        <v>7066932</v>
      </c>
      <c r="EC13" s="431">
        <v>7066932</v>
      </c>
      <c r="ED13" s="426">
        <v>0</v>
      </c>
      <c r="EE13" s="427">
        <v>0</v>
      </c>
      <c r="EF13" s="428">
        <v>0</v>
      </c>
      <c r="EG13" s="432"/>
      <c r="EH13" s="427">
        <v>33303</v>
      </c>
      <c r="EI13" s="427">
        <v>42814</v>
      </c>
      <c r="EJ13" s="427">
        <v>29315</v>
      </c>
      <c r="EK13" s="427">
        <v>82516</v>
      </c>
      <c r="EL13" s="427">
        <v>34724</v>
      </c>
      <c r="EM13" s="430">
        <v>222672</v>
      </c>
      <c r="EN13" s="431">
        <v>222672</v>
      </c>
      <c r="EO13" s="426">
        <v>0</v>
      </c>
      <c r="EP13" s="427">
        <v>0</v>
      </c>
      <c r="EQ13" s="428">
        <v>0</v>
      </c>
      <c r="ER13" s="432">
        <v>0</v>
      </c>
      <c r="ES13" s="427">
        <v>0</v>
      </c>
      <c r="ET13" s="427">
        <v>0</v>
      </c>
      <c r="EU13" s="427">
        <v>0</v>
      </c>
      <c r="EV13" s="427">
        <v>420</v>
      </c>
      <c r="EW13" s="427">
        <v>210</v>
      </c>
      <c r="EX13" s="430">
        <v>630</v>
      </c>
      <c r="EY13" s="431">
        <v>630</v>
      </c>
      <c r="EZ13" s="426">
        <v>0</v>
      </c>
      <c r="FA13" s="427">
        <v>0</v>
      </c>
      <c r="FB13" s="428">
        <v>0</v>
      </c>
      <c r="FC13" s="432"/>
      <c r="FD13" s="427">
        <v>0</v>
      </c>
      <c r="FE13" s="427">
        <v>0</v>
      </c>
      <c r="FF13" s="427">
        <v>0</v>
      </c>
      <c r="FG13" s="427">
        <v>210</v>
      </c>
      <c r="FH13" s="427">
        <v>301</v>
      </c>
      <c r="FI13" s="430">
        <v>511</v>
      </c>
      <c r="FJ13" s="431">
        <v>511</v>
      </c>
      <c r="FK13" s="426">
        <v>0</v>
      </c>
      <c r="FL13" s="427">
        <v>0</v>
      </c>
      <c r="FM13" s="428">
        <v>0</v>
      </c>
      <c r="FN13" s="432">
        <v>0</v>
      </c>
      <c r="FO13" s="427">
        <v>0</v>
      </c>
      <c r="FP13" s="427">
        <v>0</v>
      </c>
      <c r="FQ13" s="427">
        <v>0</v>
      </c>
      <c r="FR13" s="427">
        <v>20880</v>
      </c>
      <c r="FS13" s="427">
        <v>0</v>
      </c>
      <c r="FT13" s="430">
        <v>20880</v>
      </c>
      <c r="FU13" s="431">
        <v>20880</v>
      </c>
      <c r="FV13" s="426">
        <v>0</v>
      </c>
      <c r="FW13" s="427">
        <v>0</v>
      </c>
      <c r="FX13" s="428">
        <v>0</v>
      </c>
      <c r="FY13" s="429">
        <v>0</v>
      </c>
      <c r="FZ13" s="427">
        <v>76606</v>
      </c>
      <c r="GA13" s="427">
        <v>104063</v>
      </c>
      <c r="GB13" s="427">
        <v>336102</v>
      </c>
      <c r="GC13" s="427">
        <v>139185</v>
      </c>
      <c r="GD13" s="427">
        <v>167163</v>
      </c>
      <c r="GE13" s="430">
        <v>823119</v>
      </c>
      <c r="GF13" s="431">
        <v>823119</v>
      </c>
      <c r="GG13" s="426">
        <v>0</v>
      </c>
      <c r="GH13" s="427">
        <v>0</v>
      </c>
      <c r="GI13" s="428">
        <v>0</v>
      </c>
      <c r="GJ13" s="429">
        <v>0</v>
      </c>
      <c r="GK13" s="427">
        <v>2920</v>
      </c>
      <c r="GL13" s="427">
        <v>70</v>
      </c>
      <c r="GM13" s="427">
        <v>6607</v>
      </c>
      <c r="GN13" s="427">
        <v>147</v>
      </c>
      <c r="GO13" s="427">
        <v>70</v>
      </c>
      <c r="GP13" s="430">
        <v>9814</v>
      </c>
      <c r="GQ13" s="431">
        <v>9814</v>
      </c>
      <c r="GR13" s="426">
        <v>0</v>
      </c>
      <c r="GS13" s="427">
        <v>0</v>
      </c>
      <c r="GT13" s="428">
        <v>0</v>
      </c>
      <c r="GU13" s="429">
        <v>0</v>
      </c>
      <c r="GV13" s="427">
        <v>0</v>
      </c>
      <c r="GW13" s="427">
        <v>0</v>
      </c>
      <c r="GX13" s="427">
        <v>0</v>
      </c>
      <c r="GY13" s="427">
        <v>0</v>
      </c>
      <c r="GZ13" s="427">
        <v>0</v>
      </c>
      <c r="HA13" s="430">
        <v>0</v>
      </c>
      <c r="HB13" s="431">
        <v>0</v>
      </c>
      <c r="HC13" s="426">
        <v>0</v>
      </c>
      <c r="HD13" s="427">
        <v>0</v>
      </c>
      <c r="HE13" s="428">
        <v>0</v>
      </c>
      <c r="HF13" s="432"/>
      <c r="HG13" s="427">
        <v>0</v>
      </c>
      <c r="HH13" s="427">
        <v>0</v>
      </c>
      <c r="HI13" s="427">
        <v>0</v>
      </c>
      <c r="HJ13" s="427">
        <v>0</v>
      </c>
      <c r="HK13" s="427">
        <v>0</v>
      </c>
      <c r="HL13" s="430">
        <v>0</v>
      </c>
      <c r="HM13" s="431">
        <v>0</v>
      </c>
      <c r="HN13" s="426">
        <v>0</v>
      </c>
      <c r="HO13" s="427">
        <v>0</v>
      </c>
      <c r="HP13" s="428">
        <v>0</v>
      </c>
      <c r="HQ13" s="429">
        <v>0</v>
      </c>
      <c r="HR13" s="427">
        <v>469913</v>
      </c>
      <c r="HS13" s="427">
        <v>563855</v>
      </c>
      <c r="HT13" s="427">
        <v>4047015</v>
      </c>
      <c r="HU13" s="427">
        <v>5809994</v>
      </c>
      <c r="HV13" s="427">
        <v>4728772</v>
      </c>
      <c r="HW13" s="430">
        <v>15619549</v>
      </c>
      <c r="HX13" s="431">
        <v>15619549</v>
      </c>
    </row>
    <row r="14" spans="1:232" ht="16.5" customHeight="1" x14ac:dyDescent="0.2">
      <c r="A14" s="208" t="s">
        <v>10</v>
      </c>
      <c r="B14" s="426">
        <v>3510</v>
      </c>
      <c r="C14" s="427">
        <v>9695</v>
      </c>
      <c r="D14" s="428">
        <v>13205</v>
      </c>
      <c r="E14" s="429">
        <v>0</v>
      </c>
      <c r="F14" s="427">
        <v>947960</v>
      </c>
      <c r="G14" s="427">
        <v>1228921</v>
      </c>
      <c r="H14" s="427">
        <v>3401484</v>
      </c>
      <c r="I14" s="427">
        <v>4899819</v>
      </c>
      <c r="J14" s="427">
        <v>4262135</v>
      </c>
      <c r="K14" s="430">
        <v>14740319</v>
      </c>
      <c r="L14" s="431">
        <v>14753524</v>
      </c>
      <c r="M14" s="426">
        <v>0</v>
      </c>
      <c r="N14" s="427">
        <v>0</v>
      </c>
      <c r="O14" s="428">
        <v>0</v>
      </c>
      <c r="P14" s="432"/>
      <c r="Q14" s="427">
        <v>89700</v>
      </c>
      <c r="R14" s="427">
        <v>330780</v>
      </c>
      <c r="S14" s="427">
        <v>2080245</v>
      </c>
      <c r="T14" s="427">
        <v>3650559</v>
      </c>
      <c r="U14" s="427">
        <v>3418190</v>
      </c>
      <c r="V14" s="430">
        <v>9569474</v>
      </c>
      <c r="W14" s="431">
        <v>9569474</v>
      </c>
      <c r="X14" s="426">
        <v>0</v>
      </c>
      <c r="Y14" s="427">
        <v>0</v>
      </c>
      <c r="Z14" s="428">
        <v>0</v>
      </c>
      <c r="AA14" s="432"/>
      <c r="AB14" s="427">
        <v>677200</v>
      </c>
      <c r="AC14" s="427">
        <v>673370</v>
      </c>
      <c r="AD14" s="427">
        <v>868174</v>
      </c>
      <c r="AE14" s="427">
        <v>949385</v>
      </c>
      <c r="AF14" s="427">
        <v>486755</v>
      </c>
      <c r="AG14" s="430">
        <v>3654884</v>
      </c>
      <c r="AH14" s="431">
        <v>3654884</v>
      </c>
      <c r="AI14" s="426">
        <v>0</v>
      </c>
      <c r="AJ14" s="427">
        <v>0</v>
      </c>
      <c r="AK14" s="428">
        <v>0</v>
      </c>
      <c r="AL14" s="432"/>
      <c r="AM14" s="427">
        <v>0</v>
      </c>
      <c r="AN14" s="427">
        <v>0</v>
      </c>
      <c r="AO14" s="427">
        <v>0</v>
      </c>
      <c r="AP14" s="427">
        <v>30595</v>
      </c>
      <c r="AQ14" s="427">
        <v>8160</v>
      </c>
      <c r="AR14" s="430">
        <v>38755</v>
      </c>
      <c r="AS14" s="431">
        <v>38755</v>
      </c>
      <c r="AT14" s="426">
        <v>0</v>
      </c>
      <c r="AU14" s="427">
        <v>0</v>
      </c>
      <c r="AV14" s="428">
        <v>0</v>
      </c>
      <c r="AW14" s="432"/>
      <c r="AX14" s="427">
        <v>0</v>
      </c>
      <c r="AY14" s="427">
        <v>0</v>
      </c>
      <c r="AZ14" s="427">
        <v>0</v>
      </c>
      <c r="BA14" s="427">
        <v>0</v>
      </c>
      <c r="BB14" s="427">
        <v>104150</v>
      </c>
      <c r="BC14" s="430">
        <v>104150</v>
      </c>
      <c r="BD14" s="431">
        <v>104150</v>
      </c>
      <c r="BE14" s="426">
        <v>0</v>
      </c>
      <c r="BF14" s="427">
        <v>0</v>
      </c>
      <c r="BG14" s="428">
        <v>0</v>
      </c>
      <c r="BH14" s="432"/>
      <c r="BI14" s="427">
        <v>0</v>
      </c>
      <c r="BJ14" s="427">
        <v>0</v>
      </c>
      <c r="BK14" s="427">
        <v>0</v>
      </c>
      <c r="BL14" s="427">
        <v>60600</v>
      </c>
      <c r="BM14" s="427">
        <v>70950</v>
      </c>
      <c r="BN14" s="430">
        <v>131550</v>
      </c>
      <c r="BO14" s="431">
        <v>131550</v>
      </c>
      <c r="BP14" s="426">
        <v>3510</v>
      </c>
      <c r="BQ14" s="427">
        <v>9695</v>
      </c>
      <c r="BR14" s="428">
        <v>13205</v>
      </c>
      <c r="BS14" s="429">
        <v>0</v>
      </c>
      <c r="BT14" s="427">
        <v>180437</v>
      </c>
      <c r="BU14" s="427">
        <v>216247</v>
      </c>
      <c r="BV14" s="427">
        <v>433368</v>
      </c>
      <c r="BW14" s="427">
        <v>198342</v>
      </c>
      <c r="BX14" s="427">
        <v>173156</v>
      </c>
      <c r="BY14" s="430">
        <v>1201550</v>
      </c>
      <c r="BZ14" s="431">
        <v>1214755</v>
      </c>
      <c r="CA14" s="426">
        <v>0</v>
      </c>
      <c r="CB14" s="427">
        <v>0</v>
      </c>
      <c r="CC14" s="428">
        <v>0</v>
      </c>
      <c r="CD14" s="429">
        <v>0</v>
      </c>
      <c r="CE14" s="427">
        <v>623</v>
      </c>
      <c r="CF14" s="427">
        <v>8524</v>
      </c>
      <c r="CG14" s="427">
        <v>19697</v>
      </c>
      <c r="CH14" s="427">
        <v>10338</v>
      </c>
      <c r="CI14" s="427">
        <v>774</v>
      </c>
      <c r="CJ14" s="430">
        <v>39956</v>
      </c>
      <c r="CK14" s="431">
        <v>39956</v>
      </c>
      <c r="CL14" s="426">
        <v>0</v>
      </c>
      <c r="CM14" s="427">
        <v>0</v>
      </c>
      <c r="CN14" s="428">
        <v>0</v>
      </c>
      <c r="CO14" s="429">
        <v>0</v>
      </c>
      <c r="CP14" s="427">
        <v>0</v>
      </c>
      <c r="CQ14" s="427">
        <v>0</v>
      </c>
      <c r="CR14" s="427">
        <v>0</v>
      </c>
      <c r="CS14" s="427">
        <v>0</v>
      </c>
      <c r="CT14" s="427">
        <v>0</v>
      </c>
      <c r="CU14" s="430">
        <v>0</v>
      </c>
      <c r="CV14" s="431">
        <v>0</v>
      </c>
      <c r="CW14" s="426">
        <v>0</v>
      </c>
      <c r="CX14" s="427">
        <v>0</v>
      </c>
      <c r="CY14" s="428">
        <v>0</v>
      </c>
      <c r="CZ14" s="432"/>
      <c r="DA14" s="427">
        <v>0</v>
      </c>
      <c r="DB14" s="427">
        <v>0</v>
      </c>
      <c r="DC14" s="427">
        <v>0</v>
      </c>
      <c r="DD14" s="427">
        <v>0</v>
      </c>
      <c r="DE14" s="427">
        <v>0</v>
      </c>
      <c r="DF14" s="430">
        <v>0</v>
      </c>
      <c r="DG14" s="431">
        <v>0</v>
      </c>
      <c r="DH14" s="426">
        <v>4122</v>
      </c>
      <c r="DI14" s="427">
        <v>23226</v>
      </c>
      <c r="DJ14" s="428">
        <v>27348</v>
      </c>
      <c r="DK14" s="429">
        <v>0</v>
      </c>
      <c r="DL14" s="427">
        <v>550815</v>
      </c>
      <c r="DM14" s="427">
        <v>978704</v>
      </c>
      <c r="DN14" s="427">
        <v>4093225</v>
      </c>
      <c r="DO14" s="427">
        <v>5628998</v>
      </c>
      <c r="DP14" s="427">
        <v>4188186</v>
      </c>
      <c r="DQ14" s="430">
        <v>15439928</v>
      </c>
      <c r="DR14" s="433">
        <v>15467276</v>
      </c>
      <c r="DS14" s="426">
        <v>0</v>
      </c>
      <c r="DT14" s="427">
        <v>0</v>
      </c>
      <c r="DU14" s="428">
        <v>0</v>
      </c>
      <c r="DV14" s="432"/>
      <c r="DW14" s="427">
        <v>133200</v>
      </c>
      <c r="DX14" s="427">
        <v>508205</v>
      </c>
      <c r="DY14" s="427">
        <v>3295688</v>
      </c>
      <c r="DZ14" s="427">
        <v>5011477</v>
      </c>
      <c r="EA14" s="427">
        <v>3690933</v>
      </c>
      <c r="EB14" s="430">
        <v>12639503</v>
      </c>
      <c r="EC14" s="431">
        <v>12639503</v>
      </c>
      <c r="ED14" s="426">
        <v>0</v>
      </c>
      <c r="EE14" s="427">
        <v>0</v>
      </c>
      <c r="EF14" s="428">
        <v>0</v>
      </c>
      <c r="EG14" s="432"/>
      <c r="EH14" s="427">
        <v>153680</v>
      </c>
      <c r="EI14" s="427">
        <v>111525</v>
      </c>
      <c r="EJ14" s="427">
        <v>148309</v>
      </c>
      <c r="EK14" s="427">
        <v>177459</v>
      </c>
      <c r="EL14" s="427">
        <v>75974</v>
      </c>
      <c r="EM14" s="430">
        <v>666947</v>
      </c>
      <c r="EN14" s="431">
        <v>666947</v>
      </c>
      <c r="EO14" s="426">
        <v>0</v>
      </c>
      <c r="EP14" s="427">
        <v>0</v>
      </c>
      <c r="EQ14" s="428">
        <v>0</v>
      </c>
      <c r="ER14" s="432">
        <v>0</v>
      </c>
      <c r="ES14" s="427">
        <v>0</v>
      </c>
      <c r="ET14" s="427">
        <v>0</v>
      </c>
      <c r="EU14" s="427">
        <v>0</v>
      </c>
      <c r="EV14" s="427">
        <v>210</v>
      </c>
      <c r="EW14" s="427">
        <v>672</v>
      </c>
      <c r="EX14" s="430">
        <v>882</v>
      </c>
      <c r="EY14" s="431">
        <v>882</v>
      </c>
      <c r="EZ14" s="426">
        <v>0</v>
      </c>
      <c r="FA14" s="427">
        <v>0</v>
      </c>
      <c r="FB14" s="428">
        <v>0</v>
      </c>
      <c r="FC14" s="432"/>
      <c r="FD14" s="427">
        <v>0</v>
      </c>
      <c r="FE14" s="427">
        <v>0</v>
      </c>
      <c r="FF14" s="427">
        <v>0</v>
      </c>
      <c r="FG14" s="427">
        <v>0</v>
      </c>
      <c r="FH14" s="427">
        <v>2030</v>
      </c>
      <c r="FI14" s="430">
        <v>2030</v>
      </c>
      <c r="FJ14" s="431">
        <v>2030</v>
      </c>
      <c r="FK14" s="426">
        <v>0</v>
      </c>
      <c r="FL14" s="427">
        <v>0</v>
      </c>
      <c r="FM14" s="428">
        <v>0</v>
      </c>
      <c r="FN14" s="432">
        <v>0</v>
      </c>
      <c r="FO14" s="427">
        <v>0</v>
      </c>
      <c r="FP14" s="427">
        <v>0</v>
      </c>
      <c r="FQ14" s="427">
        <v>0</v>
      </c>
      <c r="FR14" s="427">
        <v>85170</v>
      </c>
      <c r="FS14" s="427">
        <v>113100</v>
      </c>
      <c r="FT14" s="430">
        <v>198270</v>
      </c>
      <c r="FU14" s="431">
        <v>198270</v>
      </c>
      <c r="FV14" s="426">
        <v>4122</v>
      </c>
      <c r="FW14" s="427">
        <v>23226</v>
      </c>
      <c r="FX14" s="428">
        <v>27348</v>
      </c>
      <c r="FY14" s="429">
        <v>0</v>
      </c>
      <c r="FZ14" s="427">
        <v>263886</v>
      </c>
      <c r="GA14" s="427">
        <v>358883</v>
      </c>
      <c r="GB14" s="427">
        <v>638574</v>
      </c>
      <c r="GC14" s="427">
        <v>351261</v>
      </c>
      <c r="GD14" s="427">
        <v>303975</v>
      </c>
      <c r="GE14" s="430">
        <v>1916579</v>
      </c>
      <c r="GF14" s="431">
        <v>1943927</v>
      </c>
      <c r="GG14" s="426">
        <v>0</v>
      </c>
      <c r="GH14" s="427">
        <v>0</v>
      </c>
      <c r="GI14" s="428">
        <v>0</v>
      </c>
      <c r="GJ14" s="429">
        <v>0</v>
      </c>
      <c r="GK14" s="427">
        <v>49</v>
      </c>
      <c r="GL14" s="427">
        <v>91</v>
      </c>
      <c r="GM14" s="427">
        <v>10654</v>
      </c>
      <c r="GN14" s="427">
        <v>3421</v>
      </c>
      <c r="GO14" s="427">
        <v>1502</v>
      </c>
      <c r="GP14" s="430">
        <v>15717</v>
      </c>
      <c r="GQ14" s="431">
        <v>15717</v>
      </c>
      <c r="GR14" s="426">
        <v>0</v>
      </c>
      <c r="GS14" s="427">
        <v>0</v>
      </c>
      <c r="GT14" s="428">
        <v>0</v>
      </c>
      <c r="GU14" s="429">
        <v>0</v>
      </c>
      <c r="GV14" s="427">
        <v>0</v>
      </c>
      <c r="GW14" s="427">
        <v>0</v>
      </c>
      <c r="GX14" s="427">
        <v>0</v>
      </c>
      <c r="GY14" s="427">
        <v>0</v>
      </c>
      <c r="GZ14" s="427">
        <v>0</v>
      </c>
      <c r="HA14" s="430">
        <v>0</v>
      </c>
      <c r="HB14" s="431">
        <v>0</v>
      </c>
      <c r="HC14" s="426">
        <v>0</v>
      </c>
      <c r="HD14" s="427">
        <v>0</v>
      </c>
      <c r="HE14" s="428">
        <v>0</v>
      </c>
      <c r="HF14" s="432"/>
      <c r="HG14" s="427">
        <v>0</v>
      </c>
      <c r="HH14" s="427">
        <v>0</v>
      </c>
      <c r="HI14" s="427">
        <v>0</v>
      </c>
      <c r="HJ14" s="427">
        <v>0</v>
      </c>
      <c r="HK14" s="427">
        <v>0</v>
      </c>
      <c r="HL14" s="430">
        <v>0</v>
      </c>
      <c r="HM14" s="431">
        <v>0</v>
      </c>
      <c r="HN14" s="426">
        <v>7632</v>
      </c>
      <c r="HO14" s="427">
        <v>32921</v>
      </c>
      <c r="HP14" s="428">
        <v>40553</v>
      </c>
      <c r="HQ14" s="429">
        <v>0</v>
      </c>
      <c r="HR14" s="427">
        <v>1498775</v>
      </c>
      <c r="HS14" s="427">
        <v>2207625</v>
      </c>
      <c r="HT14" s="427">
        <v>7494709</v>
      </c>
      <c r="HU14" s="427">
        <v>10528817</v>
      </c>
      <c r="HV14" s="427">
        <v>8450321</v>
      </c>
      <c r="HW14" s="430">
        <v>30180247</v>
      </c>
      <c r="HX14" s="431">
        <v>30220800</v>
      </c>
    </row>
    <row r="15" spans="1:232" ht="16.5" customHeight="1" x14ac:dyDescent="0.2">
      <c r="A15" s="208" t="s">
        <v>11</v>
      </c>
      <c r="B15" s="426">
        <v>3920</v>
      </c>
      <c r="C15" s="427">
        <v>3760</v>
      </c>
      <c r="D15" s="428">
        <v>7680</v>
      </c>
      <c r="E15" s="429">
        <v>0</v>
      </c>
      <c r="F15" s="427">
        <v>864087</v>
      </c>
      <c r="G15" s="427">
        <v>875770</v>
      </c>
      <c r="H15" s="427">
        <v>3436141</v>
      </c>
      <c r="I15" s="427">
        <v>4205477</v>
      </c>
      <c r="J15" s="427">
        <v>1813223</v>
      </c>
      <c r="K15" s="430">
        <v>11194698</v>
      </c>
      <c r="L15" s="431">
        <v>11202378</v>
      </c>
      <c r="M15" s="426">
        <v>0</v>
      </c>
      <c r="N15" s="427">
        <v>0</v>
      </c>
      <c r="O15" s="428">
        <v>0</v>
      </c>
      <c r="P15" s="432"/>
      <c r="Q15" s="427">
        <v>23850</v>
      </c>
      <c r="R15" s="427">
        <v>31500</v>
      </c>
      <c r="S15" s="427">
        <v>2241630</v>
      </c>
      <c r="T15" s="427">
        <v>2902948</v>
      </c>
      <c r="U15" s="427">
        <v>1192390</v>
      </c>
      <c r="V15" s="430">
        <v>6392318</v>
      </c>
      <c r="W15" s="431">
        <v>6392318</v>
      </c>
      <c r="X15" s="426">
        <v>0</v>
      </c>
      <c r="Y15" s="427">
        <v>0</v>
      </c>
      <c r="Z15" s="428">
        <v>0</v>
      </c>
      <c r="AA15" s="432"/>
      <c r="AB15" s="427">
        <v>698135</v>
      </c>
      <c r="AC15" s="427">
        <v>635260</v>
      </c>
      <c r="AD15" s="427">
        <v>771863</v>
      </c>
      <c r="AE15" s="427">
        <v>1053021</v>
      </c>
      <c r="AF15" s="427">
        <v>324535</v>
      </c>
      <c r="AG15" s="430">
        <v>3482814</v>
      </c>
      <c r="AH15" s="431">
        <v>3482814</v>
      </c>
      <c r="AI15" s="426">
        <v>0</v>
      </c>
      <c r="AJ15" s="427">
        <v>0</v>
      </c>
      <c r="AK15" s="428">
        <v>0</v>
      </c>
      <c r="AL15" s="432"/>
      <c r="AM15" s="427">
        <v>0</v>
      </c>
      <c r="AN15" s="427">
        <v>0</v>
      </c>
      <c r="AO15" s="427">
        <v>0</v>
      </c>
      <c r="AP15" s="427">
        <v>0</v>
      </c>
      <c r="AQ15" s="427">
        <v>23850</v>
      </c>
      <c r="AR15" s="430">
        <v>23850</v>
      </c>
      <c r="AS15" s="431">
        <v>23850</v>
      </c>
      <c r="AT15" s="426">
        <v>0</v>
      </c>
      <c r="AU15" s="427">
        <v>0</v>
      </c>
      <c r="AV15" s="428">
        <v>0</v>
      </c>
      <c r="AW15" s="432"/>
      <c r="AX15" s="427">
        <v>58200</v>
      </c>
      <c r="AY15" s="427">
        <v>39450</v>
      </c>
      <c r="AZ15" s="427">
        <v>2550</v>
      </c>
      <c r="BA15" s="427">
        <v>34350</v>
      </c>
      <c r="BB15" s="427">
        <v>193235</v>
      </c>
      <c r="BC15" s="430">
        <v>327785</v>
      </c>
      <c r="BD15" s="431">
        <v>327785</v>
      </c>
      <c r="BE15" s="426">
        <v>0</v>
      </c>
      <c r="BF15" s="427">
        <v>0</v>
      </c>
      <c r="BG15" s="428">
        <v>0</v>
      </c>
      <c r="BH15" s="432"/>
      <c r="BI15" s="427">
        <v>0</v>
      </c>
      <c r="BJ15" s="427">
        <v>23850</v>
      </c>
      <c r="BK15" s="427">
        <v>31650</v>
      </c>
      <c r="BL15" s="427">
        <v>0</v>
      </c>
      <c r="BM15" s="427">
        <v>0</v>
      </c>
      <c r="BN15" s="430">
        <v>55500</v>
      </c>
      <c r="BO15" s="431">
        <v>55500</v>
      </c>
      <c r="BP15" s="426">
        <v>3920</v>
      </c>
      <c r="BQ15" s="427">
        <v>3760</v>
      </c>
      <c r="BR15" s="428">
        <v>7680</v>
      </c>
      <c r="BS15" s="429">
        <v>0</v>
      </c>
      <c r="BT15" s="427">
        <v>83902</v>
      </c>
      <c r="BU15" s="427">
        <v>142500</v>
      </c>
      <c r="BV15" s="427">
        <v>357720</v>
      </c>
      <c r="BW15" s="427">
        <v>207603</v>
      </c>
      <c r="BX15" s="427">
        <v>74408</v>
      </c>
      <c r="BY15" s="430">
        <v>866133</v>
      </c>
      <c r="BZ15" s="431">
        <v>873813</v>
      </c>
      <c r="CA15" s="426">
        <v>0</v>
      </c>
      <c r="CB15" s="427">
        <v>0</v>
      </c>
      <c r="CC15" s="428">
        <v>0</v>
      </c>
      <c r="CD15" s="429">
        <v>0</v>
      </c>
      <c r="CE15" s="427">
        <v>0</v>
      </c>
      <c r="CF15" s="427">
        <v>3210</v>
      </c>
      <c r="CG15" s="427">
        <v>30728</v>
      </c>
      <c r="CH15" s="427">
        <v>7555</v>
      </c>
      <c r="CI15" s="427">
        <v>4805</v>
      </c>
      <c r="CJ15" s="430">
        <v>46298</v>
      </c>
      <c r="CK15" s="431">
        <v>46298</v>
      </c>
      <c r="CL15" s="426">
        <v>0</v>
      </c>
      <c r="CM15" s="427">
        <v>0</v>
      </c>
      <c r="CN15" s="428">
        <v>0</v>
      </c>
      <c r="CO15" s="429">
        <v>0</v>
      </c>
      <c r="CP15" s="427">
        <v>0</v>
      </c>
      <c r="CQ15" s="427">
        <v>0</v>
      </c>
      <c r="CR15" s="427">
        <v>0</v>
      </c>
      <c r="CS15" s="427">
        <v>0</v>
      </c>
      <c r="CT15" s="427">
        <v>0</v>
      </c>
      <c r="CU15" s="430">
        <v>0</v>
      </c>
      <c r="CV15" s="431">
        <v>0</v>
      </c>
      <c r="CW15" s="426">
        <v>0</v>
      </c>
      <c r="CX15" s="427">
        <v>0</v>
      </c>
      <c r="CY15" s="428">
        <v>0</v>
      </c>
      <c r="CZ15" s="432"/>
      <c r="DA15" s="427">
        <v>0</v>
      </c>
      <c r="DB15" s="427">
        <v>0</v>
      </c>
      <c r="DC15" s="427">
        <v>0</v>
      </c>
      <c r="DD15" s="427">
        <v>0</v>
      </c>
      <c r="DE15" s="427">
        <v>0</v>
      </c>
      <c r="DF15" s="430">
        <v>0</v>
      </c>
      <c r="DG15" s="431">
        <v>0</v>
      </c>
      <c r="DH15" s="426">
        <v>6008</v>
      </c>
      <c r="DI15" s="427">
        <v>4480</v>
      </c>
      <c r="DJ15" s="428">
        <v>10488</v>
      </c>
      <c r="DK15" s="429">
        <v>0</v>
      </c>
      <c r="DL15" s="427">
        <v>290263</v>
      </c>
      <c r="DM15" s="427">
        <v>411583</v>
      </c>
      <c r="DN15" s="427">
        <v>3125870</v>
      </c>
      <c r="DO15" s="427">
        <v>3715839</v>
      </c>
      <c r="DP15" s="427">
        <v>1769980</v>
      </c>
      <c r="DQ15" s="430">
        <v>9313535</v>
      </c>
      <c r="DR15" s="433">
        <v>9324023</v>
      </c>
      <c r="DS15" s="426">
        <v>0</v>
      </c>
      <c r="DT15" s="427">
        <v>0</v>
      </c>
      <c r="DU15" s="428">
        <v>0</v>
      </c>
      <c r="DV15" s="432"/>
      <c r="DW15" s="427">
        <v>14550</v>
      </c>
      <c r="DX15" s="427">
        <v>70860</v>
      </c>
      <c r="DY15" s="427">
        <v>2586862</v>
      </c>
      <c r="DZ15" s="427">
        <v>3293077</v>
      </c>
      <c r="EA15" s="427">
        <v>1611614</v>
      </c>
      <c r="EB15" s="430">
        <v>7576963</v>
      </c>
      <c r="EC15" s="431">
        <v>7576963</v>
      </c>
      <c r="ED15" s="426">
        <v>0</v>
      </c>
      <c r="EE15" s="427">
        <v>0</v>
      </c>
      <c r="EF15" s="428">
        <v>0</v>
      </c>
      <c r="EG15" s="432"/>
      <c r="EH15" s="427">
        <v>136179</v>
      </c>
      <c r="EI15" s="427">
        <v>142459</v>
      </c>
      <c r="EJ15" s="427">
        <v>148420</v>
      </c>
      <c r="EK15" s="427">
        <v>150624</v>
      </c>
      <c r="EL15" s="427">
        <v>47992</v>
      </c>
      <c r="EM15" s="430">
        <v>625674</v>
      </c>
      <c r="EN15" s="431">
        <v>625674</v>
      </c>
      <c r="EO15" s="426">
        <v>0</v>
      </c>
      <c r="EP15" s="427">
        <v>0</v>
      </c>
      <c r="EQ15" s="428">
        <v>0</v>
      </c>
      <c r="ER15" s="432">
        <v>0</v>
      </c>
      <c r="ES15" s="427">
        <v>0</v>
      </c>
      <c r="ET15" s="427">
        <v>0</v>
      </c>
      <c r="EU15" s="427">
        <v>0</v>
      </c>
      <c r="EV15" s="427">
        <v>0</v>
      </c>
      <c r="EW15" s="427">
        <v>210</v>
      </c>
      <c r="EX15" s="430">
        <v>210</v>
      </c>
      <c r="EY15" s="431">
        <v>210</v>
      </c>
      <c r="EZ15" s="426">
        <v>0</v>
      </c>
      <c r="FA15" s="427">
        <v>0</v>
      </c>
      <c r="FB15" s="428">
        <v>0</v>
      </c>
      <c r="FC15" s="432"/>
      <c r="FD15" s="427">
        <v>11520</v>
      </c>
      <c r="FE15" s="427">
        <v>11730</v>
      </c>
      <c r="FF15" s="427">
        <v>210</v>
      </c>
      <c r="FG15" s="427">
        <v>11310</v>
      </c>
      <c r="FH15" s="427">
        <v>13305</v>
      </c>
      <c r="FI15" s="430">
        <v>48075</v>
      </c>
      <c r="FJ15" s="431">
        <v>48075</v>
      </c>
      <c r="FK15" s="426">
        <v>0</v>
      </c>
      <c r="FL15" s="427">
        <v>0</v>
      </c>
      <c r="FM15" s="428">
        <v>0</v>
      </c>
      <c r="FN15" s="432">
        <v>0</v>
      </c>
      <c r="FO15" s="427">
        <v>0</v>
      </c>
      <c r="FP15" s="427">
        <v>20880</v>
      </c>
      <c r="FQ15" s="427">
        <v>22530</v>
      </c>
      <c r="FR15" s="427">
        <v>0</v>
      </c>
      <c r="FS15" s="427">
        <v>0</v>
      </c>
      <c r="FT15" s="430">
        <v>43410</v>
      </c>
      <c r="FU15" s="431">
        <v>43410</v>
      </c>
      <c r="FV15" s="426">
        <v>6008</v>
      </c>
      <c r="FW15" s="427">
        <v>4480</v>
      </c>
      <c r="FX15" s="428">
        <v>10488</v>
      </c>
      <c r="FY15" s="429">
        <v>0</v>
      </c>
      <c r="FZ15" s="427">
        <v>128014</v>
      </c>
      <c r="GA15" s="427">
        <v>165626</v>
      </c>
      <c r="GB15" s="427">
        <v>339492</v>
      </c>
      <c r="GC15" s="427">
        <v>260695</v>
      </c>
      <c r="GD15" s="427">
        <v>94318</v>
      </c>
      <c r="GE15" s="430">
        <v>988145</v>
      </c>
      <c r="GF15" s="431">
        <v>998633</v>
      </c>
      <c r="GG15" s="426">
        <v>0</v>
      </c>
      <c r="GH15" s="427">
        <v>0</v>
      </c>
      <c r="GI15" s="428">
        <v>0</v>
      </c>
      <c r="GJ15" s="429">
        <v>0</v>
      </c>
      <c r="GK15" s="427">
        <v>0</v>
      </c>
      <c r="GL15" s="427">
        <v>28</v>
      </c>
      <c r="GM15" s="427">
        <v>28356</v>
      </c>
      <c r="GN15" s="427">
        <v>133</v>
      </c>
      <c r="GO15" s="427">
        <v>2541</v>
      </c>
      <c r="GP15" s="430">
        <v>31058</v>
      </c>
      <c r="GQ15" s="431">
        <v>31058</v>
      </c>
      <c r="GR15" s="426">
        <v>0</v>
      </c>
      <c r="GS15" s="427">
        <v>0</v>
      </c>
      <c r="GT15" s="428">
        <v>0</v>
      </c>
      <c r="GU15" s="429">
        <v>0</v>
      </c>
      <c r="GV15" s="427">
        <v>0</v>
      </c>
      <c r="GW15" s="427">
        <v>0</v>
      </c>
      <c r="GX15" s="427">
        <v>0</v>
      </c>
      <c r="GY15" s="427">
        <v>0</v>
      </c>
      <c r="GZ15" s="427">
        <v>0</v>
      </c>
      <c r="HA15" s="430">
        <v>0</v>
      </c>
      <c r="HB15" s="431">
        <v>0</v>
      </c>
      <c r="HC15" s="426">
        <v>0</v>
      </c>
      <c r="HD15" s="427">
        <v>0</v>
      </c>
      <c r="HE15" s="428">
        <v>0</v>
      </c>
      <c r="HF15" s="432"/>
      <c r="HG15" s="427">
        <v>0</v>
      </c>
      <c r="HH15" s="427">
        <v>0</v>
      </c>
      <c r="HI15" s="427">
        <v>0</v>
      </c>
      <c r="HJ15" s="427">
        <v>0</v>
      </c>
      <c r="HK15" s="427">
        <v>0</v>
      </c>
      <c r="HL15" s="430">
        <v>0</v>
      </c>
      <c r="HM15" s="431">
        <v>0</v>
      </c>
      <c r="HN15" s="426">
        <v>9928</v>
      </c>
      <c r="HO15" s="427">
        <v>8240</v>
      </c>
      <c r="HP15" s="428">
        <v>18168</v>
      </c>
      <c r="HQ15" s="429">
        <v>0</v>
      </c>
      <c r="HR15" s="427">
        <v>1154350</v>
      </c>
      <c r="HS15" s="427">
        <v>1287353</v>
      </c>
      <c r="HT15" s="427">
        <v>6562011</v>
      </c>
      <c r="HU15" s="427">
        <v>7921316</v>
      </c>
      <c r="HV15" s="427">
        <v>3583203</v>
      </c>
      <c r="HW15" s="430">
        <v>20508233</v>
      </c>
      <c r="HX15" s="431">
        <v>20526401</v>
      </c>
    </row>
    <row r="16" spans="1:232" ht="16.5" customHeight="1" x14ac:dyDescent="0.2">
      <c r="A16" s="208" t="s">
        <v>12</v>
      </c>
      <c r="B16" s="426">
        <v>0</v>
      </c>
      <c r="C16" s="427">
        <v>0</v>
      </c>
      <c r="D16" s="428">
        <v>0</v>
      </c>
      <c r="E16" s="429">
        <v>0</v>
      </c>
      <c r="F16" s="427">
        <v>260210</v>
      </c>
      <c r="G16" s="427">
        <v>650544</v>
      </c>
      <c r="H16" s="427">
        <v>2351434</v>
      </c>
      <c r="I16" s="427">
        <v>3281611</v>
      </c>
      <c r="J16" s="427">
        <v>2043550</v>
      </c>
      <c r="K16" s="430">
        <v>8587349</v>
      </c>
      <c r="L16" s="431">
        <v>8587349</v>
      </c>
      <c r="M16" s="426">
        <v>0</v>
      </c>
      <c r="N16" s="427">
        <v>0</v>
      </c>
      <c r="O16" s="428">
        <v>0</v>
      </c>
      <c r="P16" s="432"/>
      <c r="Q16" s="427">
        <v>2550</v>
      </c>
      <c r="R16" s="427">
        <v>103620</v>
      </c>
      <c r="S16" s="427">
        <v>1178001</v>
      </c>
      <c r="T16" s="427">
        <v>2230208</v>
      </c>
      <c r="U16" s="427">
        <v>1513433</v>
      </c>
      <c r="V16" s="430">
        <v>5027812</v>
      </c>
      <c r="W16" s="431">
        <v>5027812</v>
      </c>
      <c r="X16" s="426">
        <v>0</v>
      </c>
      <c r="Y16" s="427">
        <v>0</v>
      </c>
      <c r="Z16" s="428">
        <v>0</v>
      </c>
      <c r="AA16" s="432"/>
      <c r="AB16" s="427">
        <v>200450</v>
      </c>
      <c r="AC16" s="427">
        <v>407765</v>
      </c>
      <c r="AD16" s="427">
        <v>773473</v>
      </c>
      <c r="AE16" s="427">
        <v>817596</v>
      </c>
      <c r="AF16" s="427">
        <v>349385</v>
      </c>
      <c r="AG16" s="430">
        <v>2548669</v>
      </c>
      <c r="AH16" s="431">
        <v>2548669</v>
      </c>
      <c r="AI16" s="426">
        <v>0</v>
      </c>
      <c r="AJ16" s="427">
        <v>0</v>
      </c>
      <c r="AK16" s="428">
        <v>0</v>
      </c>
      <c r="AL16" s="432"/>
      <c r="AM16" s="427">
        <v>0</v>
      </c>
      <c r="AN16" s="427">
        <v>0</v>
      </c>
      <c r="AO16" s="427">
        <v>0</v>
      </c>
      <c r="AP16" s="427">
        <v>34200</v>
      </c>
      <c r="AQ16" s="427">
        <v>31415</v>
      </c>
      <c r="AR16" s="430">
        <v>65615</v>
      </c>
      <c r="AS16" s="431">
        <v>65615</v>
      </c>
      <c r="AT16" s="426">
        <v>0</v>
      </c>
      <c r="AU16" s="427">
        <v>0</v>
      </c>
      <c r="AV16" s="428">
        <v>0</v>
      </c>
      <c r="AW16" s="432"/>
      <c r="AX16" s="427">
        <v>0</v>
      </c>
      <c r="AY16" s="427">
        <v>0</v>
      </c>
      <c r="AZ16" s="427">
        <v>0</v>
      </c>
      <c r="BA16" s="427">
        <v>4080</v>
      </c>
      <c r="BB16" s="427">
        <v>36325</v>
      </c>
      <c r="BC16" s="430">
        <v>40405</v>
      </c>
      <c r="BD16" s="431">
        <v>40405</v>
      </c>
      <c r="BE16" s="426">
        <v>0</v>
      </c>
      <c r="BF16" s="427">
        <v>0</v>
      </c>
      <c r="BG16" s="428">
        <v>0</v>
      </c>
      <c r="BH16" s="432"/>
      <c r="BI16" s="427">
        <v>960</v>
      </c>
      <c r="BJ16" s="427">
        <v>0</v>
      </c>
      <c r="BK16" s="427">
        <v>235380</v>
      </c>
      <c r="BL16" s="427">
        <v>31500</v>
      </c>
      <c r="BM16" s="427">
        <v>960</v>
      </c>
      <c r="BN16" s="430">
        <v>268800</v>
      </c>
      <c r="BO16" s="431">
        <v>268800</v>
      </c>
      <c r="BP16" s="426">
        <v>0</v>
      </c>
      <c r="BQ16" s="427">
        <v>0</v>
      </c>
      <c r="BR16" s="428">
        <v>0</v>
      </c>
      <c r="BS16" s="429">
        <v>0</v>
      </c>
      <c r="BT16" s="427">
        <v>56250</v>
      </c>
      <c r="BU16" s="427">
        <v>139159</v>
      </c>
      <c r="BV16" s="427">
        <v>164580</v>
      </c>
      <c r="BW16" s="427">
        <v>163259</v>
      </c>
      <c r="BX16" s="427">
        <v>112032</v>
      </c>
      <c r="BY16" s="430">
        <v>635280</v>
      </c>
      <c r="BZ16" s="431">
        <v>635280</v>
      </c>
      <c r="CA16" s="426">
        <v>0</v>
      </c>
      <c r="CB16" s="427">
        <v>0</v>
      </c>
      <c r="CC16" s="428">
        <v>0</v>
      </c>
      <c r="CD16" s="429">
        <v>0</v>
      </c>
      <c r="CE16" s="427">
        <v>0</v>
      </c>
      <c r="CF16" s="427">
        <v>0</v>
      </c>
      <c r="CG16" s="427">
        <v>0</v>
      </c>
      <c r="CH16" s="427">
        <v>768</v>
      </c>
      <c r="CI16" s="427">
        <v>0</v>
      </c>
      <c r="CJ16" s="430">
        <v>768</v>
      </c>
      <c r="CK16" s="431">
        <v>768</v>
      </c>
      <c r="CL16" s="426">
        <v>0</v>
      </c>
      <c r="CM16" s="427">
        <v>0</v>
      </c>
      <c r="CN16" s="428">
        <v>0</v>
      </c>
      <c r="CO16" s="429">
        <v>0</v>
      </c>
      <c r="CP16" s="427">
        <v>0</v>
      </c>
      <c r="CQ16" s="427">
        <v>0</v>
      </c>
      <c r="CR16" s="427">
        <v>0</v>
      </c>
      <c r="CS16" s="427">
        <v>0</v>
      </c>
      <c r="CT16" s="427">
        <v>0</v>
      </c>
      <c r="CU16" s="430">
        <v>0</v>
      </c>
      <c r="CV16" s="431">
        <v>0</v>
      </c>
      <c r="CW16" s="426">
        <v>0</v>
      </c>
      <c r="CX16" s="427">
        <v>0</v>
      </c>
      <c r="CY16" s="428">
        <v>0</v>
      </c>
      <c r="CZ16" s="432"/>
      <c r="DA16" s="427">
        <v>0</v>
      </c>
      <c r="DB16" s="427">
        <v>0</v>
      </c>
      <c r="DC16" s="427">
        <v>0</v>
      </c>
      <c r="DD16" s="427">
        <v>0</v>
      </c>
      <c r="DE16" s="427">
        <v>0</v>
      </c>
      <c r="DF16" s="430">
        <v>0</v>
      </c>
      <c r="DG16" s="431">
        <v>0</v>
      </c>
      <c r="DH16" s="426">
        <v>0</v>
      </c>
      <c r="DI16" s="427">
        <v>0</v>
      </c>
      <c r="DJ16" s="428">
        <v>0</v>
      </c>
      <c r="DK16" s="429">
        <v>0</v>
      </c>
      <c r="DL16" s="427">
        <v>141727</v>
      </c>
      <c r="DM16" s="427">
        <v>482068</v>
      </c>
      <c r="DN16" s="427">
        <v>2590248</v>
      </c>
      <c r="DO16" s="427">
        <v>3665960</v>
      </c>
      <c r="DP16" s="427">
        <v>2122533</v>
      </c>
      <c r="DQ16" s="430">
        <v>9002536</v>
      </c>
      <c r="DR16" s="433">
        <v>9002536</v>
      </c>
      <c r="DS16" s="426">
        <v>0</v>
      </c>
      <c r="DT16" s="427">
        <v>0</v>
      </c>
      <c r="DU16" s="428">
        <v>0</v>
      </c>
      <c r="DV16" s="432"/>
      <c r="DW16" s="427">
        <v>20880</v>
      </c>
      <c r="DX16" s="427">
        <v>183594</v>
      </c>
      <c r="DY16" s="427">
        <v>1860046</v>
      </c>
      <c r="DZ16" s="427">
        <v>3147355</v>
      </c>
      <c r="EA16" s="427">
        <v>1876158</v>
      </c>
      <c r="EB16" s="430">
        <v>7088033</v>
      </c>
      <c r="EC16" s="431">
        <v>7088033</v>
      </c>
      <c r="ED16" s="426">
        <v>0</v>
      </c>
      <c r="EE16" s="427">
        <v>0</v>
      </c>
      <c r="EF16" s="428">
        <v>0</v>
      </c>
      <c r="EG16" s="432"/>
      <c r="EH16" s="427">
        <v>2394</v>
      </c>
      <c r="EI16" s="427">
        <v>68257</v>
      </c>
      <c r="EJ16" s="427">
        <v>124682</v>
      </c>
      <c r="EK16" s="427">
        <v>210904</v>
      </c>
      <c r="EL16" s="427">
        <v>70592</v>
      </c>
      <c r="EM16" s="430">
        <v>476829</v>
      </c>
      <c r="EN16" s="431">
        <v>476829</v>
      </c>
      <c r="EO16" s="426">
        <v>0</v>
      </c>
      <c r="EP16" s="427">
        <v>0</v>
      </c>
      <c r="EQ16" s="428">
        <v>0</v>
      </c>
      <c r="ER16" s="432">
        <v>0</v>
      </c>
      <c r="ES16" s="427">
        <v>0</v>
      </c>
      <c r="ET16" s="427">
        <v>0</v>
      </c>
      <c r="EU16" s="427">
        <v>0</v>
      </c>
      <c r="EV16" s="427">
        <v>420</v>
      </c>
      <c r="EW16" s="427">
        <v>840</v>
      </c>
      <c r="EX16" s="430">
        <v>1260</v>
      </c>
      <c r="EY16" s="431">
        <v>1260</v>
      </c>
      <c r="EZ16" s="426">
        <v>0</v>
      </c>
      <c r="FA16" s="427">
        <v>0</v>
      </c>
      <c r="FB16" s="428">
        <v>0</v>
      </c>
      <c r="FC16" s="432"/>
      <c r="FD16" s="427">
        <v>0</v>
      </c>
      <c r="FE16" s="427">
        <v>0</v>
      </c>
      <c r="FF16" s="427">
        <v>0</v>
      </c>
      <c r="FG16" s="427">
        <v>336</v>
      </c>
      <c r="FH16" s="427">
        <v>630</v>
      </c>
      <c r="FI16" s="430">
        <v>966</v>
      </c>
      <c r="FJ16" s="431">
        <v>966</v>
      </c>
      <c r="FK16" s="426">
        <v>0</v>
      </c>
      <c r="FL16" s="427">
        <v>0</v>
      </c>
      <c r="FM16" s="428">
        <v>0</v>
      </c>
      <c r="FN16" s="432">
        <v>0</v>
      </c>
      <c r="FO16" s="427">
        <v>20880</v>
      </c>
      <c r="FP16" s="427">
        <v>0</v>
      </c>
      <c r="FQ16" s="427">
        <v>330240</v>
      </c>
      <c r="FR16" s="427">
        <v>66900</v>
      </c>
      <c r="FS16" s="427">
        <v>20880</v>
      </c>
      <c r="FT16" s="430">
        <v>438900</v>
      </c>
      <c r="FU16" s="431">
        <v>438900</v>
      </c>
      <c r="FV16" s="426">
        <v>0</v>
      </c>
      <c r="FW16" s="427">
        <v>0</v>
      </c>
      <c r="FX16" s="428">
        <v>0</v>
      </c>
      <c r="FY16" s="429">
        <v>0</v>
      </c>
      <c r="FZ16" s="427">
        <v>97573</v>
      </c>
      <c r="GA16" s="427">
        <v>230217</v>
      </c>
      <c r="GB16" s="427">
        <v>275280</v>
      </c>
      <c r="GC16" s="427">
        <v>239989</v>
      </c>
      <c r="GD16" s="427">
        <v>153433</v>
      </c>
      <c r="GE16" s="430">
        <v>996492</v>
      </c>
      <c r="GF16" s="431">
        <v>996492</v>
      </c>
      <c r="GG16" s="426">
        <v>0</v>
      </c>
      <c r="GH16" s="427">
        <v>0</v>
      </c>
      <c r="GI16" s="428">
        <v>0</v>
      </c>
      <c r="GJ16" s="429">
        <v>0</v>
      </c>
      <c r="GK16" s="427">
        <v>0</v>
      </c>
      <c r="GL16" s="427">
        <v>0</v>
      </c>
      <c r="GM16" s="427">
        <v>0</v>
      </c>
      <c r="GN16" s="427">
        <v>56</v>
      </c>
      <c r="GO16" s="427">
        <v>0</v>
      </c>
      <c r="GP16" s="430">
        <v>56</v>
      </c>
      <c r="GQ16" s="431">
        <v>56</v>
      </c>
      <c r="GR16" s="426">
        <v>0</v>
      </c>
      <c r="GS16" s="427">
        <v>0</v>
      </c>
      <c r="GT16" s="428">
        <v>0</v>
      </c>
      <c r="GU16" s="429">
        <v>0</v>
      </c>
      <c r="GV16" s="427">
        <v>0</v>
      </c>
      <c r="GW16" s="427">
        <v>0</v>
      </c>
      <c r="GX16" s="427">
        <v>0</v>
      </c>
      <c r="GY16" s="427">
        <v>0</v>
      </c>
      <c r="GZ16" s="427">
        <v>0</v>
      </c>
      <c r="HA16" s="430">
        <v>0</v>
      </c>
      <c r="HB16" s="431">
        <v>0</v>
      </c>
      <c r="HC16" s="426">
        <v>0</v>
      </c>
      <c r="HD16" s="427">
        <v>0</v>
      </c>
      <c r="HE16" s="428">
        <v>0</v>
      </c>
      <c r="HF16" s="432"/>
      <c r="HG16" s="427">
        <v>0</v>
      </c>
      <c r="HH16" s="427">
        <v>0</v>
      </c>
      <c r="HI16" s="427">
        <v>0</v>
      </c>
      <c r="HJ16" s="427">
        <v>0</v>
      </c>
      <c r="HK16" s="427">
        <v>0</v>
      </c>
      <c r="HL16" s="430">
        <v>0</v>
      </c>
      <c r="HM16" s="431">
        <v>0</v>
      </c>
      <c r="HN16" s="426">
        <v>0</v>
      </c>
      <c r="HO16" s="427">
        <v>0</v>
      </c>
      <c r="HP16" s="428">
        <v>0</v>
      </c>
      <c r="HQ16" s="429">
        <v>0</v>
      </c>
      <c r="HR16" s="427">
        <v>401937</v>
      </c>
      <c r="HS16" s="427">
        <v>1132612</v>
      </c>
      <c r="HT16" s="427">
        <v>4941682</v>
      </c>
      <c r="HU16" s="427">
        <v>6947571</v>
      </c>
      <c r="HV16" s="427">
        <v>4166083</v>
      </c>
      <c r="HW16" s="430">
        <v>17589885</v>
      </c>
      <c r="HX16" s="431">
        <v>17589885</v>
      </c>
    </row>
    <row r="17" spans="1:232" ht="16.5" customHeight="1" x14ac:dyDescent="0.2">
      <c r="A17" s="208" t="s">
        <v>13</v>
      </c>
      <c r="B17" s="426">
        <v>0</v>
      </c>
      <c r="C17" s="427">
        <v>0</v>
      </c>
      <c r="D17" s="428">
        <v>0</v>
      </c>
      <c r="E17" s="429">
        <v>0</v>
      </c>
      <c r="F17" s="427">
        <v>79858</v>
      </c>
      <c r="G17" s="427">
        <v>127435</v>
      </c>
      <c r="H17" s="427">
        <v>606800</v>
      </c>
      <c r="I17" s="427">
        <v>915908</v>
      </c>
      <c r="J17" s="427">
        <v>539593</v>
      </c>
      <c r="K17" s="430">
        <v>2269594</v>
      </c>
      <c r="L17" s="431">
        <v>2269594</v>
      </c>
      <c r="M17" s="426">
        <v>0</v>
      </c>
      <c r="N17" s="427">
        <v>0</v>
      </c>
      <c r="O17" s="428">
        <v>0</v>
      </c>
      <c r="P17" s="432"/>
      <c r="Q17" s="427">
        <v>2550</v>
      </c>
      <c r="R17" s="427">
        <v>0</v>
      </c>
      <c r="S17" s="427">
        <v>431420</v>
      </c>
      <c r="T17" s="427">
        <v>822405</v>
      </c>
      <c r="U17" s="427">
        <v>369840</v>
      </c>
      <c r="V17" s="430">
        <v>1626215</v>
      </c>
      <c r="W17" s="431">
        <v>1626215</v>
      </c>
      <c r="X17" s="426">
        <v>0</v>
      </c>
      <c r="Y17" s="427">
        <v>0</v>
      </c>
      <c r="Z17" s="428">
        <v>0</v>
      </c>
      <c r="AA17" s="432"/>
      <c r="AB17" s="427">
        <v>75720</v>
      </c>
      <c r="AC17" s="427">
        <v>112715</v>
      </c>
      <c r="AD17" s="427">
        <v>129960</v>
      </c>
      <c r="AE17" s="427">
        <v>53280</v>
      </c>
      <c r="AF17" s="427">
        <v>146223</v>
      </c>
      <c r="AG17" s="430">
        <v>517898</v>
      </c>
      <c r="AH17" s="431">
        <v>517898</v>
      </c>
      <c r="AI17" s="426">
        <v>0</v>
      </c>
      <c r="AJ17" s="427">
        <v>0</v>
      </c>
      <c r="AK17" s="428">
        <v>0</v>
      </c>
      <c r="AL17" s="432"/>
      <c r="AM17" s="427">
        <v>0</v>
      </c>
      <c r="AN17" s="427">
        <v>0</v>
      </c>
      <c r="AO17" s="427">
        <v>0</v>
      </c>
      <c r="AP17" s="427">
        <v>0</v>
      </c>
      <c r="AQ17" s="427">
        <v>0</v>
      </c>
      <c r="AR17" s="430">
        <v>0</v>
      </c>
      <c r="AS17" s="431">
        <v>0</v>
      </c>
      <c r="AT17" s="426">
        <v>0</v>
      </c>
      <c r="AU17" s="427">
        <v>0</v>
      </c>
      <c r="AV17" s="428">
        <v>0</v>
      </c>
      <c r="AW17" s="432"/>
      <c r="AX17" s="427">
        <v>0</v>
      </c>
      <c r="AY17" s="427">
        <v>0</v>
      </c>
      <c r="AZ17" s="427">
        <v>0</v>
      </c>
      <c r="BA17" s="427">
        <v>0</v>
      </c>
      <c r="BB17" s="427">
        <v>0</v>
      </c>
      <c r="BC17" s="430">
        <v>0</v>
      </c>
      <c r="BD17" s="431">
        <v>0</v>
      </c>
      <c r="BE17" s="426">
        <v>0</v>
      </c>
      <c r="BF17" s="427">
        <v>0</v>
      </c>
      <c r="BG17" s="428">
        <v>0</v>
      </c>
      <c r="BH17" s="432"/>
      <c r="BI17" s="427">
        <v>0</v>
      </c>
      <c r="BJ17" s="427">
        <v>0</v>
      </c>
      <c r="BK17" s="427">
        <v>0</v>
      </c>
      <c r="BL17" s="427">
        <v>0</v>
      </c>
      <c r="BM17" s="427">
        <v>0</v>
      </c>
      <c r="BN17" s="430">
        <v>0</v>
      </c>
      <c r="BO17" s="431">
        <v>0</v>
      </c>
      <c r="BP17" s="426">
        <v>0</v>
      </c>
      <c r="BQ17" s="427">
        <v>0</v>
      </c>
      <c r="BR17" s="428">
        <v>0</v>
      </c>
      <c r="BS17" s="429">
        <v>0</v>
      </c>
      <c r="BT17" s="427">
        <v>1588</v>
      </c>
      <c r="BU17" s="427">
        <v>14720</v>
      </c>
      <c r="BV17" s="427">
        <v>45420</v>
      </c>
      <c r="BW17" s="427">
        <v>40223</v>
      </c>
      <c r="BX17" s="427">
        <v>23530</v>
      </c>
      <c r="BY17" s="430">
        <v>125481</v>
      </c>
      <c r="BZ17" s="431">
        <v>125481</v>
      </c>
      <c r="CA17" s="426">
        <v>0</v>
      </c>
      <c r="CB17" s="427">
        <v>0</v>
      </c>
      <c r="CC17" s="428">
        <v>0</v>
      </c>
      <c r="CD17" s="429">
        <v>0</v>
      </c>
      <c r="CE17" s="427">
        <v>0</v>
      </c>
      <c r="CF17" s="427">
        <v>0</v>
      </c>
      <c r="CG17" s="427">
        <v>0</v>
      </c>
      <c r="CH17" s="427">
        <v>0</v>
      </c>
      <c r="CI17" s="427">
        <v>0</v>
      </c>
      <c r="CJ17" s="430">
        <v>0</v>
      </c>
      <c r="CK17" s="431">
        <v>0</v>
      </c>
      <c r="CL17" s="426">
        <v>0</v>
      </c>
      <c r="CM17" s="427">
        <v>0</v>
      </c>
      <c r="CN17" s="428">
        <v>0</v>
      </c>
      <c r="CO17" s="429">
        <v>0</v>
      </c>
      <c r="CP17" s="427">
        <v>0</v>
      </c>
      <c r="CQ17" s="427">
        <v>0</v>
      </c>
      <c r="CR17" s="427">
        <v>0</v>
      </c>
      <c r="CS17" s="427">
        <v>0</v>
      </c>
      <c r="CT17" s="427">
        <v>0</v>
      </c>
      <c r="CU17" s="430">
        <v>0</v>
      </c>
      <c r="CV17" s="431">
        <v>0</v>
      </c>
      <c r="CW17" s="426">
        <v>0</v>
      </c>
      <c r="CX17" s="427">
        <v>0</v>
      </c>
      <c r="CY17" s="428">
        <v>0</v>
      </c>
      <c r="CZ17" s="432"/>
      <c r="DA17" s="427">
        <v>0</v>
      </c>
      <c r="DB17" s="427">
        <v>0</v>
      </c>
      <c r="DC17" s="427">
        <v>0</v>
      </c>
      <c r="DD17" s="427">
        <v>0</v>
      </c>
      <c r="DE17" s="427">
        <v>0</v>
      </c>
      <c r="DF17" s="430">
        <v>0</v>
      </c>
      <c r="DG17" s="431">
        <v>0</v>
      </c>
      <c r="DH17" s="426">
        <v>0</v>
      </c>
      <c r="DI17" s="427">
        <v>0</v>
      </c>
      <c r="DJ17" s="428">
        <v>0</v>
      </c>
      <c r="DK17" s="429">
        <v>0</v>
      </c>
      <c r="DL17" s="427">
        <v>34876</v>
      </c>
      <c r="DM17" s="427">
        <v>35636</v>
      </c>
      <c r="DN17" s="427">
        <v>712930</v>
      </c>
      <c r="DO17" s="427">
        <v>1087737</v>
      </c>
      <c r="DP17" s="427">
        <v>613953</v>
      </c>
      <c r="DQ17" s="430">
        <v>2485132</v>
      </c>
      <c r="DR17" s="433">
        <v>2485132</v>
      </c>
      <c r="DS17" s="426">
        <v>0</v>
      </c>
      <c r="DT17" s="427">
        <v>0</v>
      </c>
      <c r="DU17" s="428">
        <v>0</v>
      </c>
      <c r="DV17" s="432"/>
      <c r="DW17" s="427">
        <v>20880</v>
      </c>
      <c r="DX17" s="427">
        <v>0</v>
      </c>
      <c r="DY17" s="427">
        <v>551165</v>
      </c>
      <c r="DZ17" s="427">
        <v>963672</v>
      </c>
      <c r="EA17" s="427">
        <v>493011</v>
      </c>
      <c r="EB17" s="430">
        <v>2028728</v>
      </c>
      <c r="EC17" s="431">
        <v>2028728</v>
      </c>
      <c r="ED17" s="426">
        <v>0</v>
      </c>
      <c r="EE17" s="427">
        <v>0</v>
      </c>
      <c r="EF17" s="428">
        <v>0</v>
      </c>
      <c r="EG17" s="432"/>
      <c r="EH17" s="427">
        <v>11622</v>
      </c>
      <c r="EI17" s="427">
        <v>1820</v>
      </c>
      <c r="EJ17" s="427">
        <v>47550</v>
      </c>
      <c r="EK17" s="427">
        <v>13599</v>
      </c>
      <c r="EL17" s="427">
        <v>55089</v>
      </c>
      <c r="EM17" s="430">
        <v>129680</v>
      </c>
      <c r="EN17" s="431">
        <v>129680</v>
      </c>
      <c r="EO17" s="426">
        <v>0</v>
      </c>
      <c r="EP17" s="427">
        <v>0</v>
      </c>
      <c r="EQ17" s="428">
        <v>0</v>
      </c>
      <c r="ER17" s="432">
        <v>0</v>
      </c>
      <c r="ES17" s="427">
        <v>0</v>
      </c>
      <c r="ET17" s="427">
        <v>0</v>
      </c>
      <c r="EU17" s="427">
        <v>0</v>
      </c>
      <c r="EV17" s="427">
        <v>0</v>
      </c>
      <c r="EW17" s="427">
        <v>0</v>
      </c>
      <c r="EX17" s="430">
        <v>0</v>
      </c>
      <c r="EY17" s="431">
        <v>0</v>
      </c>
      <c r="EZ17" s="426">
        <v>0</v>
      </c>
      <c r="FA17" s="427">
        <v>0</v>
      </c>
      <c r="FB17" s="428">
        <v>0</v>
      </c>
      <c r="FC17" s="432"/>
      <c r="FD17" s="427">
        <v>0</v>
      </c>
      <c r="FE17" s="427">
        <v>0</v>
      </c>
      <c r="FF17" s="427">
        <v>0</v>
      </c>
      <c r="FG17" s="427">
        <v>0</v>
      </c>
      <c r="FH17" s="427">
        <v>0</v>
      </c>
      <c r="FI17" s="430">
        <v>0</v>
      </c>
      <c r="FJ17" s="431">
        <v>0</v>
      </c>
      <c r="FK17" s="426">
        <v>0</v>
      </c>
      <c r="FL17" s="427">
        <v>0</v>
      </c>
      <c r="FM17" s="428">
        <v>0</v>
      </c>
      <c r="FN17" s="432">
        <v>0</v>
      </c>
      <c r="FO17" s="427">
        <v>0</v>
      </c>
      <c r="FP17" s="427">
        <v>0</v>
      </c>
      <c r="FQ17" s="427">
        <v>0</v>
      </c>
      <c r="FR17" s="427">
        <v>0</v>
      </c>
      <c r="FS17" s="427">
        <v>0</v>
      </c>
      <c r="FT17" s="430">
        <v>0</v>
      </c>
      <c r="FU17" s="431">
        <v>0</v>
      </c>
      <c r="FV17" s="426">
        <v>0</v>
      </c>
      <c r="FW17" s="427">
        <v>0</v>
      </c>
      <c r="FX17" s="428">
        <v>0</v>
      </c>
      <c r="FY17" s="429">
        <v>0</v>
      </c>
      <c r="FZ17" s="427">
        <v>2374</v>
      </c>
      <c r="GA17" s="427">
        <v>33816</v>
      </c>
      <c r="GB17" s="427">
        <v>113857</v>
      </c>
      <c r="GC17" s="427">
        <v>110466</v>
      </c>
      <c r="GD17" s="427">
        <v>65853</v>
      </c>
      <c r="GE17" s="430">
        <v>326366</v>
      </c>
      <c r="GF17" s="431">
        <v>326366</v>
      </c>
      <c r="GG17" s="426">
        <v>0</v>
      </c>
      <c r="GH17" s="427">
        <v>0</v>
      </c>
      <c r="GI17" s="428">
        <v>0</v>
      </c>
      <c r="GJ17" s="429">
        <v>0</v>
      </c>
      <c r="GK17" s="427">
        <v>0</v>
      </c>
      <c r="GL17" s="427">
        <v>0</v>
      </c>
      <c r="GM17" s="427">
        <v>358</v>
      </c>
      <c r="GN17" s="427">
        <v>0</v>
      </c>
      <c r="GO17" s="427">
        <v>0</v>
      </c>
      <c r="GP17" s="430">
        <v>358</v>
      </c>
      <c r="GQ17" s="431">
        <v>358</v>
      </c>
      <c r="GR17" s="426">
        <v>0</v>
      </c>
      <c r="GS17" s="427">
        <v>0</v>
      </c>
      <c r="GT17" s="428">
        <v>0</v>
      </c>
      <c r="GU17" s="429">
        <v>0</v>
      </c>
      <c r="GV17" s="427">
        <v>0</v>
      </c>
      <c r="GW17" s="427">
        <v>0</v>
      </c>
      <c r="GX17" s="427">
        <v>0</v>
      </c>
      <c r="GY17" s="427">
        <v>0</v>
      </c>
      <c r="GZ17" s="427">
        <v>0</v>
      </c>
      <c r="HA17" s="430">
        <v>0</v>
      </c>
      <c r="HB17" s="431">
        <v>0</v>
      </c>
      <c r="HC17" s="426">
        <v>0</v>
      </c>
      <c r="HD17" s="427">
        <v>0</v>
      </c>
      <c r="HE17" s="428">
        <v>0</v>
      </c>
      <c r="HF17" s="432"/>
      <c r="HG17" s="427">
        <v>0</v>
      </c>
      <c r="HH17" s="427">
        <v>0</v>
      </c>
      <c r="HI17" s="427">
        <v>0</v>
      </c>
      <c r="HJ17" s="427">
        <v>0</v>
      </c>
      <c r="HK17" s="427">
        <v>0</v>
      </c>
      <c r="HL17" s="430">
        <v>0</v>
      </c>
      <c r="HM17" s="431">
        <v>0</v>
      </c>
      <c r="HN17" s="426">
        <v>0</v>
      </c>
      <c r="HO17" s="427">
        <v>0</v>
      </c>
      <c r="HP17" s="428">
        <v>0</v>
      </c>
      <c r="HQ17" s="429">
        <v>0</v>
      </c>
      <c r="HR17" s="427">
        <v>114734</v>
      </c>
      <c r="HS17" s="427">
        <v>163071</v>
      </c>
      <c r="HT17" s="427">
        <v>1319730</v>
      </c>
      <c r="HU17" s="427">
        <v>2003645</v>
      </c>
      <c r="HV17" s="427">
        <v>1153546</v>
      </c>
      <c r="HW17" s="430">
        <v>4754726</v>
      </c>
      <c r="HX17" s="431">
        <v>4754726</v>
      </c>
    </row>
    <row r="18" spans="1:232" ht="16.5" customHeight="1" x14ac:dyDescent="0.2">
      <c r="A18" s="208" t="s">
        <v>15</v>
      </c>
      <c r="B18" s="426">
        <v>0</v>
      </c>
      <c r="C18" s="427">
        <v>435</v>
      </c>
      <c r="D18" s="428">
        <v>435</v>
      </c>
      <c r="E18" s="429">
        <v>0</v>
      </c>
      <c r="F18" s="427">
        <v>232068</v>
      </c>
      <c r="G18" s="427">
        <v>455207</v>
      </c>
      <c r="H18" s="427">
        <v>1637670</v>
      </c>
      <c r="I18" s="427">
        <v>2183669</v>
      </c>
      <c r="J18" s="427">
        <v>1099455</v>
      </c>
      <c r="K18" s="430">
        <v>5608069</v>
      </c>
      <c r="L18" s="431">
        <v>5608504</v>
      </c>
      <c r="M18" s="426">
        <v>0</v>
      </c>
      <c r="N18" s="427">
        <v>0</v>
      </c>
      <c r="O18" s="428">
        <v>0</v>
      </c>
      <c r="P18" s="432"/>
      <c r="Q18" s="427">
        <v>0</v>
      </c>
      <c r="R18" s="427">
        <v>34350</v>
      </c>
      <c r="S18" s="427">
        <v>977325</v>
      </c>
      <c r="T18" s="427">
        <v>1491865</v>
      </c>
      <c r="U18" s="427">
        <v>801115</v>
      </c>
      <c r="V18" s="430">
        <v>3304655</v>
      </c>
      <c r="W18" s="431">
        <v>3304655</v>
      </c>
      <c r="X18" s="426">
        <v>0</v>
      </c>
      <c r="Y18" s="427">
        <v>0</v>
      </c>
      <c r="Z18" s="428">
        <v>0</v>
      </c>
      <c r="AA18" s="432"/>
      <c r="AB18" s="427">
        <v>221595</v>
      </c>
      <c r="AC18" s="427">
        <v>366292</v>
      </c>
      <c r="AD18" s="427">
        <v>449534</v>
      </c>
      <c r="AE18" s="427">
        <v>524230</v>
      </c>
      <c r="AF18" s="427">
        <v>187050</v>
      </c>
      <c r="AG18" s="430">
        <v>1748701</v>
      </c>
      <c r="AH18" s="431">
        <v>1748701</v>
      </c>
      <c r="AI18" s="426">
        <v>0</v>
      </c>
      <c r="AJ18" s="427">
        <v>0</v>
      </c>
      <c r="AK18" s="428">
        <v>0</v>
      </c>
      <c r="AL18" s="432"/>
      <c r="AM18" s="427">
        <v>0</v>
      </c>
      <c r="AN18" s="427">
        <v>0</v>
      </c>
      <c r="AO18" s="427">
        <v>0</v>
      </c>
      <c r="AP18" s="427">
        <v>0</v>
      </c>
      <c r="AQ18" s="427">
        <v>2550</v>
      </c>
      <c r="AR18" s="430">
        <v>2550</v>
      </c>
      <c r="AS18" s="431">
        <v>2550</v>
      </c>
      <c r="AT18" s="426">
        <v>0</v>
      </c>
      <c r="AU18" s="427">
        <v>0</v>
      </c>
      <c r="AV18" s="428">
        <v>0</v>
      </c>
      <c r="AW18" s="432"/>
      <c r="AX18" s="427">
        <v>0</v>
      </c>
      <c r="AY18" s="427">
        <v>0</v>
      </c>
      <c r="AZ18" s="427">
        <v>0</v>
      </c>
      <c r="BA18" s="427">
        <v>0</v>
      </c>
      <c r="BB18" s="427">
        <v>0</v>
      </c>
      <c r="BC18" s="430">
        <v>0</v>
      </c>
      <c r="BD18" s="431">
        <v>0</v>
      </c>
      <c r="BE18" s="426">
        <v>0</v>
      </c>
      <c r="BF18" s="427">
        <v>0</v>
      </c>
      <c r="BG18" s="428">
        <v>0</v>
      </c>
      <c r="BH18" s="432"/>
      <c r="BI18" s="427">
        <v>0</v>
      </c>
      <c r="BJ18" s="427">
        <v>0</v>
      </c>
      <c r="BK18" s="427">
        <v>110250</v>
      </c>
      <c r="BL18" s="427">
        <v>53895</v>
      </c>
      <c r="BM18" s="427">
        <v>55350</v>
      </c>
      <c r="BN18" s="430">
        <v>219495</v>
      </c>
      <c r="BO18" s="431">
        <v>219495</v>
      </c>
      <c r="BP18" s="426">
        <v>0</v>
      </c>
      <c r="BQ18" s="427">
        <v>0</v>
      </c>
      <c r="BR18" s="428">
        <v>0</v>
      </c>
      <c r="BS18" s="429">
        <v>0</v>
      </c>
      <c r="BT18" s="427">
        <v>10473</v>
      </c>
      <c r="BU18" s="427">
        <v>53405</v>
      </c>
      <c r="BV18" s="427">
        <v>92234</v>
      </c>
      <c r="BW18" s="427">
        <v>113679</v>
      </c>
      <c r="BX18" s="427">
        <v>53390</v>
      </c>
      <c r="BY18" s="430">
        <v>323181</v>
      </c>
      <c r="BZ18" s="431">
        <v>323181</v>
      </c>
      <c r="CA18" s="426">
        <v>0</v>
      </c>
      <c r="CB18" s="427">
        <v>435</v>
      </c>
      <c r="CC18" s="428">
        <v>435</v>
      </c>
      <c r="CD18" s="429">
        <v>0</v>
      </c>
      <c r="CE18" s="427">
        <v>0</v>
      </c>
      <c r="CF18" s="427">
        <v>1160</v>
      </c>
      <c r="CG18" s="427">
        <v>8327</v>
      </c>
      <c r="CH18" s="427">
        <v>0</v>
      </c>
      <c r="CI18" s="427">
        <v>0</v>
      </c>
      <c r="CJ18" s="430">
        <v>9487</v>
      </c>
      <c r="CK18" s="431">
        <v>9922</v>
      </c>
      <c r="CL18" s="426">
        <v>0</v>
      </c>
      <c r="CM18" s="427">
        <v>0</v>
      </c>
      <c r="CN18" s="428">
        <v>0</v>
      </c>
      <c r="CO18" s="429">
        <v>0</v>
      </c>
      <c r="CP18" s="427">
        <v>0</v>
      </c>
      <c r="CQ18" s="427">
        <v>0</v>
      </c>
      <c r="CR18" s="427">
        <v>0</v>
      </c>
      <c r="CS18" s="427">
        <v>0</v>
      </c>
      <c r="CT18" s="427">
        <v>0</v>
      </c>
      <c r="CU18" s="430">
        <v>0</v>
      </c>
      <c r="CV18" s="431">
        <v>0</v>
      </c>
      <c r="CW18" s="426">
        <v>0</v>
      </c>
      <c r="CX18" s="427">
        <v>0</v>
      </c>
      <c r="CY18" s="428">
        <v>0</v>
      </c>
      <c r="CZ18" s="432"/>
      <c r="DA18" s="427">
        <v>0</v>
      </c>
      <c r="DB18" s="427">
        <v>0</v>
      </c>
      <c r="DC18" s="427">
        <v>0</v>
      </c>
      <c r="DD18" s="427">
        <v>0</v>
      </c>
      <c r="DE18" s="427">
        <v>0</v>
      </c>
      <c r="DF18" s="430">
        <v>0</v>
      </c>
      <c r="DG18" s="431">
        <v>0</v>
      </c>
      <c r="DH18" s="426">
        <v>0</v>
      </c>
      <c r="DI18" s="427">
        <v>28</v>
      </c>
      <c r="DJ18" s="428">
        <v>28</v>
      </c>
      <c r="DK18" s="429">
        <v>0</v>
      </c>
      <c r="DL18" s="427">
        <v>45547</v>
      </c>
      <c r="DM18" s="427">
        <v>150437</v>
      </c>
      <c r="DN18" s="427">
        <v>1597694</v>
      </c>
      <c r="DO18" s="427">
        <v>1756261</v>
      </c>
      <c r="DP18" s="427">
        <v>1090627</v>
      </c>
      <c r="DQ18" s="430">
        <v>4640566</v>
      </c>
      <c r="DR18" s="433">
        <v>4640594</v>
      </c>
      <c r="DS18" s="426">
        <v>0</v>
      </c>
      <c r="DT18" s="427">
        <v>0</v>
      </c>
      <c r="DU18" s="428">
        <v>0</v>
      </c>
      <c r="DV18" s="432"/>
      <c r="DW18" s="427">
        <v>0</v>
      </c>
      <c r="DX18" s="427">
        <v>25650</v>
      </c>
      <c r="DY18" s="427">
        <v>1104119</v>
      </c>
      <c r="DZ18" s="427">
        <v>1455649</v>
      </c>
      <c r="EA18" s="427">
        <v>897415</v>
      </c>
      <c r="EB18" s="430">
        <v>3482833</v>
      </c>
      <c r="EC18" s="431">
        <v>3482833</v>
      </c>
      <c r="ED18" s="426">
        <v>0</v>
      </c>
      <c r="EE18" s="427">
        <v>0</v>
      </c>
      <c r="EF18" s="428">
        <v>0</v>
      </c>
      <c r="EG18" s="432"/>
      <c r="EH18" s="427">
        <v>9807</v>
      </c>
      <c r="EI18" s="427">
        <v>58913</v>
      </c>
      <c r="EJ18" s="427">
        <v>33676</v>
      </c>
      <c r="EK18" s="427">
        <v>37405</v>
      </c>
      <c r="EL18" s="427">
        <v>22987</v>
      </c>
      <c r="EM18" s="430">
        <v>162788</v>
      </c>
      <c r="EN18" s="431">
        <v>162788</v>
      </c>
      <c r="EO18" s="426">
        <v>0</v>
      </c>
      <c r="EP18" s="427">
        <v>0</v>
      </c>
      <c r="EQ18" s="428">
        <v>0</v>
      </c>
      <c r="ER18" s="432">
        <v>0</v>
      </c>
      <c r="ES18" s="427">
        <v>0</v>
      </c>
      <c r="ET18" s="427">
        <v>0</v>
      </c>
      <c r="EU18" s="427">
        <v>0</v>
      </c>
      <c r="EV18" s="427">
        <v>0</v>
      </c>
      <c r="EW18" s="427">
        <v>210</v>
      </c>
      <c r="EX18" s="430">
        <v>210</v>
      </c>
      <c r="EY18" s="431">
        <v>210</v>
      </c>
      <c r="EZ18" s="426">
        <v>0</v>
      </c>
      <c r="FA18" s="427">
        <v>0</v>
      </c>
      <c r="FB18" s="428">
        <v>0</v>
      </c>
      <c r="FC18" s="432"/>
      <c r="FD18" s="427">
        <v>0</v>
      </c>
      <c r="FE18" s="427">
        <v>0</v>
      </c>
      <c r="FF18" s="427">
        <v>0</v>
      </c>
      <c r="FG18" s="427">
        <v>0</v>
      </c>
      <c r="FH18" s="427">
        <v>0</v>
      </c>
      <c r="FI18" s="430">
        <v>0</v>
      </c>
      <c r="FJ18" s="431">
        <v>0</v>
      </c>
      <c r="FK18" s="426">
        <v>0</v>
      </c>
      <c r="FL18" s="427">
        <v>0</v>
      </c>
      <c r="FM18" s="428">
        <v>0</v>
      </c>
      <c r="FN18" s="432">
        <v>0</v>
      </c>
      <c r="FO18" s="427">
        <v>0</v>
      </c>
      <c r="FP18" s="427">
        <v>0</v>
      </c>
      <c r="FQ18" s="427">
        <v>232020</v>
      </c>
      <c r="FR18" s="427">
        <v>157770</v>
      </c>
      <c r="FS18" s="427">
        <v>107184</v>
      </c>
      <c r="FT18" s="430">
        <v>496974</v>
      </c>
      <c r="FU18" s="431">
        <v>496974</v>
      </c>
      <c r="FV18" s="426">
        <v>0</v>
      </c>
      <c r="FW18" s="427">
        <v>0</v>
      </c>
      <c r="FX18" s="428">
        <v>0</v>
      </c>
      <c r="FY18" s="429">
        <v>0</v>
      </c>
      <c r="FZ18" s="427">
        <v>35740</v>
      </c>
      <c r="GA18" s="427">
        <v>65818</v>
      </c>
      <c r="GB18" s="427">
        <v>224147</v>
      </c>
      <c r="GC18" s="427">
        <v>105437</v>
      </c>
      <c r="GD18" s="427">
        <v>62831</v>
      </c>
      <c r="GE18" s="430">
        <v>493973</v>
      </c>
      <c r="GF18" s="431">
        <v>493973</v>
      </c>
      <c r="GG18" s="426">
        <v>0</v>
      </c>
      <c r="GH18" s="427">
        <v>28</v>
      </c>
      <c r="GI18" s="428">
        <v>28</v>
      </c>
      <c r="GJ18" s="429">
        <v>0</v>
      </c>
      <c r="GK18" s="427">
        <v>0</v>
      </c>
      <c r="GL18" s="427">
        <v>56</v>
      </c>
      <c r="GM18" s="427">
        <v>3732</v>
      </c>
      <c r="GN18" s="427">
        <v>0</v>
      </c>
      <c r="GO18" s="427">
        <v>0</v>
      </c>
      <c r="GP18" s="430">
        <v>3788</v>
      </c>
      <c r="GQ18" s="431">
        <v>3816</v>
      </c>
      <c r="GR18" s="426">
        <v>0</v>
      </c>
      <c r="GS18" s="427">
        <v>0</v>
      </c>
      <c r="GT18" s="428">
        <v>0</v>
      </c>
      <c r="GU18" s="429">
        <v>0</v>
      </c>
      <c r="GV18" s="427">
        <v>0</v>
      </c>
      <c r="GW18" s="427">
        <v>0</v>
      </c>
      <c r="GX18" s="427">
        <v>0</v>
      </c>
      <c r="GY18" s="427">
        <v>0</v>
      </c>
      <c r="GZ18" s="427">
        <v>0</v>
      </c>
      <c r="HA18" s="430">
        <v>0</v>
      </c>
      <c r="HB18" s="431">
        <v>0</v>
      </c>
      <c r="HC18" s="426">
        <v>0</v>
      </c>
      <c r="HD18" s="427">
        <v>0</v>
      </c>
      <c r="HE18" s="428">
        <v>0</v>
      </c>
      <c r="HF18" s="432"/>
      <c r="HG18" s="427">
        <v>0</v>
      </c>
      <c r="HH18" s="427">
        <v>0</v>
      </c>
      <c r="HI18" s="427">
        <v>0</v>
      </c>
      <c r="HJ18" s="427">
        <v>0</v>
      </c>
      <c r="HK18" s="427">
        <v>0</v>
      </c>
      <c r="HL18" s="430">
        <v>0</v>
      </c>
      <c r="HM18" s="431">
        <v>0</v>
      </c>
      <c r="HN18" s="426">
        <v>0</v>
      </c>
      <c r="HO18" s="427">
        <v>463</v>
      </c>
      <c r="HP18" s="428">
        <v>463</v>
      </c>
      <c r="HQ18" s="429">
        <v>0</v>
      </c>
      <c r="HR18" s="427">
        <v>277615</v>
      </c>
      <c r="HS18" s="427">
        <v>605644</v>
      </c>
      <c r="HT18" s="427">
        <v>3235364</v>
      </c>
      <c r="HU18" s="427">
        <v>3939930</v>
      </c>
      <c r="HV18" s="427">
        <v>2190082</v>
      </c>
      <c r="HW18" s="430">
        <v>10248635</v>
      </c>
      <c r="HX18" s="431">
        <v>10249098</v>
      </c>
    </row>
    <row r="19" spans="1:232" ht="16.5" customHeight="1" x14ac:dyDescent="0.2">
      <c r="A19" s="208" t="s">
        <v>16</v>
      </c>
      <c r="B19" s="426">
        <v>0</v>
      </c>
      <c r="C19" s="427">
        <v>0</v>
      </c>
      <c r="D19" s="428">
        <v>0</v>
      </c>
      <c r="E19" s="429">
        <v>0</v>
      </c>
      <c r="F19" s="427">
        <v>509106</v>
      </c>
      <c r="G19" s="427">
        <v>975331</v>
      </c>
      <c r="H19" s="427">
        <v>2708723</v>
      </c>
      <c r="I19" s="427">
        <v>3257347</v>
      </c>
      <c r="J19" s="427">
        <v>2050171</v>
      </c>
      <c r="K19" s="430">
        <v>9500678</v>
      </c>
      <c r="L19" s="431">
        <v>9500678</v>
      </c>
      <c r="M19" s="426">
        <v>0</v>
      </c>
      <c r="N19" s="427">
        <v>0</v>
      </c>
      <c r="O19" s="428">
        <v>0</v>
      </c>
      <c r="P19" s="432"/>
      <c r="Q19" s="427">
        <v>73350</v>
      </c>
      <c r="R19" s="427">
        <v>189433</v>
      </c>
      <c r="S19" s="427">
        <v>1590120</v>
      </c>
      <c r="T19" s="427">
        <v>2181985</v>
      </c>
      <c r="U19" s="427">
        <v>1427656</v>
      </c>
      <c r="V19" s="430">
        <v>5462544</v>
      </c>
      <c r="W19" s="431">
        <v>5462544</v>
      </c>
      <c r="X19" s="426">
        <v>0</v>
      </c>
      <c r="Y19" s="427">
        <v>0</v>
      </c>
      <c r="Z19" s="428">
        <v>0</v>
      </c>
      <c r="AA19" s="432"/>
      <c r="AB19" s="427">
        <v>379713</v>
      </c>
      <c r="AC19" s="427">
        <v>731645</v>
      </c>
      <c r="AD19" s="427">
        <v>813219</v>
      </c>
      <c r="AE19" s="427">
        <v>900508</v>
      </c>
      <c r="AF19" s="427">
        <v>320448</v>
      </c>
      <c r="AG19" s="430">
        <v>3145533</v>
      </c>
      <c r="AH19" s="431">
        <v>3145533</v>
      </c>
      <c r="AI19" s="426">
        <v>0</v>
      </c>
      <c r="AJ19" s="427">
        <v>0</v>
      </c>
      <c r="AK19" s="428">
        <v>0</v>
      </c>
      <c r="AL19" s="432"/>
      <c r="AM19" s="427">
        <v>0</v>
      </c>
      <c r="AN19" s="427">
        <v>0</v>
      </c>
      <c r="AO19" s="427">
        <v>0</v>
      </c>
      <c r="AP19" s="427">
        <v>0</v>
      </c>
      <c r="AQ19" s="427">
        <v>-765</v>
      </c>
      <c r="AR19" s="430">
        <v>-765</v>
      </c>
      <c r="AS19" s="431">
        <v>-765</v>
      </c>
      <c r="AT19" s="426">
        <v>0</v>
      </c>
      <c r="AU19" s="427">
        <v>0</v>
      </c>
      <c r="AV19" s="428">
        <v>0</v>
      </c>
      <c r="AW19" s="432"/>
      <c r="AX19" s="427">
        <v>0</v>
      </c>
      <c r="AY19" s="427">
        <v>0</v>
      </c>
      <c r="AZ19" s="427">
        <v>83845</v>
      </c>
      <c r="BA19" s="427">
        <v>7990</v>
      </c>
      <c r="BB19" s="427">
        <v>100200</v>
      </c>
      <c r="BC19" s="430">
        <v>192035</v>
      </c>
      <c r="BD19" s="431">
        <v>192035</v>
      </c>
      <c r="BE19" s="426">
        <v>0</v>
      </c>
      <c r="BF19" s="427">
        <v>0</v>
      </c>
      <c r="BG19" s="428">
        <v>0</v>
      </c>
      <c r="BH19" s="432"/>
      <c r="BI19" s="427">
        <v>2550</v>
      </c>
      <c r="BJ19" s="427">
        <v>0</v>
      </c>
      <c r="BK19" s="427">
        <v>89550</v>
      </c>
      <c r="BL19" s="427">
        <v>73500</v>
      </c>
      <c r="BM19" s="427">
        <v>121995</v>
      </c>
      <c r="BN19" s="430">
        <v>287595</v>
      </c>
      <c r="BO19" s="431">
        <v>287595</v>
      </c>
      <c r="BP19" s="426">
        <v>0</v>
      </c>
      <c r="BQ19" s="427">
        <v>0</v>
      </c>
      <c r="BR19" s="428">
        <v>0</v>
      </c>
      <c r="BS19" s="429">
        <v>0</v>
      </c>
      <c r="BT19" s="427">
        <v>52897</v>
      </c>
      <c r="BU19" s="427">
        <v>53810</v>
      </c>
      <c r="BV19" s="427">
        <v>130849</v>
      </c>
      <c r="BW19" s="427">
        <v>89808</v>
      </c>
      <c r="BX19" s="427">
        <v>80637</v>
      </c>
      <c r="BY19" s="430">
        <v>408001</v>
      </c>
      <c r="BZ19" s="431">
        <v>408001</v>
      </c>
      <c r="CA19" s="426">
        <v>0</v>
      </c>
      <c r="CB19" s="427">
        <v>0</v>
      </c>
      <c r="CC19" s="428">
        <v>0</v>
      </c>
      <c r="CD19" s="429">
        <v>0</v>
      </c>
      <c r="CE19" s="427">
        <v>596</v>
      </c>
      <c r="CF19" s="427">
        <v>443</v>
      </c>
      <c r="CG19" s="427">
        <v>1140</v>
      </c>
      <c r="CH19" s="427">
        <v>3556</v>
      </c>
      <c r="CI19" s="427">
        <v>0</v>
      </c>
      <c r="CJ19" s="430">
        <v>5735</v>
      </c>
      <c r="CK19" s="431">
        <v>5735</v>
      </c>
      <c r="CL19" s="426">
        <v>0</v>
      </c>
      <c r="CM19" s="427">
        <v>0</v>
      </c>
      <c r="CN19" s="428">
        <v>0</v>
      </c>
      <c r="CO19" s="429">
        <v>0</v>
      </c>
      <c r="CP19" s="427">
        <v>0</v>
      </c>
      <c r="CQ19" s="427">
        <v>0</v>
      </c>
      <c r="CR19" s="427">
        <v>0</v>
      </c>
      <c r="CS19" s="427">
        <v>0</v>
      </c>
      <c r="CT19" s="427">
        <v>0</v>
      </c>
      <c r="CU19" s="430">
        <v>0</v>
      </c>
      <c r="CV19" s="431">
        <v>0</v>
      </c>
      <c r="CW19" s="426">
        <v>0</v>
      </c>
      <c r="CX19" s="427">
        <v>0</v>
      </c>
      <c r="CY19" s="428">
        <v>0</v>
      </c>
      <c r="CZ19" s="432"/>
      <c r="DA19" s="427">
        <v>0</v>
      </c>
      <c r="DB19" s="427">
        <v>0</v>
      </c>
      <c r="DC19" s="427">
        <v>0</v>
      </c>
      <c r="DD19" s="427">
        <v>0</v>
      </c>
      <c r="DE19" s="427">
        <v>0</v>
      </c>
      <c r="DF19" s="430">
        <v>0</v>
      </c>
      <c r="DG19" s="431">
        <v>0</v>
      </c>
      <c r="DH19" s="426">
        <v>0</v>
      </c>
      <c r="DI19" s="427">
        <v>0</v>
      </c>
      <c r="DJ19" s="428">
        <v>0</v>
      </c>
      <c r="DK19" s="429">
        <v>0</v>
      </c>
      <c r="DL19" s="427">
        <v>381169</v>
      </c>
      <c r="DM19" s="427">
        <v>728888</v>
      </c>
      <c r="DN19" s="427">
        <v>3016727</v>
      </c>
      <c r="DO19" s="427">
        <v>3553366</v>
      </c>
      <c r="DP19" s="427">
        <v>2117842</v>
      </c>
      <c r="DQ19" s="430">
        <v>9797992</v>
      </c>
      <c r="DR19" s="433">
        <v>9797992</v>
      </c>
      <c r="DS19" s="426">
        <v>0</v>
      </c>
      <c r="DT19" s="427">
        <v>0</v>
      </c>
      <c r="DU19" s="428">
        <v>0</v>
      </c>
      <c r="DV19" s="432"/>
      <c r="DW19" s="427">
        <v>140700</v>
      </c>
      <c r="DX19" s="427">
        <v>339000</v>
      </c>
      <c r="DY19" s="427">
        <v>2308251</v>
      </c>
      <c r="DZ19" s="427">
        <v>3082295</v>
      </c>
      <c r="EA19" s="427">
        <v>1723907</v>
      </c>
      <c r="EB19" s="430">
        <v>7594153</v>
      </c>
      <c r="EC19" s="431">
        <v>7594153</v>
      </c>
      <c r="ED19" s="426">
        <v>0</v>
      </c>
      <c r="EE19" s="427">
        <v>0</v>
      </c>
      <c r="EF19" s="428">
        <v>0</v>
      </c>
      <c r="EG19" s="432"/>
      <c r="EH19" s="427">
        <v>147869</v>
      </c>
      <c r="EI19" s="427">
        <v>287667</v>
      </c>
      <c r="EJ19" s="427">
        <v>311189</v>
      </c>
      <c r="EK19" s="427">
        <v>170966</v>
      </c>
      <c r="EL19" s="427">
        <v>77175</v>
      </c>
      <c r="EM19" s="430">
        <v>994866</v>
      </c>
      <c r="EN19" s="431">
        <v>994866</v>
      </c>
      <c r="EO19" s="426">
        <v>0</v>
      </c>
      <c r="EP19" s="427">
        <v>0</v>
      </c>
      <c r="EQ19" s="428">
        <v>0</v>
      </c>
      <c r="ER19" s="432">
        <v>0</v>
      </c>
      <c r="ES19" s="427">
        <v>0</v>
      </c>
      <c r="ET19" s="427">
        <v>0</v>
      </c>
      <c r="EU19" s="427">
        <v>0</v>
      </c>
      <c r="EV19" s="427">
        <v>0</v>
      </c>
      <c r="EW19" s="427">
        <v>-7</v>
      </c>
      <c r="EX19" s="430">
        <v>-7</v>
      </c>
      <c r="EY19" s="431">
        <v>-7</v>
      </c>
      <c r="EZ19" s="426">
        <v>0</v>
      </c>
      <c r="FA19" s="427">
        <v>0</v>
      </c>
      <c r="FB19" s="428">
        <v>0</v>
      </c>
      <c r="FC19" s="432"/>
      <c r="FD19" s="427">
        <v>0</v>
      </c>
      <c r="FE19" s="427">
        <v>0</v>
      </c>
      <c r="FF19" s="427">
        <v>11646</v>
      </c>
      <c r="FG19" s="427">
        <v>658</v>
      </c>
      <c r="FH19" s="427">
        <v>11940</v>
      </c>
      <c r="FI19" s="430">
        <v>24244</v>
      </c>
      <c r="FJ19" s="431">
        <v>24244</v>
      </c>
      <c r="FK19" s="426">
        <v>0</v>
      </c>
      <c r="FL19" s="427">
        <v>0</v>
      </c>
      <c r="FM19" s="428">
        <v>0</v>
      </c>
      <c r="FN19" s="432">
        <v>0</v>
      </c>
      <c r="FO19" s="427">
        <v>20880</v>
      </c>
      <c r="FP19" s="427">
        <v>0</v>
      </c>
      <c r="FQ19" s="427">
        <v>160860</v>
      </c>
      <c r="FR19" s="427">
        <v>154680</v>
      </c>
      <c r="FS19" s="427">
        <v>207576</v>
      </c>
      <c r="FT19" s="430">
        <v>543996</v>
      </c>
      <c r="FU19" s="431">
        <v>543996</v>
      </c>
      <c r="FV19" s="426">
        <v>0</v>
      </c>
      <c r="FW19" s="427">
        <v>0</v>
      </c>
      <c r="FX19" s="428">
        <v>0</v>
      </c>
      <c r="FY19" s="429">
        <v>0</v>
      </c>
      <c r="FZ19" s="427">
        <v>71678</v>
      </c>
      <c r="GA19" s="427">
        <v>102193</v>
      </c>
      <c r="GB19" s="427">
        <v>223707</v>
      </c>
      <c r="GC19" s="427">
        <v>139839</v>
      </c>
      <c r="GD19" s="427">
        <v>97251</v>
      </c>
      <c r="GE19" s="430">
        <v>634668</v>
      </c>
      <c r="GF19" s="431">
        <v>634668</v>
      </c>
      <c r="GG19" s="426">
        <v>0</v>
      </c>
      <c r="GH19" s="427">
        <v>0</v>
      </c>
      <c r="GI19" s="428">
        <v>0</v>
      </c>
      <c r="GJ19" s="429">
        <v>0</v>
      </c>
      <c r="GK19" s="427">
        <v>42</v>
      </c>
      <c r="GL19" s="427">
        <v>28</v>
      </c>
      <c r="GM19" s="427">
        <v>1074</v>
      </c>
      <c r="GN19" s="427">
        <v>4928</v>
      </c>
      <c r="GO19" s="427">
        <v>0</v>
      </c>
      <c r="GP19" s="430">
        <v>6072</v>
      </c>
      <c r="GQ19" s="431">
        <v>6072</v>
      </c>
      <c r="GR19" s="426">
        <v>0</v>
      </c>
      <c r="GS19" s="427">
        <v>0</v>
      </c>
      <c r="GT19" s="428">
        <v>0</v>
      </c>
      <c r="GU19" s="429">
        <v>0</v>
      </c>
      <c r="GV19" s="427">
        <v>0</v>
      </c>
      <c r="GW19" s="427">
        <v>0</v>
      </c>
      <c r="GX19" s="427">
        <v>0</v>
      </c>
      <c r="GY19" s="427">
        <v>0</v>
      </c>
      <c r="GZ19" s="427">
        <v>0</v>
      </c>
      <c r="HA19" s="430">
        <v>0</v>
      </c>
      <c r="HB19" s="431">
        <v>0</v>
      </c>
      <c r="HC19" s="426">
        <v>0</v>
      </c>
      <c r="HD19" s="427">
        <v>0</v>
      </c>
      <c r="HE19" s="428">
        <v>0</v>
      </c>
      <c r="HF19" s="432"/>
      <c r="HG19" s="427">
        <v>0</v>
      </c>
      <c r="HH19" s="427">
        <v>0</v>
      </c>
      <c r="HI19" s="427">
        <v>0</v>
      </c>
      <c r="HJ19" s="427">
        <v>0</v>
      </c>
      <c r="HK19" s="427">
        <v>0</v>
      </c>
      <c r="HL19" s="430">
        <v>0</v>
      </c>
      <c r="HM19" s="431">
        <v>0</v>
      </c>
      <c r="HN19" s="426">
        <v>0</v>
      </c>
      <c r="HO19" s="427">
        <v>0</v>
      </c>
      <c r="HP19" s="428">
        <v>0</v>
      </c>
      <c r="HQ19" s="429">
        <v>0</v>
      </c>
      <c r="HR19" s="427">
        <v>890275</v>
      </c>
      <c r="HS19" s="427">
        <v>1704219</v>
      </c>
      <c r="HT19" s="427">
        <v>5725450</v>
      </c>
      <c r="HU19" s="427">
        <v>6810713</v>
      </c>
      <c r="HV19" s="427">
        <v>4168013</v>
      </c>
      <c r="HW19" s="430">
        <v>19298670</v>
      </c>
      <c r="HX19" s="431">
        <v>19298670</v>
      </c>
    </row>
    <row r="20" spans="1:232" ht="16.5" customHeight="1" x14ac:dyDescent="0.2">
      <c r="A20" s="208" t="s">
        <v>17</v>
      </c>
      <c r="B20" s="426">
        <v>255</v>
      </c>
      <c r="C20" s="427">
        <v>0</v>
      </c>
      <c r="D20" s="428">
        <v>255</v>
      </c>
      <c r="E20" s="429">
        <v>0</v>
      </c>
      <c r="F20" s="427">
        <v>163591</v>
      </c>
      <c r="G20" s="427">
        <v>1054299</v>
      </c>
      <c r="H20" s="427">
        <v>2567558</v>
      </c>
      <c r="I20" s="427">
        <v>3085010</v>
      </c>
      <c r="J20" s="427">
        <v>2330682</v>
      </c>
      <c r="K20" s="430">
        <v>9201140</v>
      </c>
      <c r="L20" s="431">
        <v>9201395</v>
      </c>
      <c r="M20" s="426">
        <v>0</v>
      </c>
      <c r="N20" s="427">
        <v>0</v>
      </c>
      <c r="O20" s="428">
        <v>0</v>
      </c>
      <c r="P20" s="432"/>
      <c r="Q20" s="427">
        <v>59364</v>
      </c>
      <c r="R20" s="427">
        <v>363190</v>
      </c>
      <c r="S20" s="427">
        <v>1479312</v>
      </c>
      <c r="T20" s="427">
        <v>2277167</v>
      </c>
      <c r="U20" s="427">
        <v>1729999</v>
      </c>
      <c r="V20" s="430">
        <v>5909032</v>
      </c>
      <c r="W20" s="431">
        <v>5909032</v>
      </c>
      <c r="X20" s="426">
        <v>0</v>
      </c>
      <c r="Y20" s="427">
        <v>0</v>
      </c>
      <c r="Z20" s="428">
        <v>0</v>
      </c>
      <c r="AA20" s="432"/>
      <c r="AB20" s="427">
        <v>67165</v>
      </c>
      <c r="AC20" s="427">
        <v>560415</v>
      </c>
      <c r="AD20" s="427">
        <v>786720</v>
      </c>
      <c r="AE20" s="427">
        <v>533265</v>
      </c>
      <c r="AF20" s="427">
        <v>189680</v>
      </c>
      <c r="AG20" s="430">
        <v>2137245</v>
      </c>
      <c r="AH20" s="431">
        <v>2137245</v>
      </c>
      <c r="AI20" s="426">
        <v>0</v>
      </c>
      <c r="AJ20" s="427">
        <v>0</v>
      </c>
      <c r="AK20" s="428">
        <v>0</v>
      </c>
      <c r="AL20" s="432"/>
      <c r="AM20" s="427">
        <v>0</v>
      </c>
      <c r="AN20" s="427">
        <v>0</v>
      </c>
      <c r="AO20" s="427">
        <v>0</v>
      </c>
      <c r="AP20" s="427">
        <v>0</v>
      </c>
      <c r="AQ20" s="427">
        <v>2550</v>
      </c>
      <c r="AR20" s="430">
        <v>2550</v>
      </c>
      <c r="AS20" s="431">
        <v>2550</v>
      </c>
      <c r="AT20" s="426">
        <v>0</v>
      </c>
      <c r="AU20" s="427">
        <v>0</v>
      </c>
      <c r="AV20" s="428">
        <v>0</v>
      </c>
      <c r="AW20" s="432"/>
      <c r="AX20" s="427">
        <v>0</v>
      </c>
      <c r="AY20" s="427">
        <v>0</v>
      </c>
      <c r="AZ20" s="427">
        <v>0</v>
      </c>
      <c r="BA20" s="427">
        <v>2550</v>
      </c>
      <c r="BB20" s="427">
        <v>39300</v>
      </c>
      <c r="BC20" s="430">
        <v>41850</v>
      </c>
      <c r="BD20" s="431">
        <v>41850</v>
      </c>
      <c r="BE20" s="426">
        <v>0</v>
      </c>
      <c r="BF20" s="427">
        <v>0</v>
      </c>
      <c r="BG20" s="428">
        <v>0</v>
      </c>
      <c r="BH20" s="432"/>
      <c r="BI20" s="427">
        <v>0</v>
      </c>
      <c r="BJ20" s="427">
        <v>2550</v>
      </c>
      <c r="BK20" s="427">
        <v>196040</v>
      </c>
      <c r="BL20" s="427">
        <v>102450</v>
      </c>
      <c r="BM20" s="427">
        <v>243845</v>
      </c>
      <c r="BN20" s="430">
        <v>544885</v>
      </c>
      <c r="BO20" s="431">
        <v>544885</v>
      </c>
      <c r="BP20" s="426">
        <v>255</v>
      </c>
      <c r="BQ20" s="427">
        <v>0</v>
      </c>
      <c r="BR20" s="428">
        <v>255</v>
      </c>
      <c r="BS20" s="429">
        <v>0</v>
      </c>
      <c r="BT20" s="427">
        <v>33777</v>
      </c>
      <c r="BU20" s="427">
        <v>117608</v>
      </c>
      <c r="BV20" s="427">
        <v>105051</v>
      </c>
      <c r="BW20" s="427">
        <v>160418</v>
      </c>
      <c r="BX20" s="427">
        <v>96718</v>
      </c>
      <c r="BY20" s="430">
        <v>513572</v>
      </c>
      <c r="BZ20" s="431">
        <v>513827</v>
      </c>
      <c r="CA20" s="426">
        <v>0</v>
      </c>
      <c r="CB20" s="427">
        <v>0</v>
      </c>
      <c r="CC20" s="428">
        <v>0</v>
      </c>
      <c r="CD20" s="429">
        <v>0</v>
      </c>
      <c r="CE20" s="427">
        <v>3285</v>
      </c>
      <c r="CF20" s="427">
        <v>10536</v>
      </c>
      <c r="CG20" s="427">
        <v>435</v>
      </c>
      <c r="CH20" s="427">
        <v>9160</v>
      </c>
      <c r="CI20" s="427">
        <v>28590</v>
      </c>
      <c r="CJ20" s="430">
        <v>52006</v>
      </c>
      <c r="CK20" s="431">
        <v>52006</v>
      </c>
      <c r="CL20" s="426">
        <v>0</v>
      </c>
      <c r="CM20" s="427">
        <v>0</v>
      </c>
      <c r="CN20" s="428">
        <v>0</v>
      </c>
      <c r="CO20" s="429">
        <v>0</v>
      </c>
      <c r="CP20" s="427">
        <v>0</v>
      </c>
      <c r="CQ20" s="427">
        <v>0</v>
      </c>
      <c r="CR20" s="427">
        <v>0</v>
      </c>
      <c r="CS20" s="427">
        <v>0</v>
      </c>
      <c r="CT20" s="427">
        <v>0</v>
      </c>
      <c r="CU20" s="430">
        <v>0</v>
      </c>
      <c r="CV20" s="431">
        <v>0</v>
      </c>
      <c r="CW20" s="426">
        <v>0</v>
      </c>
      <c r="CX20" s="427">
        <v>0</v>
      </c>
      <c r="CY20" s="428">
        <v>0</v>
      </c>
      <c r="CZ20" s="432"/>
      <c r="DA20" s="427">
        <v>0</v>
      </c>
      <c r="DB20" s="427">
        <v>0</v>
      </c>
      <c r="DC20" s="427">
        <v>0</v>
      </c>
      <c r="DD20" s="427">
        <v>0</v>
      </c>
      <c r="DE20" s="427">
        <v>0</v>
      </c>
      <c r="DF20" s="430">
        <v>0</v>
      </c>
      <c r="DG20" s="431">
        <v>0</v>
      </c>
      <c r="DH20" s="426">
        <v>1392</v>
      </c>
      <c r="DI20" s="427">
        <v>0</v>
      </c>
      <c r="DJ20" s="428">
        <v>1392</v>
      </c>
      <c r="DK20" s="429">
        <v>0</v>
      </c>
      <c r="DL20" s="427">
        <v>157162</v>
      </c>
      <c r="DM20" s="427">
        <v>534717</v>
      </c>
      <c r="DN20" s="427">
        <v>2834829</v>
      </c>
      <c r="DO20" s="427">
        <v>3378738</v>
      </c>
      <c r="DP20" s="427">
        <v>2804889</v>
      </c>
      <c r="DQ20" s="430">
        <v>9710335</v>
      </c>
      <c r="DR20" s="433">
        <v>9711727</v>
      </c>
      <c r="DS20" s="426">
        <v>0</v>
      </c>
      <c r="DT20" s="427">
        <v>0</v>
      </c>
      <c r="DU20" s="428">
        <v>0</v>
      </c>
      <c r="DV20" s="432"/>
      <c r="DW20" s="427">
        <v>104352</v>
      </c>
      <c r="DX20" s="427">
        <v>335952</v>
      </c>
      <c r="DY20" s="427">
        <v>2192049</v>
      </c>
      <c r="DZ20" s="427">
        <v>2974792</v>
      </c>
      <c r="EA20" s="427">
        <v>2193202</v>
      </c>
      <c r="EB20" s="430">
        <v>7800347</v>
      </c>
      <c r="EC20" s="431">
        <v>7800347</v>
      </c>
      <c r="ED20" s="426">
        <v>0</v>
      </c>
      <c r="EE20" s="427">
        <v>0</v>
      </c>
      <c r="EF20" s="428">
        <v>0</v>
      </c>
      <c r="EG20" s="432"/>
      <c r="EH20" s="427">
        <v>2030</v>
      </c>
      <c r="EI20" s="427">
        <v>46569</v>
      </c>
      <c r="EJ20" s="427">
        <v>63726</v>
      </c>
      <c r="EK20" s="427">
        <v>7693</v>
      </c>
      <c r="EL20" s="427">
        <v>3703</v>
      </c>
      <c r="EM20" s="430">
        <v>123721</v>
      </c>
      <c r="EN20" s="431">
        <v>123721</v>
      </c>
      <c r="EO20" s="426">
        <v>0</v>
      </c>
      <c r="EP20" s="427">
        <v>0</v>
      </c>
      <c r="EQ20" s="428">
        <v>0</v>
      </c>
      <c r="ER20" s="432">
        <v>0</v>
      </c>
      <c r="ES20" s="427">
        <v>0</v>
      </c>
      <c r="ET20" s="427">
        <v>0</v>
      </c>
      <c r="EU20" s="427">
        <v>0</v>
      </c>
      <c r="EV20" s="427">
        <v>0</v>
      </c>
      <c r="EW20" s="427">
        <v>210</v>
      </c>
      <c r="EX20" s="430">
        <v>210</v>
      </c>
      <c r="EY20" s="431">
        <v>210</v>
      </c>
      <c r="EZ20" s="426">
        <v>0</v>
      </c>
      <c r="FA20" s="427">
        <v>0</v>
      </c>
      <c r="FB20" s="428">
        <v>0</v>
      </c>
      <c r="FC20" s="432"/>
      <c r="FD20" s="427">
        <v>0</v>
      </c>
      <c r="FE20" s="427">
        <v>0</v>
      </c>
      <c r="FF20" s="427">
        <v>0</v>
      </c>
      <c r="FG20" s="427">
        <v>210</v>
      </c>
      <c r="FH20" s="427">
        <v>840</v>
      </c>
      <c r="FI20" s="430">
        <v>1050</v>
      </c>
      <c r="FJ20" s="431">
        <v>1050</v>
      </c>
      <c r="FK20" s="426">
        <v>0</v>
      </c>
      <c r="FL20" s="427">
        <v>0</v>
      </c>
      <c r="FM20" s="428">
        <v>0</v>
      </c>
      <c r="FN20" s="432">
        <v>0</v>
      </c>
      <c r="FO20" s="427">
        <v>0</v>
      </c>
      <c r="FP20" s="427">
        <v>10530</v>
      </c>
      <c r="FQ20" s="427">
        <v>287151</v>
      </c>
      <c r="FR20" s="427">
        <v>161580</v>
      </c>
      <c r="FS20" s="427">
        <v>470136</v>
      </c>
      <c r="FT20" s="430">
        <v>929397</v>
      </c>
      <c r="FU20" s="431">
        <v>929397</v>
      </c>
      <c r="FV20" s="426">
        <v>1392</v>
      </c>
      <c r="FW20" s="427">
        <v>0</v>
      </c>
      <c r="FX20" s="428">
        <v>1392</v>
      </c>
      <c r="FY20" s="429">
        <v>0</v>
      </c>
      <c r="FZ20" s="427">
        <v>50661</v>
      </c>
      <c r="GA20" s="427">
        <v>140472</v>
      </c>
      <c r="GB20" s="427">
        <v>291882</v>
      </c>
      <c r="GC20" s="427">
        <v>231447</v>
      </c>
      <c r="GD20" s="427">
        <v>128122</v>
      </c>
      <c r="GE20" s="430">
        <v>842584</v>
      </c>
      <c r="GF20" s="431">
        <v>843976</v>
      </c>
      <c r="GG20" s="426">
        <v>0</v>
      </c>
      <c r="GH20" s="427">
        <v>0</v>
      </c>
      <c r="GI20" s="428">
        <v>0</v>
      </c>
      <c r="GJ20" s="429">
        <v>0</v>
      </c>
      <c r="GK20" s="427">
        <v>119</v>
      </c>
      <c r="GL20" s="427">
        <v>1194</v>
      </c>
      <c r="GM20" s="427">
        <v>21</v>
      </c>
      <c r="GN20" s="427">
        <v>3016</v>
      </c>
      <c r="GO20" s="427">
        <v>8676</v>
      </c>
      <c r="GP20" s="430">
        <v>13026</v>
      </c>
      <c r="GQ20" s="431">
        <v>13026</v>
      </c>
      <c r="GR20" s="426">
        <v>0</v>
      </c>
      <c r="GS20" s="427">
        <v>0</v>
      </c>
      <c r="GT20" s="428">
        <v>0</v>
      </c>
      <c r="GU20" s="429">
        <v>0</v>
      </c>
      <c r="GV20" s="427">
        <v>0</v>
      </c>
      <c r="GW20" s="427">
        <v>0</v>
      </c>
      <c r="GX20" s="427">
        <v>0</v>
      </c>
      <c r="GY20" s="427">
        <v>0</v>
      </c>
      <c r="GZ20" s="427">
        <v>0</v>
      </c>
      <c r="HA20" s="430">
        <v>0</v>
      </c>
      <c r="HB20" s="431">
        <v>0</v>
      </c>
      <c r="HC20" s="426">
        <v>0</v>
      </c>
      <c r="HD20" s="427">
        <v>0</v>
      </c>
      <c r="HE20" s="428">
        <v>0</v>
      </c>
      <c r="HF20" s="432"/>
      <c r="HG20" s="427">
        <v>0</v>
      </c>
      <c r="HH20" s="427">
        <v>0</v>
      </c>
      <c r="HI20" s="427">
        <v>0</v>
      </c>
      <c r="HJ20" s="427">
        <v>0</v>
      </c>
      <c r="HK20" s="427">
        <v>0</v>
      </c>
      <c r="HL20" s="430">
        <v>0</v>
      </c>
      <c r="HM20" s="431">
        <v>0</v>
      </c>
      <c r="HN20" s="426">
        <v>1647</v>
      </c>
      <c r="HO20" s="427">
        <v>0</v>
      </c>
      <c r="HP20" s="428">
        <v>1647</v>
      </c>
      <c r="HQ20" s="429">
        <v>0</v>
      </c>
      <c r="HR20" s="427">
        <v>320753</v>
      </c>
      <c r="HS20" s="427">
        <v>1589016</v>
      </c>
      <c r="HT20" s="427">
        <v>5402387</v>
      </c>
      <c r="HU20" s="427">
        <v>6463748</v>
      </c>
      <c r="HV20" s="427">
        <v>5135571</v>
      </c>
      <c r="HW20" s="430">
        <v>18911475</v>
      </c>
      <c r="HX20" s="431">
        <v>18913122</v>
      </c>
    </row>
    <row r="21" spans="1:232" ht="16.5" customHeight="1" x14ac:dyDescent="0.2">
      <c r="A21" s="208" t="s">
        <v>18</v>
      </c>
      <c r="B21" s="426">
        <v>3940</v>
      </c>
      <c r="C21" s="427">
        <v>0</v>
      </c>
      <c r="D21" s="428">
        <v>3940</v>
      </c>
      <c r="E21" s="429">
        <v>0</v>
      </c>
      <c r="F21" s="427">
        <v>346435</v>
      </c>
      <c r="G21" s="427">
        <v>470196</v>
      </c>
      <c r="H21" s="427">
        <v>2422640</v>
      </c>
      <c r="I21" s="427">
        <v>3782724</v>
      </c>
      <c r="J21" s="427">
        <v>2396768</v>
      </c>
      <c r="K21" s="430">
        <v>9418763</v>
      </c>
      <c r="L21" s="431">
        <v>9422703</v>
      </c>
      <c r="M21" s="426">
        <v>0</v>
      </c>
      <c r="N21" s="427">
        <v>0</v>
      </c>
      <c r="O21" s="428">
        <v>0</v>
      </c>
      <c r="P21" s="432"/>
      <c r="Q21" s="427">
        <v>50850</v>
      </c>
      <c r="R21" s="427">
        <v>72665</v>
      </c>
      <c r="S21" s="427">
        <v>1347275</v>
      </c>
      <c r="T21" s="427">
        <v>2547510</v>
      </c>
      <c r="U21" s="427">
        <v>1693513</v>
      </c>
      <c r="V21" s="430">
        <v>5711813</v>
      </c>
      <c r="W21" s="431">
        <v>5711813</v>
      </c>
      <c r="X21" s="426">
        <v>0</v>
      </c>
      <c r="Y21" s="427">
        <v>0</v>
      </c>
      <c r="Z21" s="428">
        <v>0</v>
      </c>
      <c r="AA21" s="432"/>
      <c r="AB21" s="427">
        <v>248195</v>
      </c>
      <c r="AC21" s="427">
        <v>255105</v>
      </c>
      <c r="AD21" s="427">
        <v>701275</v>
      </c>
      <c r="AE21" s="427">
        <v>867195</v>
      </c>
      <c r="AF21" s="427">
        <v>379490</v>
      </c>
      <c r="AG21" s="430">
        <v>2451260</v>
      </c>
      <c r="AH21" s="431">
        <v>2451260</v>
      </c>
      <c r="AI21" s="426">
        <v>0</v>
      </c>
      <c r="AJ21" s="427">
        <v>0</v>
      </c>
      <c r="AK21" s="428">
        <v>0</v>
      </c>
      <c r="AL21" s="432"/>
      <c r="AM21" s="427">
        <v>0</v>
      </c>
      <c r="AN21" s="427">
        <v>0</v>
      </c>
      <c r="AO21" s="427">
        <v>0</v>
      </c>
      <c r="AP21" s="427">
        <v>0</v>
      </c>
      <c r="AQ21" s="427">
        <v>68700</v>
      </c>
      <c r="AR21" s="430">
        <v>68700</v>
      </c>
      <c r="AS21" s="431">
        <v>68700</v>
      </c>
      <c r="AT21" s="426">
        <v>0</v>
      </c>
      <c r="AU21" s="427">
        <v>0</v>
      </c>
      <c r="AV21" s="428">
        <v>0</v>
      </c>
      <c r="AW21" s="432"/>
      <c r="AX21" s="427">
        <v>0</v>
      </c>
      <c r="AY21" s="427">
        <v>0</v>
      </c>
      <c r="AZ21" s="427">
        <v>0</v>
      </c>
      <c r="BA21" s="427">
        <v>69115</v>
      </c>
      <c r="BB21" s="427">
        <v>121200</v>
      </c>
      <c r="BC21" s="430">
        <v>190315</v>
      </c>
      <c r="BD21" s="431">
        <v>190315</v>
      </c>
      <c r="BE21" s="426">
        <v>0</v>
      </c>
      <c r="BF21" s="427">
        <v>0</v>
      </c>
      <c r="BG21" s="428">
        <v>0</v>
      </c>
      <c r="BH21" s="432"/>
      <c r="BI21" s="427">
        <v>0</v>
      </c>
      <c r="BJ21" s="427">
        <v>31650</v>
      </c>
      <c r="BK21" s="427">
        <v>11985</v>
      </c>
      <c r="BL21" s="427">
        <v>78600</v>
      </c>
      <c r="BM21" s="427">
        <v>36750</v>
      </c>
      <c r="BN21" s="430">
        <v>158985</v>
      </c>
      <c r="BO21" s="431">
        <v>158985</v>
      </c>
      <c r="BP21" s="426">
        <v>3940</v>
      </c>
      <c r="BQ21" s="427">
        <v>0</v>
      </c>
      <c r="BR21" s="428">
        <v>3940</v>
      </c>
      <c r="BS21" s="429">
        <v>0</v>
      </c>
      <c r="BT21" s="427">
        <v>47390</v>
      </c>
      <c r="BU21" s="427">
        <v>110776</v>
      </c>
      <c r="BV21" s="427">
        <v>354385</v>
      </c>
      <c r="BW21" s="427">
        <v>209509</v>
      </c>
      <c r="BX21" s="427">
        <v>96390</v>
      </c>
      <c r="BY21" s="430">
        <v>818450</v>
      </c>
      <c r="BZ21" s="431">
        <v>822390</v>
      </c>
      <c r="CA21" s="426">
        <v>0</v>
      </c>
      <c r="CB21" s="427">
        <v>0</v>
      </c>
      <c r="CC21" s="428">
        <v>0</v>
      </c>
      <c r="CD21" s="429">
        <v>0</v>
      </c>
      <c r="CE21" s="427">
        <v>0</v>
      </c>
      <c r="CF21" s="427">
        <v>0</v>
      </c>
      <c r="CG21" s="427">
        <v>7720</v>
      </c>
      <c r="CH21" s="427">
        <v>10795</v>
      </c>
      <c r="CI21" s="427">
        <v>725</v>
      </c>
      <c r="CJ21" s="430">
        <v>19240</v>
      </c>
      <c r="CK21" s="431">
        <v>19240</v>
      </c>
      <c r="CL21" s="426">
        <v>0</v>
      </c>
      <c r="CM21" s="427">
        <v>0</v>
      </c>
      <c r="CN21" s="428">
        <v>0</v>
      </c>
      <c r="CO21" s="429">
        <v>0</v>
      </c>
      <c r="CP21" s="427">
        <v>0</v>
      </c>
      <c r="CQ21" s="427">
        <v>0</v>
      </c>
      <c r="CR21" s="427">
        <v>0</v>
      </c>
      <c r="CS21" s="427">
        <v>0</v>
      </c>
      <c r="CT21" s="427">
        <v>0</v>
      </c>
      <c r="CU21" s="430">
        <v>0</v>
      </c>
      <c r="CV21" s="431">
        <v>0</v>
      </c>
      <c r="CW21" s="426">
        <v>0</v>
      </c>
      <c r="CX21" s="427">
        <v>0</v>
      </c>
      <c r="CY21" s="428">
        <v>0</v>
      </c>
      <c r="CZ21" s="432"/>
      <c r="DA21" s="427">
        <v>0</v>
      </c>
      <c r="DB21" s="427">
        <v>0</v>
      </c>
      <c r="DC21" s="427">
        <v>0</v>
      </c>
      <c r="DD21" s="427">
        <v>0</v>
      </c>
      <c r="DE21" s="427">
        <v>0</v>
      </c>
      <c r="DF21" s="430">
        <v>0</v>
      </c>
      <c r="DG21" s="431">
        <v>0</v>
      </c>
      <c r="DH21" s="426">
        <v>3420</v>
      </c>
      <c r="DI21" s="427">
        <v>0</v>
      </c>
      <c r="DJ21" s="428">
        <v>3420</v>
      </c>
      <c r="DK21" s="429">
        <v>0</v>
      </c>
      <c r="DL21" s="427">
        <v>202848</v>
      </c>
      <c r="DM21" s="427">
        <v>350931</v>
      </c>
      <c r="DN21" s="427">
        <v>2739611</v>
      </c>
      <c r="DO21" s="427">
        <v>4135007</v>
      </c>
      <c r="DP21" s="427">
        <v>2627025</v>
      </c>
      <c r="DQ21" s="430">
        <v>10055422</v>
      </c>
      <c r="DR21" s="433">
        <v>10058842</v>
      </c>
      <c r="DS21" s="426">
        <v>0</v>
      </c>
      <c r="DT21" s="427">
        <v>0</v>
      </c>
      <c r="DU21" s="428">
        <v>0</v>
      </c>
      <c r="DV21" s="432"/>
      <c r="DW21" s="427">
        <v>82440</v>
      </c>
      <c r="DX21" s="427">
        <v>95910</v>
      </c>
      <c r="DY21" s="427">
        <v>1926030</v>
      </c>
      <c r="DZ21" s="427">
        <v>3462309</v>
      </c>
      <c r="EA21" s="427">
        <v>2253759</v>
      </c>
      <c r="EB21" s="430">
        <v>7820448</v>
      </c>
      <c r="EC21" s="431">
        <v>7820448</v>
      </c>
      <c r="ED21" s="426">
        <v>0</v>
      </c>
      <c r="EE21" s="427">
        <v>0</v>
      </c>
      <c r="EF21" s="428">
        <v>0</v>
      </c>
      <c r="EG21" s="432"/>
      <c r="EH21" s="427">
        <v>45950</v>
      </c>
      <c r="EI21" s="427">
        <v>25193</v>
      </c>
      <c r="EJ21" s="427">
        <v>146635</v>
      </c>
      <c r="EK21" s="427">
        <v>158203</v>
      </c>
      <c r="EL21" s="427">
        <v>107716</v>
      </c>
      <c r="EM21" s="430">
        <v>483697</v>
      </c>
      <c r="EN21" s="431">
        <v>483697</v>
      </c>
      <c r="EO21" s="426">
        <v>0</v>
      </c>
      <c r="EP21" s="427">
        <v>0</v>
      </c>
      <c r="EQ21" s="428">
        <v>0</v>
      </c>
      <c r="ER21" s="432">
        <v>0</v>
      </c>
      <c r="ES21" s="427">
        <v>0</v>
      </c>
      <c r="ET21" s="427">
        <v>0</v>
      </c>
      <c r="EU21" s="427">
        <v>0</v>
      </c>
      <c r="EV21" s="427">
        <v>0</v>
      </c>
      <c r="EW21" s="427">
        <v>22200</v>
      </c>
      <c r="EX21" s="430">
        <v>22200</v>
      </c>
      <c r="EY21" s="431">
        <v>22200</v>
      </c>
      <c r="EZ21" s="426">
        <v>0</v>
      </c>
      <c r="FA21" s="427">
        <v>0</v>
      </c>
      <c r="FB21" s="428">
        <v>0</v>
      </c>
      <c r="FC21" s="432"/>
      <c r="FD21" s="427">
        <v>0</v>
      </c>
      <c r="FE21" s="427">
        <v>0</v>
      </c>
      <c r="FF21" s="427">
        <v>0</v>
      </c>
      <c r="FG21" s="427">
        <v>14746</v>
      </c>
      <c r="FH21" s="427">
        <v>1890</v>
      </c>
      <c r="FI21" s="430">
        <v>16636</v>
      </c>
      <c r="FJ21" s="431">
        <v>16636</v>
      </c>
      <c r="FK21" s="426">
        <v>0</v>
      </c>
      <c r="FL21" s="427">
        <v>0</v>
      </c>
      <c r="FM21" s="428">
        <v>0</v>
      </c>
      <c r="FN21" s="432">
        <v>0</v>
      </c>
      <c r="FO21" s="427">
        <v>0</v>
      </c>
      <c r="FP21" s="427">
        <v>35580</v>
      </c>
      <c r="FQ21" s="427">
        <v>103704</v>
      </c>
      <c r="FR21" s="427">
        <v>196440</v>
      </c>
      <c r="FS21" s="427">
        <v>77340</v>
      </c>
      <c r="FT21" s="430">
        <v>413064</v>
      </c>
      <c r="FU21" s="431">
        <v>413064</v>
      </c>
      <c r="FV21" s="426">
        <v>3420</v>
      </c>
      <c r="FW21" s="427">
        <v>0</v>
      </c>
      <c r="FX21" s="428">
        <v>3420</v>
      </c>
      <c r="FY21" s="429">
        <v>0</v>
      </c>
      <c r="FZ21" s="427">
        <v>74458</v>
      </c>
      <c r="GA21" s="427">
        <v>194248</v>
      </c>
      <c r="GB21" s="427">
        <v>560603</v>
      </c>
      <c r="GC21" s="427">
        <v>299497</v>
      </c>
      <c r="GD21" s="427">
        <v>164120</v>
      </c>
      <c r="GE21" s="430">
        <v>1292926</v>
      </c>
      <c r="GF21" s="431">
        <v>1296346</v>
      </c>
      <c r="GG21" s="426">
        <v>0</v>
      </c>
      <c r="GH21" s="427">
        <v>0</v>
      </c>
      <c r="GI21" s="428">
        <v>0</v>
      </c>
      <c r="GJ21" s="429">
        <v>0</v>
      </c>
      <c r="GK21" s="427">
        <v>0</v>
      </c>
      <c r="GL21" s="427">
        <v>0</v>
      </c>
      <c r="GM21" s="427">
        <v>2639</v>
      </c>
      <c r="GN21" s="427">
        <v>3812</v>
      </c>
      <c r="GO21" s="427">
        <v>0</v>
      </c>
      <c r="GP21" s="430">
        <v>6451</v>
      </c>
      <c r="GQ21" s="431">
        <v>6451</v>
      </c>
      <c r="GR21" s="426">
        <v>0</v>
      </c>
      <c r="GS21" s="427">
        <v>0</v>
      </c>
      <c r="GT21" s="428">
        <v>0</v>
      </c>
      <c r="GU21" s="429">
        <v>0</v>
      </c>
      <c r="GV21" s="427">
        <v>0</v>
      </c>
      <c r="GW21" s="427">
        <v>0</v>
      </c>
      <c r="GX21" s="427">
        <v>0</v>
      </c>
      <c r="GY21" s="427">
        <v>0</v>
      </c>
      <c r="GZ21" s="427">
        <v>0</v>
      </c>
      <c r="HA21" s="430">
        <v>0</v>
      </c>
      <c r="HB21" s="431">
        <v>0</v>
      </c>
      <c r="HC21" s="426">
        <v>0</v>
      </c>
      <c r="HD21" s="427">
        <v>0</v>
      </c>
      <c r="HE21" s="428">
        <v>0</v>
      </c>
      <c r="HF21" s="432"/>
      <c r="HG21" s="427">
        <v>0</v>
      </c>
      <c r="HH21" s="427">
        <v>0</v>
      </c>
      <c r="HI21" s="427">
        <v>0</v>
      </c>
      <c r="HJ21" s="427">
        <v>0</v>
      </c>
      <c r="HK21" s="427">
        <v>0</v>
      </c>
      <c r="HL21" s="430">
        <v>0</v>
      </c>
      <c r="HM21" s="431">
        <v>0</v>
      </c>
      <c r="HN21" s="426">
        <v>7360</v>
      </c>
      <c r="HO21" s="427">
        <v>0</v>
      </c>
      <c r="HP21" s="428">
        <v>7360</v>
      </c>
      <c r="HQ21" s="429">
        <v>0</v>
      </c>
      <c r="HR21" s="427">
        <v>549283</v>
      </c>
      <c r="HS21" s="427">
        <v>821127</v>
      </c>
      <c r="HT21" s="427">
        <v>5162251</v>
      </c>
      <c r="HU21" s="427">
        <v>7917731</v>
      </c>
      <c r="HV21" s="427">
        <v>5023793</v>
      </c>
      <c r="HW21" s="430">
        <v>19474185</v>
      </c>
      <c r="HX21" s="431">
        <v>19481545</v>
      </c>
    </row>
    <row r="22" spans="1:232" ht="16.5" customHeight="1" x14ac:dyDescent="0.2">
      <c r="A22" s="208" t="s">
        <v>19</v>
      </c>
      <c r="B22" s="426">
        <v>0</v>
      </c>
      <c r="C22" s="427">
        <v>0</v>
      </c>
      <c r="D22" s="428">
        <v>0</v>
      </c>
      <c r="E22" s="429">
        <v>0</v>
      </c>
      <c r="F22" s="427">
        <v>140330</v>
      </c>
      <c r="G22" s="427">
        <v>420455</v>
      </c>
      <c r="H22" s="427">
        <v>1657080</v>
      </c>
      <c r="I22" s="427">
        <v>1267510</v>
      </c>
      <c r="J22" s="427">
        <v>1113855</v>
      </c>
      <c r="K22" s="430">
        <v>4599230</v>
      </c>
      <c r="L22" s="431">
        <v>4599230</v>
      </c>
      <c r="M22" s="426">
        <v>0</v>
      </c>
      <c r="N22" s="427">
        <v>0</v>
      </c>
      <c r="O22" s="428">
        <v>0</v>
      </c>
      <c r="P22" s="432"/>
      <c r="Q22" s="427">
        <v>13715</v>
      </c>
      <c r="R22" s="427">
        <v>41850</v>
      </c>
      <c r="S22" s="427">
        <v>1116880</v>
      </c>
      <c r="T22" s="427">
        <v>1053945</v>
      </c>
      <c r="U22" s="427">
        <v>740500</v>
      </c>
      <c r="V22" s="430">
        <v>2966890</v>
      </c>
      <c r="W22" s="431">
        <v>2966890</v>
      </c>
      <c r="X22" s="426">
        <v>0</v>
      </c>
      <c r="Y22" s="427">
        <v>0</v>
      </c>
      <c r="Z22" s="428">
        <v>0</v>
      </c>
      <c r="AA22" s="432"/>
      <c r="AB22" s="427">
        <v>74905</v>
      </c>
      <c r="AC22" s="427">
        <v>263635</v>
      </c>
      <c r="AD22" s="427">
        <v>428350</v>
      </c>
      <c r="AE22" s="427">
        <v>190880</v>
      </c>
      <c r="AF22" s="427">
        <v>225675</v>
      </c>
      <c r="AG22" s="430">
        <v>1183445</v>
      </c>
      <c r="AH22" s="431">
        <v>1183445</v>
      </c>
      <c r="AI22" s="426">
        <v>0</v>
      </c>
      <c r="AJ22" s="427">
        <v>0</v>
      </c>
      <c r="AK22" s="428">
        <v>0</v>
      </c>
      <c r="AL22" s="432"/>
      <c r="AM22" s="427">
        <v>0</v>
      </c>
      <c r="AN22" s="427">
        <v>0</v>
      </c>
      <c r="AO22" s="427">
        <v>0</v>
      </c>
      <c r="AP22" s="427">
        <v>0</v>
      </c>
      <c r="AQ22" s="427">
        <v>0</v>
      </c>
      <c r="AR22" s="430">
        <v>0</v>
      </c>
      <c r="AS22" s="431">
        <v>0</v>
      </c>
      <c r="AT22" s="426">
        <v>0</v>
      </c>
      <c r="AU22" s="427">
        <v>0</v>
      </c>
      <c r="AV22" s="428">
        <v>0</v>
      </c>
      <c r="AW22" s="432"/>
      <c r="AX22" s="427">
        <v>0</v>
      </c>
      <c r="AY22" s="427">
        <v>0</v>
      </c>
      <c r="AZ22" s="427">
        <v>0</v>
      </c>
      <c r="BA22" s="427">
        <v>0</v>
      </c>
      <c r="BB22" s="427">
        <v>79350</v>
      </c>
      <c r="BC22" s="430">
        <v>79350</v>
      </c>
      <c r="BD22" s="431">
        <v>79350</v>
      </c>
      <c r="BE22" s="426">
        <v>0</v>
      </c>
      <c r="BF22" s="427">
        <v>0</v>
      </c>
      <c r="BG22" s="428">
        <v>0</v>
      </c>
      <c r="BH22" s="432"/>
      <c r="BI22" s="427">
        <v>0</v>
      </c>
      <c r="BJ22" s="427">
        <v>0</v>
      </c>
      <c r="BK22" s="427">
        <v>0</v>
      </c>
      <c r="BL22" s="427">
        <v>0</v>
      </c>
      <c r="BM22" s="427">
        <v>0</v>
      </c>
      <c r="BN22" s="430">
        <v>0</v>
      </c>
      <c r="BO22" s="431">
        <v>0</v>
      </c>
      <c r="BP22" s="426">
        <v>0</v>
      </c>
      <c r="BQ22" s="427">
        <v>0</v>
      </c>
      <c r="BR22" s="428">
        <v>0</v>
      </c>
      <c r="BS22" s="429">
        <v>0</v>
      </c>
      <c r="BT22" s="427">
        <v>49480</v>
      </c>
      <c r="BU22" s="427">
        <v>112795</v>
      </c>
      <c r="BV22" s="427">
        <v>111850</v>
      </c>
      <c r="BW22" s="427">
        <v>21815</v>
      </c>
      <c r="BX22" s="427">
        <v>66100</v>
      </c>
      <c r="BY22" s="430">
        <v>362040</v>
      </c>
      <c r="BZ22" s="431">
        <v>362040</v>
      </c>
      <c r="CA22" s="426">
        <v>0</v>
      </c>
      <c r="CB22" s="427">
        <v>0</v>
      </c>
      <c r="CC22" s="428">
        <v>0</v>
      </c>
      <c r="CD22" s="429">
        <v>0</v>
      </c>
      <c r="CE22" s="427">
        <v>2230</v>
      </c>
      <c r="CF22" s="427">
        <v>2175</v>
      </c>
      <c r="CG22" s="427">
        <v>0</v>
      </c>
      <c r="CH22" s="427">
        <v>870</v>
      </c>
      <c r="CI22" s="427">
        <v>2230</v>
      </c>
      <c r="CJ22" s="430">
        <v>7505</v>
      </c>
      <c r="CK22" s="431">
        <v>7505</v>
      </c>
      <c r="CL22" s="426">
        <v>0</v>
      </c>
      <c r="CM22" s="427">
        <v>0</v>
      </c>
      <c r="CN22" s="428">
        <v>0</v>
      </c>
      <c r="CO22" s="429">
        <v>0</v>
      </c>
      <c r="CP22" s="427">
        <v>0</v>
      </c>
      <c r="CQ22" s="427">
        <v>0</v>
      </c>
      <c r="CR22" s="427">
        <v>0</v>
      </c>
      <c r="CS22" s="427">
        <v>0</v>
      </c>
      <c r="CT22" s="427">
        <v>0</v>
      </c>
      <c r="CU22" s="430">
        <v>0</v>
      </c>
      <c r="CV22" s="431">
        <v>0</v>
      </c>
      <c r="CW22" s="426">
        <v>0</v>
      </c>
      <c r="CX22" s="427">
        <v>0</v>
      </c>
      <c r="CY22" s="428">
        <v>0</v>
      </c>
      <c r="CZ22" s="432"/>
      <c r="DA22" s="427">
        <v>0</v>
      </c>
      <c r="DB22" s="427">
        <v>0</v>
      </c>
      <c r="DC22" s="427">
        <v>0</v>
      </c>
      <c r="DD22" s="427">
        <v>0</v>
      </c>
      <c r="DE22" s="427">
        <v>0</v>
      </c>
      <c r="DF22" s="430">
        <v>0</v>
      </c>
      <c r="DG22" s="431">
        <v>0</v>
      </c>
      <c r="DH22" s="426">
        <v>0</v>
      </c>
      <c r="DI22" s="427">
        <v>0</v>
      </c>
      <c r="DJ22" s="428">
        <v>0</v>
      </c>
      <c r="DK22" s="429">
        <v>0</v>
      </c>
      <c r="DL22" s="427">
        <v>83945</v>
      </c>
      <c r="DM22" s="427">
        <v>261895</v>
      </c>
      <c r="DN22" s="427">
        <v>1549339</v>
      </c>
      <c r="DO22" s="427">
        <v>1398327</v>
      </c>
      <c r="DP22" s="427">
        <v>1146113</v>
      </c>
      <c r="DQ22" s="430">
        <v>4439619</v>
      </c>
      <c r="DR22" s="433">
        <v>4439619</v>
      </c>
      <c r="DS22" s="426">
        <v>0</v>
      </c>
      <c r="DT22" s="427">
        <v>0</v>
      </c>
      <c r="DU22" s="428">
        <v>0</v>
      </c>
      <c r="DV22" s="432"/>
      <c r="DW22" s="427">
        <v>16604</v>
      </c>
      <c r="DX22" s="427">
        <v>87720</v>
      </c>
      <c r="DY22" s="427">
        <v>1339822</v>
      </c>
      <c r="DZ22" s="427">
        <v>1318744</v>
      </c>
      <c r="EA22" s="427">
        <v>1036336</v>
      </c>
      <c r="EB22" s="430">
        <v>3799226</v>
      </c>
      <c r="EC22" s="431">
        <v>3799226</v>
      </c>
      <c r="ED22" s="426">
        <v>0</v>
      </c>
      <c r="EE22" s="427">
        <v>0</v>
      </c>
      <c r="EF22" s="428">
        <v>0</v>
      </c>
      <c r="EG22" s="432"/>
      <c r="EH22" s="427">
        <v>12017</v>
      </c>
      <c r="EI22" s="427">
        <v>46987</v>
      </c>
      <c r="EJ22" s="427">
        <v>90975</v>
      </c>
      <c r="EK22" s="427">
        <v>25498</v>
      </c>
      <c r="EL22" s="427">
        <v>30060</v>
      </c>
      <c r="EM22" s="430">
        <v>205537</v>
      </c>
      <c r="EN22" s="431">
        <v>205537</v>
      </c>
      <c r="EO22" s="426">
        <v>0</v>
      </c>
      <c r="EP22" s="427">
        <v>0</v>
      </c>
      <c r="EQ22" s="428">
        <v>0</v>
      </c>
      <c r="ER22" s="432">
        <v>0</v>
      </c>
      <c r="ES22" s="427">
        <v>0</v>
      </c>
      <c r="ET22" s="427">
        <v>0</v>
      </c>
      <c r="EU22" s="427">
        <v>0</v>
      </c>
      <c r="EV22" s="427">
        <v>0</v>
      </c>
      <c r="EW22" s="427">
        <v>0</v>
      </c>
      <c r="EX22" s="430">
        <v>0</v>
      </c>
      <c r="EY22" s="431">
        <v>0</v>
      </c>
      <c r="EZ22" s="426">
        <v>0</v>
      </c>
      <c r="FA22" s="427">
        <v>0</v>
      </c>
      <c r="FB22" s="428">
        <v>0</v>
      </c>
      <c r="FC22" s="432"/>
      <c r="FD22" s="427">
        <v>0</v>
      </c>
      <c r="FE22" s="427">
        <v>0</v>
      </c>
      <c r="FF22" s="427">
        <v>0</v>
      </c>
      <c r="FG22" s="427">
        <v>0</v>
      </c>
      <c r="FH22" s="427">
        <v>630</v>
      </c>
      <c r="FI22" s="430">
        <v>630</v>
      </c>
      <c r="FJ22" s="431">
        <v>630</v>
      </c>
      <c r="FK22" s="426">
        <v>0</v>
      </c>
      <c r="FL22" s="427">
        <v>0</v>
      </c>
      <c r="FM22" s="428">
        <v>0</v>
      </c>
      <c r="FN22" s="432">
        <v>0</v>
      </c>
      <c r="FO22" s="427">
        <v>0</v>
      </c>
      <c r="FP22" s="427">
        <v>0</v>
      </c>
      <c r="FQ22" s="427">
        <v>0</v>
      </c>
      <c r="FR22" s="427">
        <v>0</v>
      </c>
      <c r="FS22" s="427">
        <v>0</v>
      </c>
      <c r="FT22" s="430">
        <v>0</v>
      </c>
      <c r="FU22" s="431">
        <v>0</v>
      </c>
      <c r="FV22" s="426">
        <v>0</v>
      </c>
      <c r="FW22" s="427">
        <v>0</v>
      </c>
      <c r="FX22" s="428">
        <v>0</v>
      </c>
      <c r="FY22" s="429">
        <v>0</v>
      </c>
      <c r="FZ22" s="427">
        <v>50312</v>
      </c>
      <c r="GA22" s="427">
        <v>120028</v>
      </c>
      <c r="GB22" s="427">
        <v>118542</v>
      </c>
      <c r="GC22" s="427">
        <v>49073</v>
      </c>
      <c r="GD22" s="427">
        <v>77957</v>
      </c>
      <c r="GE22" s="430">
        <v>415912</v>
      </c>
      <c r="GF22" s="431">
        <v>415912</v>
      </c>
      <c r="GG22" s="426">
        <v>0</v>
      </c>
      <c r="GH22" s="427">
        <v>0</v>
      </c>
      <c r="GI22" s="428">
        <v>0</v>
      </c>
      <c r="GJ22" s="429">
        <v>0</v>
      </c>
      <c r="GK22" s="427">
        <v>5012</v>
      </c>
      <c r="GL22" s="427">
        <v>7160</v>
      </c>
      <c r="GM22" s="427">
        <v>0</v>
      </c>
      <c r="GN22" s="427">
        <v>5012</v>
      </c>
      <c r="GO22" s="427">
        <v>1130</v>
      </c>
      <c r="GP22" s="430">
        <v>18314</v>
      </c>
      <c r="GQ22" s="431">
        <v>18314</v>
      </c>
      <c r="GR22" s="426">
        <v>0</v>
      </c>
      <c r="GS22" s="427">
        <v>0</v>
      </c>
      <c r="GT22" s="428">
        <v>0</v>
      </c>
      <c r="GU22" s="429">
        <v>0</v>
      </c>
      <c r="GV22" s="427">
        <v>0</v>
      </c>
      <c r="GW22" s="427">
        <v>0</v>
      </c>
      <c r="GX22" s="427">
        <v>0</v>
      </c>
      <c r="GY22" s="427">
        <v>0</v>
      </c>
      <c r="GZ22" s="427">
        <v>0</v>
      </c>
      <c r="HA22" s="430">
        <v>0</v>
      </c>
      <c r="HB22" s="431">
        <v>0</v>
      </c>
      <c r="HC22" s="426">
        <v>0</v>
      </c>
      <c r="HD22" s="427">
        <v>0</v>
      </c>
      <c r="HE22" s="428">
        <v>0</v>
      </c>
      <c r="HF22" s="432"/>
      <c r="HG22" s="427">
        <v>0</v>
      </c>
      <c r="HH22" s="427">
        <v>0</v>
      </c>
      <c r="HI22" s="427">
        <v>0</v>
      </c>
      <c r="HJ22" s="427">
        <v>0</v>
      </c>
      <c r="HK22" s="427">
        <v>0</v>
      </c>
      <c r="HL22" s="430">
        <v>0</v>
      </c>
      <c r="HM22" s="431">
        <v>0</v>
      </c>
      <c r="HN22" s="426">
        <v>0</v>
      </c>
      <c r="HO22" s="427">
        <v>0</v>
      </c>
      <c r="HP22" s="428">
        <v>0</v>
      </c>
      <c r="HQ22" s="429">
        <v>0</v>
      </c>
      <c r="HR22" s="427">
        <v>224275</v>
      </c>
      <c r="HS22" s="427">
        <v>682350</v>
      </c>
      <c r="HT22" s="427">
        <v>3206419</v>
      </c>
      <c r="HU22" s="427">
        <v>2665837</v>
      </c>
      <c r="HV22" s="427">
        <v>2259968</v>
      </c>
      <c r="HW22" s="430">
        <v>9038849</v>
      </c>
      <c r="HX22" s="431">
        <v>9038849</v>
      </c>
    </row>
    <row r="23" spans="1:232" ht="16.5" customHeight="1" x14ac:dyDescent="0.2">
      <c r="A23" s="208" t="s">
        <v>20</v>
      </c>
      <c r="B23" s="426">
        <v>0</v>
      </c>
      <c r="C23" s="427">
        <v>2095</v>
      </c>
      <c r="D23" s="428">
        <v>2095</v>
      </c>
      <c r="E23" s="429">
        <v>0</v>
      </c>
      <c r="F23" s="427">
        <v>204768</v>
      </c>
      <c r="G23" s="427">
        <v>382397</v>
      </c>
      <c r="H23" s="427">
        <v>1526348</v>
      </c>
      <c r="I23" s="427">
        <v>1556115</v>
      </c>
      <c r="J23" s="427">
        <v>851150</v>
      </c>
      <c r="K23" s="430">
        <v>4520778</v>
      </c>
      <c r="L23" s="431">
        <v>4522873</v>
      </c>
      <c r="M23" s="426">
        <v>0</v>
      </c>
      <c r="N23" s="427">
        <v>0</v>
      </c>
      <c r="O23" s="428">
        <v>0</v>
      </c>
      <c r="P23" s="432"/>
      <c r="Q23" s="427">
        <v>52715</v>
      </c>
      <c r="R23" s="427">
        <v>163990</v>
      </c>
      <c r="S23" s="427">
        <v>1068310</v>
      </c>
      <c r="T23" s="427">
        <v>1267065</v>
      </c>
      <c r="U23" s="427">
        <v>581505</v>
      </c>
      <c r="V23" s="430">
        <v>3133585</v>
      </c>
      <c r="W23" s="431">
        <v>3133585</v>
      </c>
      <c r="X23" s="426">
        <v>0</v>
      </c>
      <c r="Y23" s="427">
        <v>0</v>
      </c>
      <c r="Z23" s="428">
        <v>0</v>
      </c>
      <c r="AA23" s="432"/>
      <c r="AB23" s="427">
        <v>94545</v>
      </c>
      <c r="AC23" s="427">
        <v>104235</v>
      </c>
      <c r="AD23" s="427">
        <v>278165</v>
      </c>
      <c r="AE23" s="427">
        <v>199610</v>
      </c>
      <c r="AF23" s="427">
        <v>138660</v>
      </c>
      <c r="AG23" s="430">
        <v>815215</v>
      </c>
      <c r="AH23" s="431">
        <v>815215</v>
      </c>
      <c r="AI23" s="426">
        <v>0</v>
      </c>
      <c r="AJ23" s="427">
        <v>0</v>
      </c>
      <c r="AK23" s="428">
        <v>0</v>
      </c>
      <c r="AL23" s="432"/>
      <c r="AM23" s="427">
        <v>0</v>
      </c>
      <c r="AN23" s="427">
        <v>0</v>
      </c>
      <c r="AO23" s="427">
        <v>0</v>
      </c>
      <c r="AP23" s="427">
        <v>0</v>
      </c>
      <c r="AQ23" s="427">
        <v>0</v>
      </c>
      <c r="AR23" s="430">
        <v>0</v>
      </c>
      <c r="AS23" s="431">
        <v>0</v>
      </c>
      <c r="AT23" s="426">
        <v>0</v>
      </c>
      <c r="AU23" s="427">
        <v>0</v>
      </c>
      <c r="AV23" s="428">
        <v>0</v>
      </c>
      <c r="AW23" s="432"/>
      <c r="AX23" s="427">
        <v>0</v>
      </c>
      <c r="AY23" s="427">
        <v>0</v>
      </c>
      <c r="AZ23" s="427">
        <v>2550</v>
      </c>
      <c r="BA23" s="427">
        <v>0</v>
      </c>
      <c r="BB23" s="427">
        <v>25805</v>
      </c>
      <c r="BC23" s="430">
        <v>28355</v>
      </c>
      <c r="BD23" s="431">
        <v>28355</v>
      </c>
      <c r="BE23" s="426">
        <v>0</v>
      </c>
      <c r="BF23" s="427">
        <v>0</v>
      </c>
      <c r="BG23" s="428">
        <v>0</v>
      </c>
      <c r="BH23" s="432"/>
      <c r="BI23" s="427">
        <v>0</v>
      </c>
      <c r="BJ23" s="427">
        <v>0</v>
      </c>
      <c r="BK23" s="427">
        <v>0</v>
      </c>
      <c r="BL23" s="427">
        <v>0</v>
      </c>
      <c r="BM23" s="427">
        <v>0</v>
      </c>
      <c r="BN23" s="430">
        <v>0</v>
      </c>
      <c r="BO23" s="431">
        <v>0</v>
      </c>
      <c r="BP23" s="426">
        <v>0</v>
      </c>
      <c r="BQ23" s="427">
        <v>0</v>
      </c>
      <c r="BR23" s="428">
        <v>0</v>
      </c>
      <c r="BS23" s="429">
        <v>0</v>
      </c>
      <c r="BT23" s="427">
        <v>53583</v>
      </c>
      <c r="BU23" s="427">
        <v>113737</v>
      </c>
      <c r="BV23" s="427">
        <v>173553</v>
      </c>
      <c r="BW23" s="427">
        <v>84880</v>
      </c>
      <c r="BX23" s="427">
        <v>105180</v>
      </c>
      <c r="BY23" s="430">
        <v>530933</v>
      </c>
      <c r="BZ23" s="431">
        <v>530933</v>
      </c>
      <c r="CA23" s="426">
        <v>0</v>
      </c>
      <c r="CB23" s="427">
        <v>2095</v>
      </c>
      <c r="CC23" s="428">
        <v>2095</v>
      </c>
      <c r="CD23" s="429">
        <v>0</v>
      </c>
      <c r="CE23" s="427">
        <v>3925</v>
      </c>
      <c r="CF23" s="427">
        <v>435</v>
      </c>
      <c r="CG23" s="427">
        <v>3770</v>
      </c>
      <c r="CH23" s="427">
        <v>4560</v>
      </c>
      <c r="CI23" s="427">
        <v>0</v>
      </c>
      <c r="CJ23" s="430">
        <v>12690</v>
      </c>
      <c r="CK23" s="431">
        <v>14785</v>
      </c>
      <c r="CL23" s="426">
        <v>0</v>
      </c>
      <c r="CM23" s="427">
        <v>0</v>
      </c>
      <c r="CN23" s="428">
        <v>0</v>
      </c>
      <c r="CO23" s="429">
        <v>0</v>
      </c>
      <c r="CP23" s="427">
        <v>0</v>
      </c>
      <c r="CQ23" s="427">
        <v>0</v>
      </c>
      <c r="CR23" s="427">
        <v>0</v>
      </c>
      <c r="CS23" s="427">
        <v>0</v>
      </c>
      <c r="CT23" s="427">
        <v>0</v>
      </c>
      <c r="CU23" s="430">
        <v>0</v>
      </c>
      <c r="CV23" s="431">
        <v>0</v>
      </c>
      <c r="CW23" s="426">
        <v>0</v>
      </c>
      <c r="CX23" s="427">
        <v>0</v>
      </c>
      <c r="CY23" s="428">
        <v>0</v>
      </c>
      <c r="CZ23" s="432"/>
      <c r="DA23" s="427">
        <v>0</v>
      </c>
      <c r="DB23" s="427">
        <v>0</v>
      </c>
      <c r="DC23" s="427">
        <v>0</v>
      </c>
      <c r="DD23" s="427">
        <v>0</v>
      </c>
      <c r="DE23" s="427">
        <v>0</v>
      </c>
      <c r="DF23" s="430">
        <v>0</v>
      </c>
      <c r="DG23" s="431">
        <v>0</v>
      </c>
      <c r="DH23" s="426">
        <v>0</v>
      </c>
      <c r="DI23" s="427">
        <v>754</v>
      </c>
      <c r="DJ23" s="428">
        <v>754</v>
      </c>
      <c r="DK23" s="429">
        <v>0</v>
      </c>
      <c r="DL23" s="427">
        <v>188222</v>
      </c>
      <c r="DM23" s="427">
        <v>525789</v>
      </c>
      <c r="DN23" s="427">
        <v>2030025</v>
      </c>
      <c r="DO23" s="427">
        <v>2176443</v>
      </c>
      <c r="DP23" s="427">
        <v>1022434</v>
      </c>
      <c r="DQ23" s="430">
        <v>5942913</v>
      </c>
      <c r="DR23" s="433">
        <v>5943667</v>
      </c>
      <c r="DS23" s="426">
        <v>0</v>
      </c>
      <c r="DT23" s="427">
        <v>0</v>
      </c>
      <c r="DU23" s="428">
        <v>0</v>
      </c>
      <c r="DV23" s="432"/>
      <c r="DW23" s="427">
        <v>75210</v>
      </c>
      <c r="DX23" s="427">
        <v>315480</v>
      </c>
      <c r="DY23" s="427">
        <v>1676392</v>
      </c>
      <c r="DZ23" s="427">
        <v>2006368</v>
      </c>
      <c r="EA23" s="427">
        <v>861016</v>
      </c>
      <c r="EB23" s="430">
        <v>4934466</v>
      </c>
      <c r="EC23" s="431">
        <v>4934466</v>
      </c>
      <c r="ED23" s="426">
        <v>0</v>
      </c>
      <c r="EE23" s="427">
        <v>0</v>
      </c>
      <c r="EF23" s="428">
        <v>0</v>
      </c>
      <c r="EG23" s="432"/>
      <c r="EH23" s="427">
        <v>6160</v>
      </c>
      <c r="EI23" s="427">
        <v>13347</v>
      </c>
      <c r="EJ23" s="427">
        <v>27565</v>
      </c>
      <c r="EK23" s="427">
        <v>22292</v>
      </c>
      <c r="EL23" s="427">
        <v>1596</v>
      </c>
      <c r="EM23" s="430">
        <v>70960</v>
      </c>
      <c r="EN23" s="431">
        <v>70960</v>
      </c>
      <c r="EO23" s="426">
        <v>0</v>
      </c>
      <c r="EP23" s="427">
        <v>0</v>
      </c>
      <c r="EQ23" s="428">
        <v>0</v>
      </c>
      <c r="ER23" s="432">
        <v>0</v>
      </c>
      <c r="ES23" s="427">
        <v>0</v>
      </c>
      <c r="ET23" s="427">
        <v>0</v>
      </c>
      <c r="EU23" s="427">
        <v>0</v>
      </c>
      <c r="EV23" s="427">
        <v>0</v>
      </c>
      <c r="EW23" s="427">
        <v>0</v>
      </c>
      <c r="EX23" s="430">
        <v>0</v>
      </c>
      <c r="EY23" s="431">
        <v>0</v>
      </c>
      <c r="EZ23" s="426">
        <v>0</v>
      </c>
      <c r="FA23" s="427">
        <v>0</v>
      </c>
      <c r="FB23" s="428">
        <v>0</v>
      </c>
      <c r="FC23" s="432"/>
      <c r="FD23" s="427">
        <v>0</v>
      </c>
      <c r="FE23" s="427">
        <v>0</v>
      </c>
      <c r="FF23" s="427">
        <v>210</v>
      </c>
      <c r="FG23" s="427">
        <v>0</v>
      </c>
      <c r="FH23" s="427">
        <v>420</v>
      </c>
      <c r="FI23" s="430">
        <v>630</v>
      </c>
      <c r="FJ23" s="431">
        <v>630</v>
      </c>
      <c r="FK23" s="426">
        <v>0</v>
      </c>
      <c r="FL23" s="427">
        <v>0</v>
      </c>
      <c r="FM23" s="428">
        <v>0</v>
      </c>
      <c r="FN23" s="432">
        <v>0</v>
      </c>
      <c r="FO23" s="427">
        <v>0</v>
      </c>
      <c r="FP23" s="427">
        <v>0</v>
      </c>
      <c r="FQ23" s="427">
        <v>0</v>
      </c>
      <c r="FR23" s="427">
        <v>0</v>
      </c>
      <c r="FS23" s="427">
        <v>0</v>
      </c>
      <c r="FT23" s="430">
        <v>0</v>
      </c>
      <c r="FU23" s="431">
        <v>0</v>
      </c>
      <c r="FV23" s="426">
        <v>0</v>
      </c>
      <c r="FW23" s="427">
        <v>0</v>
      </c>
      <c r="FX23" s="428">
        <v>0</v>
      </c>
      <c r="FY23" s="429">
        <v>0</v>
      </c>
      <c r="FZ23" s="427">
        <v>101886</v>
      </c>
      <c r="GA23" s="427">
        <v>195530</v>
      </c>
      <c r="GB23" s="427">
        <v>319695</v>
      </c>
      <c r="GC23" s="427">
        <v>143487</v>
      </c>
      <c r="GD23" s="427">
        <v>159402</v>
      </c>
      <c r="GE23" s="430">
        <v>920000</v>
      </c>
      <c r="GF23" s="431">
        <v>920000</v>
      </c>
      <c r="GG23" s="426">
        <v>0</v>
      </c>
      <c r="GH23" s="427">
        <v>754</v>
      </c>
      <c r="GI23" s="428">
        <v>754</v>
      </c>
      <c r="GJ23" s="429">
        <v>0</v>
      </c>
      <c r="GK23" s="427">
        <v>4966</v>
      </c>
      <c r="GL23" s="427">
        <v>1432</v>
      </c>
      <c r="GM23" s="427">
        <v>6163</v>
      </c>
      <c r="GN23" s="427">
        <v>4296</v>
      </c>
      <c r="GO23" s="427">
        <v>0</v>
      </c>
      <c r="GP23" s="430">
        <v>16857</v>
      </c>
      <c r="GQ23" s="431">
        <v>17611</v>
      </c>
      <c r="GR23" s="426">
        <v>0</v>
      </c>
      <c r="GS23" s="427">
        <v>0</v>
      </c>
      <c r="GT23" s="428">
        <v>0</v>
      </c>
      <c r="GU23" s="429">
        <v>0</v>
      </c>
      <c r="GV23" s="427">
        <v>0</v>
      </c>
      <c r="GW23" s="427">
        <v>0</v>
      </c>
      <c r="GX23" s="427">
        <v>0</v>
      </c>
      <c r="GY23" s="427">
        <v>0</v>
      </c>
      <c r="GZ23" s="427">
        <v>0</v>
      </c>
      <c r="HA23" s="430">
        <v>0</v>
      </c>
      <c r="HB23" s="431">
        <v>0</v>
      </c>
      <c r="HC23" s="426">
        <v>0</v>
      </c>
      <c r="HD23" s="427">
        <v>0</v>
      </c>
      <c r="HE23" s="428">
        <v>0</v>
      </c>
      <c r="HF23" s="432"/>
      <c r="HG23" s="427">
        <v>0</v>
      </c>
      <c r="HH23" s="427">
        <v>0</v>
      </c>
      <c r="HI23" s="427">
        <v>0</v>
      </c>
      <c r="HJ23" s="427">
        <v>0</v>
      </c>
      <c r="HK23" s="427">
        <v>0</v>
      </c>
      <c r="HL23" s="430">
        <v>0</v>
      </c>
      <c r="HM23" s="431">
        <v>0</v>
      </c>
      <c r="HN23" s="426">
        <v>0</v>
      </c>
      <c r="HO23" s="427">
        <v>2849</v>
      </c>
      <c r="HP23" s="428">
        <v>2849</v>
      </c>
      <c r="HQ23" s="429">
        <v>0</v>
      </c>
      <c r="HR23" s="427">
        <v>392990</v>
      </c>
      <c r="HS23" s="427">
        <v>908186</v>
      </c>
      <c r="HT23" s="427">
        <v>3556373</v>
      </c>
      <c r="HU23" s="427">
        <v>3732558</v>
      </c>
      <c r="HV23" s="427">
        <v>1873584</v>
      </c>
      <c r="HW23" s="430">
        <v>10463691</v>
      </c>
      <c r="HX23" s="431">
        <v>10466540</v>
      </c>
    </row>
    <row r="24" spans="1:232" ht="16.5" customHeight="1" x14ac:dyDescent="0.2">
      <c r="A24" s="208" t="s">
        <v>21</v>
      </c>
      <c r="B24" s="426">
        <v>0</v>
      </c>
      <c r="C24" s="427">
        <v>0</v>
      </c>
      <c r="D24" s="428">
        <v>0</v>
      </c>
      <c r="E24" s="429">
        <v>0</v>
      </c>
      <c r="F24" s="427">
        <v>183380</v>
      </c>
      <c r="G24" s="427">
        <v>439605</v>
      </c>
      <c r="H24" s="427">
        <v>1810405</v>
      </c>
      <c r="I24" s="427">
        <v>1868730</v>
      </c>
      <c r="J24" s="427">
        <v>1199547</v>
      </c>
      <c r="K24" s="430">
        <v>5501667</v>
      </c>
      <c r="L24" s="431">
        <v>5501667</v>
      </c>
      <c r="M24" s="426">
        <v>0</v>
      </c>
      <c r="N24" s="427">
        <v>0</v>
      </c>
      <c r="O24" s="428">
        <v>0</v>
      </c>
      <c r="P24" s="432"/>
      <c r="Q24" s="427">
        <v>2550</v>
      </c>
      <c r="R24" s="427">
        <v>216300</v>
      </c>
      <c r="S24" s="427">
        <v>1461064</v>
      </c>
      <c r="T24" s="427">
        <v>1378796</v>
      </c>
      <c r="U24" s="427">
        <v>948582</v>
      </c>
      <c r="V24" s="430">
        <v>4007292</v>
      </c>
      <c r="W24" s="431">
        <v>4007292</v>
      </c>
      <c r="X24" s="426">
        <v>0</v>
      </c>
      <c r="Y24" s="427">
        <v>0</v>
      </c>
      <c r="Z24" s="428">
        <v>0</v>
      </c>
      <c r="AA24" s="432"/>
      <c r="AB24" s="427">
        <v>174710</v>
      </c>
      <c r="AC24" s="427">
        <v>177055</v>
      </c>
      <c r="AD24" s="427">
        <v>180140</v>
      </c>
      <c r="AE24" s="427">
        <v>239565</v>
      </c>
      <c r="AF24" s="427">
        <v>161990</v>
      </c>
      <c r="AG24" s="430">
        <v>933460</v>
      </c>
      <c r="AH24" s="431">
        <v>933460</v>
      </c>
      <c r="AI24" s="426">
        <v>0</v>
      </c>
      <c r="AJ24" s="427">
        <v>0</v>
      </c>
      <c r="AK24" s="428">
        <v>0</v>
      </c>
      <c r="AL24" s="432"/>
      <c r="AM24" s="427">
        <v>0</v>
      </c>
      <c r="AN24" s="427">
        <v>0</v>
      </c>
      <c r="AO24" s="427">
        <v>2550</v>
      </c>
      <c r="AP24" s="427">
        <v>0</v>
      </c>
      <c r="AQ24" s="427">
        <v>34200</v>
      </c>
      <c r="AR24" s="430">
        <v>36750</v>
      </c>
      <c r="AS24" s="431">
        <v>36750</v>
      </c>
      <c r="AT24" s="426">
        <v>0</v>
      </c>
      <c r="AU24" s="427">
        <v>0</v>
      </c>
      <c r="AV24" s="428">
        <v>0</v>
      </c>
      <c r="AW24" s="432"/>
      <c r="AX24" s="427">
        <v>0</v>
      </c>
      <c r="AY24" s="427">
        <v>0</v>
      </c>
      <c r="AZ24" s="427">
        <v>34350</v>
      </c>
      <c r="BA24" s="427">
        <v>28950</v>
      </c>
      <c r="BB24" s="427">
        <v>2550</v>
      </c>
      <c r="BC24" s="430">
        <v>65850</v>
      </c>
      <c r="BD24" s="431">
        <v>65850</v>
      </c>
      <c r="BE24" s="426">
        <v>0</v>
      </c>
      <c r="BF24" s="427">
        <v>0</v>
      </c>
      <c r="BG24" s="428">
        <v>0</v>
      </c>
      <c r="BH24" s="432"/>
      <c r="BI24" s="427">
        <v>0</v>
      </c>
      <c r="BJ24" s="427">
        <v>0</v>
      </c>
      <c r="BK24" s="427">
        <v>0</v>
      </c>
      <c r="BL24" s="427">
        <v>0</v>
      </c>
      <c r="BM24" s="427">
        <v>0</v>
      </c>
      <c r="BN24" s="430">
        <v>0</v>
      </c>
      <c r="BO24" s="431">
        <v>0</v>
      </c>
      <c r="BP24" s="426">
        <v>0</v>
      </c>
      <c r="BQ24" s="427">
        <v>0</v>
      </c>
      <c r="BR24" s="428">
        <v>0</v>
      </c>
      <c r="BS24" s="429">
        <v>0</v>
      </c>
      <c r="BT24" s="427">
        <v>6120</v>
      </c>
      <c r="BU24" s="427">
        <v>46250</v>
      </c>
      <c r="BV24" s="427">
        <v>130386</v>
      </c>
      <c r="BW24" s="427">
        <v>213528</v>
      </c>
      <c r="BX24" s="427">
        <v>52225</v>
      </c>
      <c r="BY24" s="430">
        <v>448509</v>
      </c>
      <c r="BZ24" s="431">
        <v>448509</v>
      </c>
      <c r="CA24" s="426">
        <v>0</v>
      </c>
      <c r="CB24" s="427">
        <v>0</v>
      </c>
      <c r="CC24" s="428">
        <v>0</v>
      </c>
      <c r="CD24" s="429">
        <v>0</v>
      </c>
      <c r="CE24" s="427">
        <v>0</v>
      </c>
      <c r="CF24" s="427">
        <v>0</v>
      </c>
      <c r="CG24" s="427">
        <v>1915</v>
      </c>
      <c r="CH24" s="427">
        <v>7891</v>
      </c>
      <c r="CI24" s="427">
        <v>0</v>
      </c>
      <c r="CJ24" s="430">
        <v>9806</v>
      </c>
      <c r="CK24" s="431">
        <v>9806</v>
      </c>
      <c r="CL24" s="426">
        <v>0</v>
      </c>
      <c r="CM24" s="427">
        <v>0</v>
      </c>
      <c r="CN24" s="428">
        <v>0</v>
      </c>
      <c r="CO24" s="429">
        <v>0</v>
      </c>
      <c r="CP24" s="427">
        <v>0</v>
      </c>
      <c r="CQ24" s="427">
        <v>0</v>
      </c>
      <c r="CR24" s="427">
        <v>0</v>
      </c>
      <c r="CS24" s="427">
        <v>0</v>
      </c>
      <c r="CT24" s="427">
        <v>0</v>
      </c>
      <c r="CU24" s="430">
        <v>0</v>
      </c>
      <c r="CV24" s="431">
        <v>0</v>
      </c>
      <c r="CW24" s="426">
        <v>0</v>
      </c>
      <c r="CX24" s="427">
        <v>0</v>
      </c>
      <c r="CY24" s="428">
        <v>0</v>
      </c>
      <c r="CZ24" s="432"/>
      <c r="DA24" s="427">
        <v>0</v>
      </c>
      <c r="DB24" s="427">
        <v>0</v>
      </c>
      <c r="DC24" s="427">
        <v>0</v>
      </c>
      <c r="DD24" s="427">
        <v>0</v>
      </c>
      <c r="DE24" s="427">
        <v>0</v>
      </c>
      <c r="DF24" s="430">
        <v>0</v>
      </c>
      <c r="DG24" s="431">
        <v>0</v>
      </c>
      <c r="DH24" s="426">
        <v>0</v>
      </c>
      <c r="DI24" s="427">
        <v>0</v>
      </c>
      <c r="DJ24" s="428">
        <v>0</v>
      </c>
      <c r="DK24" s="429">
        <v>0</v>
      </c>
      <c r="DL24" s="427">
        <v>53005</v>
      </c>
      <c r="DM24" s="427">
        <v>409052</v>
      </c>
      <c r="DN24" s="427">
        <v>2003975</v>
      </c>
      <c r="DO24" s="427">
        <v>2293532</v>
      </c>
      <c r="DP24" s="427">
        <v>1393852</v>
      </c>
      <c r="DQ24" s="430">
        <v>6153416</v>
      </c>
      <c r="DR24" s="433">
        <v>6153416</v>
      </c>
      <c r="DS24" s="426">
        <v>0</v>
      </c>
      <c r="DT24" s="427">
        <v>0</v>
      </c>
      <c r="DU24" s="428">
        <v>0</v>
      </c>
      <c r="DV24" s="432"/>
      <c r="DW24" s="427">
        <v>14550</v>
      </c>
      <c r="DX24" s="427">
        <v>255690</v>
      </c>
      <c r="DY24" s="427">
        <v>1780219</v>
      </c>
      <c r="DZ24" s="427">
        <v>1931658</v>
      </c>
      <c r="EA24" s="427">
        <v>1235078</v>
      </c>
      <c r="EB24" s="430">
        <v>5217195</v>
      </c>
      <c r="EC24" s="431">
        <v>5217195</v>
      </c>
      <c r="ED24" s="426">
        <v>0</v>
      </c>
      <c r="EE24" s="427">
        <v>0</v>
      </c>
      <c r="EF24" s="428">
        <v>0</v>
      </c>
      <c r="EG24" s="432"/>
      <c r="EH24" s="427">
        <v>25090</v>
      </c>
      <c r="EI24" s="427">
        <v>35814</v>
      </c>
      <c r="EJ24" s="427">
        <v>27201</v>
      </c>
      <c r="EK24" s="427">
        <v>33053</v>
      </c>
      <c r="EL24" s="427">
        <v>23310</v>
      </c>
      <c r="EM24" s="430">
        <v>144468</v>
      </c>
      <c r="EN24" s="431">
        <v>144468</v>
      </c>
      <c r="EO24" s="426">
        <v>0</v>
      </c>
      <c r="EP24" s="427">
        <v>0</v>
      </c>
      <c r="EQ24" s="428">
        <v>0</v>
      </c>
      <c r="ER24" s="432">
        <v>0</v>
      </c>
      <c r="ES24" s="427">
        <v>0</v>
      </c>
      <c r="ET24" s="427">
        <v>0</v>
      </c>
      <c r="EU24" s="427">
        <v>210</v>
      </c>
      <c r="EV24" s="427">
        <v>0</v>
      </c>
      <c r="EW24" s="427">
        <v>91</v>
      </c>
      <c r="EX24" s="430">
        <v>301</v>
      </c>
      <c r="EY24" s="431">
        <v>301</v>
      </c>
      <c r="EZ24" s="426">
        <v>0</v>
      </c>
      <c r="FA24" s="427">
        <v>0</v>
      </c>
      <c r="FB24" s="428">
        <v>0</v>
      </c>
      <c r="FC24" s="432"/>
      <c r="FD24" s="427">
        <v>0</v>
      </c>
      <c r="FE24" s="427">
        <v>0</v>
      </c>
      <c r="FF24" s="427">
        <v>11310</v>
      </c>
      <c r="FG24" s="427">
        <v>630</v>
      </c>
      <c r="FH24" s="427">
        <v>210</v>
      </c>
      <c r="FI24" s="430">
        <v>12150</v>
      </c>
      <c r="FJ24" s="431">
        <v>12150</v>
      </c>
      <c r="FK24" s="426">
        <v>0</v>
      </c>
      <c r="FL24" s="427">
        <v>0</v>
      </c>
      <c r="FM24" s="428">
        <v>0</v>
      </c>
      <c r="FN24" s="432">
        <v>0</v>
      </c>
      <c r="FO24" s="427">
        <v>0</v>
      </c>
      <c r="FP24" s="427">
        <v>0</v>
      </c>
      <c r="FQ24" s="427">
        <v>0</v>
      </c>
      <c r="FR24" s="427">
        <v>0</v>
      </c>
      <c r="FS24" s="427">
        <v>0</v>
      </c>
      <c r="FT24" s="430">
        <v>0</v>
      </c>
      <c r="FU24" s="431">
        <v>0</v>
      </c>
      <c r="FV24" s="426">
        <v>0</v>
      </c>
      <c r="FW24" s="427">
        <v>0</v>
      </c>
      <c r="FX24" s="428">
        <v>0</v>
      </c>
      <c r="FY24" s="429">
        <v>0</v>
      </c>
      <c r="FZ24" s="427">
        <v>13365</v>
      </c>
      <c r="GA24" s="427">
        <v>117548</v>
      </c>
      <c r="GB24" s="427">
        <v>182529</v>
      </c>
      <c r="GC24" s="427">
        <v>328191</v>
      </c>
      <c r="GD24" s="427">
        <v>135163</v>
      </c>
      <c r="GE24" s="430">
        <v>776796</v>
      </c>
      <c r="GF24" s="431">
        <v>776796</v>
      </c>
      <c r="GG24" s="426">
        <v>0</v>
      </c>
      <c r="GH24" s="427">
        <v>0</v>
      </c>
      <c r="GI24" s="428">
        <v>0</v>
      </c>
      <c r="GJ24" s="429">
        <v>0</v>
      </c>
      <c r="GK24" s="427">
        <v>0</v>
      </c>
      <c r="GL24" s="427">
        <v>0</v>
      </c>
      <c r="GM24" s="427">
        <v>2506</v>
      </c>
      <c r="GN24" s="427">
        <v>0</v>
      </c>
      <c r="GO24" s="427">
        <v>0</v>
      </c>
      <c r="GP24" s="430">
        <v>2506</v>
      </c>
      <c r="GQ24" s="431">
        <v>2506</v>
      </c>
      <c r="GR24" s="426">
        <v>0</v>
      </c>
      <c r="GS24" s="427">
        <v>0</v>
      </c>
      <c r="GT24" s="428">
        <v>0</v>
      </c>
      <c r="GU24" s="429">
        <v>0</v>
      </c>
      <c r="GV24" s="427">
        <v>0</v>
      </c>
      <c r="GW24" s="427">
        <v>0</v>
      </c>
      <c r="GX24" s="427">
        <v>0</v>
      </c>
      <c r="GY24" s="427">
        <v>0</v>
      </c>
      <c r="GZ24" s="427">
        <v>0</v>
      </c>
      <c r="HA24" s="430">
        <v>0</v>
      </c>
      <c r="HB24" s="431">
        <v>0</v>
      </c>
      <c r="HC24" s="426">
        <v>0</v>
      </c>
      <c r="HD24" s="427">
        <v>0</v>
      </c>
      <c r="HE24" s="428">
        <v>0</v>
      </c>
      <c r="HF24" s="432"/>
      <c r="HG24" s="427">
        <v>0</v>
      </c>
      <c r="HH24" s="427">
        <v>0</v>
      </c>
      <c r="HI24" s="427">
        <v>0</v>
      </c>
      <c r="HJ24" s="427">
        <v>0</v>
      </c>
      <c r="HK24" s="427">
        <v>0</v>
      </c>
      <c r="HL24" s="430">
        <v>0</v>
      </c>
      <c r="HM24" s="431">
        <v>0</v>
      </c>
      <c r="HN24" s="426">
        <v>0</v>
      </c>
      <c r="HO24" s="427">
        <v>0</v>
      </c>
      <c r="HP24" s="428">
        <v>0</v>
      </c>
      <c r="HQ24" s="429">
        <v>0</v>
      </c>
      <c r="HR24" s="427">
        <v>236385</v>
      </c>
      <c r="HS24" s="427">
        <v>848657</v>
      </c>
      <c r="HT24" s="427">
        <v>3814380</v>
      </c>
      <c r="HU24" s="427">
        <v>4162262</v>
      </c>
      <c r="HV24" s="427">
        <v>2593399</v>
      </c>
      <c r="HW24" s="430">
        <v>11655083</v>
      </c>
      <c r="HX24" s="431">
        <v>11655083</v>
      </c>
    </row>
    <row r="25" spans="1:232" ht="16.5" customHeight="1" x14ac:dyDescent="0.2">
      <c r="A25" s="208" t="s">
        <v>22</v>
      </c>
      <c r="B25" s="426">
        <v>0</v>
      </c>
      <c r="C25" s="427">
        <v>0</v>
      </c>
      <c r="D25" s="428">
        <v>0</v>
      </c>
      <c r="E25" s="429">
        <v>0</v>
      </c>
      <c r="F25" s="427">
        <v>94745</v>
      </c>
      <c r="G25" s="427">
        <v>354201</v>
      </c>
      <c r="H25" s="427">
        <v>773062</v>
      </c>
      <c r="I25" s="427">
        <v>954335</v>
      </c>
      <c r="J25" s="427">
        <v>599710</v>
      </c>
      <c r="K25" s="430">
        <v>2776053</v>
      </c>
      <c r="L25" s="431">
        <v>2776053</v>
      </c>
      <c r="M25" s="426">
        <v>0</v>
      </c>
      <c r="N25" s="427">
        <v>0</v>
      </c>
      <c r="O25" s="428">
        <v>0</v>
      </c>
      <c r="P25" s="432"/>
      <c r="Q25" s="427">
        <v>0</v>
      </c>
      <c r="R25" s="427">
        <v>60600</v>
      </c>
      <c r="S25" s="427">
        <v>576542</v>
      </c>
      <c r="T25" s="427">
        <v>596155</v>
      </c>
      <c r="U25" s="427">
        <v>280420</v>
      </c>
      <c r="V25" s="430">
        <v>1513717</v>
      </c>
      <c r="W25" s="431">
        <v>1513717</v>
      </c>
      <c r="X25" s="426">
        <v>0</v>
      </c>
      <c r="Y25" s="427">
        <v>0</v>
      </c>
      <c r="Z25" s="428">
        <v>0</v>
      </c>
      <c r="AA25" s="432"/>
      <c r="AB25" s="427">
        <v>70320</v>
      </c>
      <c r="AC25" s="427">
        <v>253935</v>
      </c>
      <c r="AD25" s="427">
        <v>106445</v>
      </c>
      <c r="AE25" s="427">
        <v>233125</v>
      </c>
      <c r="AF25" s="427">
        <v>249575</v>
      </c>
      <c r="AG25" s="430">
        <v>913400</v>
      </c>
      <c r="AH25" s="431">
        <v>913400</v>
      </c>
      <c r="AI25" s="426">
        <v>0</v>
      </c>
      <c r="AJ25" s="427">
        <v>0</v>
      </c>
      <c r="AK25" s="428">
        <v>0</v>
      </c>
      <c r="AL25" s="432"/>
      <c r="AM25" s="427">
        <v>0</v>
      </c>
      <c r="AN25" s="427">
        <v>0</v>
      </c>
      <c r="AO25" s="427">
        <v>0</v>
      </c>
      <c r="AP25" s="427">
        <v>0</v>
      </c>
      <c r="AQ25" s="427">
        <v>26400</v>
      </c>
      <c r="AR25" s="430">
        <v>26400</v>
      </c>
      <c r="AS25" s="431">
        <v>26400</v>
      </c>
      <c r="AT25" s="426">
        <v>0</v>
      </c>
      <c r="AU25" s="427">
        <v>0</v>
      </c>
      <c r="AV25" s="428">
        <v>0</v>
      </c>
      <c r="AW25" s="432"/>
      <c r="AX25" s="427">
        <v>0</v>
      </c>
      <c r="AY25" s="427">
        <v>0</v>
      </c>
      <c r="AZ25" s="427">
        <v>14885</v>
      </c>
      <c r="BA25" s="427">
        <v>2550</v>
      </c>
      <c r="BB25" s="427">
        <v>23850</v>
      </c>
      <c r="BC25" s="430">
        <v>41285</v>
      </c>
      <c r="BD25" s="431">
        <v>41285</v>
      </c>
      <c r="BE25" s="426">
        <v>0</v>
      </c>
      <c r="BF25" s="427">
        <v>0</v>
      </c>
      <c r="BG25" s="428">
        <v>0</v>
      </c>
      <c r="BH25" s="432"/>
      <c r="BI25" s="427">
        <v>0</v>
      </c>
      <c r="BJ25" s="427">
        <v>0</v>
      </c>
      <c r="BK25" s="427">
        <v>23210</v>
      </c>
      <c r="BL25" s="427">
        <v>121200</v>
      </c>
      <c r="BM25" s="427">
        <v>5100</v>
      </c>
      <c r="BN25" s="430">
        <v>149510</v>
      </c>
      <c r="BO25" s="431">
        <v>149510</v>
      </c>
      <c r="BP25" s="426">
        <v>0</v>
      </c>
      <c r="BQ25" s="427">
        <v>0</v>
      </c>
      <c r="BR25" s="428">
        <v>0</v>
      </c>
      <c r="BS25" s="429">
        <v>0</v>
      </c>
      <c r="BT25" s="427">
        <v>18765</v>
      </c>
      <c r="BU25" s="427">
        <v>39666</v>
      </c>
      <c r="BV25" s="427">
        <v>51980</v>
      </c>
      <c r="BW25" s="427">
        <v>1305</v>
      </c>
      <c r="BX25" s="427">
        <v>12585</v>
      </c>
      <c r="BY25" s="430">
        <v>124301</v>
      </c>
      <c r="BZ25" s="431">
        <v>124301</v>
      </c>
      <c r="CA25" s="426">
        <v>0</v>
      </c>
      <c r="CB25" s="427">
        <v>0</v>
      </c>
      <c r="CC25" s="428">
        <v>0</v>
      </c>
      <c r="CD25" s="429">
        <v>0</v>
      </c>
      <c r="CE25" s="427">
        <v>5660</v>
      </c>
      <c r="CF25" s="427">
        <v>0</v>
      </c>
      <c r="CG25" s="427">
        <v>0</v>
      </c>
      <c r="CH25" s="427">
        <v>0</v>
      </c>
      <c r="CI25" s="427">
        <v>1780</v>
      </c>
      <c r="CJ25" s="430">
        <v>7440</v>
      </c>
      <c r="CK25" s="431">
        <v>7440</v>
      </c>
      <c r="CL25" s="426">
        <v>0</v>
      </c>
      <c r="CM25" s="427">
        <v>0</v>
      </c>
      <c r="CN25" s="428">
        <v>0</v>
      </c>
      <c r="CO25" s="429">
        <v>0</v>
      </c>
      <c r="CP25" s="427">
        <v>0</v>
      </c>
      <c r="CQ25" s="427">
        <v>0</v>
      </c>
      <c r="CR25" s="427">
        <v>0</v>
      </c>
      <c r="CS25" s="427">
        <v>0</v>
      </c>
      <c r="CT25" s="427">
        <v>0</v>
      </c>
      <c r="CU25" s="430">
        <v>0</v>
      </c>
      <c r="CV25" s="431">
        <v>0</v>
      </c>
      <c r="CW25" s="426">
        <v>0</v>
      </c>
      <c r="CX25" s="427">
        <v>0</v>
      </c>
      <c r="CY25" s="428">
        <v>0</v>
      </c>
      <c r="CZ25" s="432"/>
      <c r="DA25" s="427">
        <v>0</v>
      </c>
      <c r="DB25" s="427">
        <v>0</v>
      </c>
      <c r="DC25" s="427">
        <v>0</v>
      </c>
      <c r="DD25" s="427">
        <v>0</v>
      </c>
      <c r="DE25" s="427">
        <v>0</v>
      </c>
      <c r="DF25" s="430">
        <v>0</v>
      </c>
      <c r="DG25" s="431">
        <v>0</v>
      </c>
      <c r="DH25" s="426">
        <v>0</v>
      </c>
      <c r="DI25" s="427">
        <v>0</v>
      </c>
      <c r="DJ25" s="428">
        <v>0</v>
      </c>
      <c r="DK25" s="429">
        <v>0</v>
      </c>
      <c r="DL25" s="427">
        <v>23428</v>
      </c>
      <c r="DM25" s="427">
        <v>100323</v>
      </c>
      <c r="DN25" s="427">
        <v>676298</v>
      </c>
      <c r="DO25" s="427">
        <v>975897</v>
      </c>
      <c r="DP25" s="427">
        <v>379374</v>
      </c>
      <c r="DQ25" s="430">
        <v>2155320</v>
      </c>
      <c r="DR25" s="433">
        <v>2155320</v>
      </c>
      <c r="DS25" s="426">
        <v>0</v>
      </c>
      <c r="DT25" s="427">
        <v>0</v>
      </c>
      <c r="DU25" s="428">
        <v>0</v>
      </c>
      <c r="DV25" s="432"/>
      <c r="DW25" s="427">
        <v>0</v>
      </c>
      <c r="DX25" s="427">
        <v>56490</v>
      </c>
      <c r="DY25" s="427">
        <v>553340</v>
      </c>
      <c r="DZ25" s="427">
        <v>731405</v>
      </c>
      <c r="EA25" s="427">
        <v>266194</v>
      </c>
      <c r="EB25" s="430">
        <v>1607429</v>
      </c>
      <c r="EC25" s="431">
        <v>1607429</v>
      </c>
      <c r="ED25" s="426">
        <v>0</v>
      </c>
      <c r="EE25" s="427">
        <v>0</v>
      </c>
      <c r="EF25" s="428">
        <v>0</v>
      </c>
      <c r="EG25" s="432"/>
      <c r="EH25" s="427">
        <v>796</v>
      </c>
      <c r="EI25" s="427">
        <v>14721</v>
      </c>
      <c r="EJ25" s="427">
        <v>12749</v>
      </c>
      <c r="EK25" s="427">
        <v>42244</v>
      </c>
      <c r="EL25" s="427">
        <v>48071</v>
      </c>
      <c r="EM25" s="430">
        <v>118581</v>
      </c>
      <c r="EN25" s="431">
        <v>118581</v>
      </c>
      <c r="EO25" s="426">
        <v>0</v>
      </c>
      <c r="EP25" s="427">
        <v>0</v>
      </c>
      <c r="EQ25" s="428">
        <v>0</v>
      </c>
      <c r="ER25" s="432">
        <v>0</v>
      </c>
      <c r="ES25" s="427">
        <v>0</v>
      </c>
      <c r="ET25" s="427">
        <v>0</v>
      </c>
      <c r="EU25" s="427">
        <v>0</v>
      </c>
      <c r="EV25" s="427">
        <v>0</v>
      </c>
      <c r="EW25" s="427">
        <v>420</v>
      </c>
      <c r="EX25" s="430">
        <v>420</v>
      </c>
      <c r="EY25" s="431">
        <v>420</v>
      </c>
      <c r="EZ25" s="426">
        <v>0</v>
      </c>
      <c r="FA25" s="427">
        <v>0</v>
      </c>
      <c r="FB25" s="428">
        <v>0</v>
      </c>
      <c r="FC25" s="432"/>
      <c r="FD25" s="427">
        <v>0</v>
      </c>
      <c r="FE25" s="427">
        <v>0</v>
      </c>
      <c r="FF25" s="427">
        <v>4901</v>
      </c>
      <c r="FG25" s="427">
        <v>210</v>
      </c>
      <c r="FH25" s="427">
        <v>10740</v>
      </c>
      <c r="FI25" s="430">
        <v>15851</v>
      </c>
      <c r="FJ25" s="431">
        <v>15851</v>
      </c>
      <c r="FK25" s="426">
        <v>0</v>
      </c>
      <c r="FL25" s="427">
        <v>0</v>
      </c>
      <c r="FM25" s="428">
        <v>0</v>
      </c>
      <c r="FN25" s="432">
        <v>0</v>
      </c>
      <c r="FO25" s="427">
        <v>0</v>
      </c>
      <c r="FP25" s="427">
        <v>0</v>
      </c>
      <c r="FQ25" s="427">
        <v>25960</v>
      </c>
      <c r="FR25" s="427">
        <v>195000</v>
      </c>
      <c r="FS25" s="427">
        <v>41400</v>
      </c>
      <c r="FT25" s="430">
        <v>262360</v>
      </c>
      <c r="FU25" s="431">
        <v>262360</v>
      </c>
      <c r="FV25" s="426">
        <v>0</v>
      </c>
      <c r="FW25" s="427">
        <v>0</v>
      </c>
      <c r="FX25" s="428">
        <v>0</v>
      </c>
      <c r="FY25" s="429">
        <v>0</v>
      </c>
      <c r="FZ25" s="427">
        <v>22541</v>
      </c>
      <c r="GA25" s="427">
        <v>29112</v>
      </c>
      <c r="GB25" s="427">
        <v>79348</v>
      </c>
      <c r="GC25" s="427">
        <v>7038</v>
      </c>
      <c r="GD25" s="427">
        <v>12521</v>
      </c>
      <c r="GE25" s="430">
        <v>150560</v>
      </c>
      <c r="GF25" s="431">
        <v>150560</v>
      </c>
      <c r="GG25" s="426">
        <v>0</v>
      </c>
      <c r="GH25" s="427">
        <v>0</v>
      </c>
      <c r="GI25" s="428">
        <v>0</v>
      </c>
      <c r="GJ25" s="429">
        <v>0</v>
      </c>
      <c r="GK25" s="427">
        <v>91</v>
      </c>
      <c r="GL25" s="427">
        <v>0</v>
      </c>
      <c r="GM25" s="427">
        <v>0</v>
      </c>
      <c r="GN25" s="427">
        <v>0</v>
      </c>
      <c r="GO25" s="427">
        <v>28</v>
      </c>
      <c r="GP25" s="430">
        <v>119</v>
      </c>
      <c r="GQ25" s="431">
        <v>119</v>
      </c>
      <c r="GR25" s="426">
        <v>0</v>
      </c>
      <c r="GS25" s="427">
        <v>0</v>
      </c>
      <c r="GT25" s="428">
        <v>0</v>
      </c>
      <c r="GU25" s="429">
        <v>0</v>
      </c>
      <c r="GV25" s="427">
        <v>0</v>
      </c>
      <c r="GW25" s="427">
        <v>0</v>
      </c>
      <c r="GX25" s="427">
        <v>0</v>
      </c>
      <c r="GY25" s="427">
        <v>0</v>
      </c>
      <c r="GZ25" s="427">
        <v>0</v>
      </c>
      <c r="HA25" s="430">
        <v>0</v>
      </c>
      <c r="HB25" s="431">
        <v>0</v>
      </c>
      <c r="HC25" s="426">
        <v>0</v>
      </c>
      <c r="HD25" s="427">
        <v>0</v>
      </c>
      <c r="HE25" s="428">
        <v>0</v>
      </c>
      <c r="HF25" s="432"/>
      <c r="HG25" s="427">
        <v>0</v>
      </c>
      <c r="HH25" s="427">
        <v>0</v>
      </c>
      <c r="HI25" s="427">
        <v>0</v>
      </c>
      <c r="HJ25" s="427">
        <v>0</v>
      </c>
      <c r="HK25" s="427">
        <v>0</v>
      </c>
      <c r="HL25" s="430">
        <v>0</v>
      </c>
      <c r="HM25" s="431">
        <v>0</v>
      </c>
      <c r="HN25" s="426">
        <v>0</v>
      </c>
      <c r="HO25" s="427">
        <v>0</v>
      </c>
      <c r="HP25" s="428">
        <v>0</v>
      </c>
      <c r="HQ25" s="429">
        <v>0</v>
      </c>
      <c r="HR25" s="427">
        <v>118173</v>
      </c>
      <c r="HS25" s="427">
        <v>454524</v>
      </c>
      <c r="HT25" s="427">
        <v>1449360</v>
      </c>
      <c r="HU25" s="427">
        <v>1930232</v>
      </c>
      <c r="HV25" s="427">
        <v>979084</v>
      </c>
      <c r="HW25" s="430">
        <v>4931373</v>
      </c>
      <c r="HX25" s="431">
        <v>4931373</v>
      </c>
    </row>
    <row r="26" spans="1:232" ht="16.5" customHeight="1" x14ac:dyDescent="0.2">
      <c r="A26" s="208" t="s">
        <v>23</v>
      </c>
      <c r="B26" s="426">
        <v>0</v>
      </c>
      <c r="C26" s="427">
        <v>0</v>
      </c>
      <c r="D26" s="428">
        <v>0</v>
      </c>
      <c r="E26" s="429">
        <v>0</v>
      </c>
      <c r="F26" s="427">
        <v>106695</v>
      </c>
      <c r="G26" s="427">
        <v>445452</v>
      </c>
      <c r="H26" s="427">
        <v>1088322</v>
      </c>
      <c r="I26" s="427">
        <v>1396853</v>
      </c>
      <c r="J26" s="427">
        <v>695486</v>
      </c>
      <c r="K26" s="430">
        <v>3732808</v>
      </c>
      <c r="L26" s="431">
        <v>3732808</v>
      </c>
      <c r="M26" s="426">
        <v>0</v>
      </c>
      <c r="N26" s="427">
        <v>0</v>
      </c>
      <c r="O26" s="428">
        <v>0</v>
      </c>
      <c r="P26" s="432"/>
      <c r="Q26" s="427">
        <v>34200</v>
      </c>
      <c r="R26" s="427">
        <v>136800</v>
      </c>
      <c r="S26" s="427">
        <v>727210</v>
      </c>
      <c r="T26" s="427">
        <v>1113285</v>
      </c>
      <c r="U26" s="427">
        <v>540735</v>
      </c>
      <c r="V26" s="430">
        <v>2552230</v>
      </c>
      <c r="W26" s="431">
        <v>2552230</v>
      </c>
      <c r="X26" s="426">
        <v>0</v>
      </c>
      <c r="Y26" s="427">
        <v>0</v>
      </c>
      <c r="Z26" s="428">
        <v>0</v>
      </c>
      <c r="AA26" s="432"/>
      <c r="AB26" s="427">
        <v>28695</v>
      </c>
      <c r="AC26" s="427">
        <v>249806</v>
      </c>
      <c r="AD26" s="427">
        <v>274420</v>
      </c>
      <c r="AE26" s="427">
        <v>161980</v>
      </c>
      <c r="AF26" s="427">
        <v>92890</v>
      </c>
      <c r="AG26" s="430">
        <v>807791</v>
      </c>
      <c r="AH26" s="431">
        <v>807791</v>
      </c>
      <c r="AI26" s="426">
        <v>0</v>
      </c>
      <c r="AJ26" s="427">
        <v>0</v>
      </c>
      <c r="AK26" s="428">
        <v>0</v>
      </c>
      <c r="AL26" s="432"/>
      <c r="AM26" s="427">
        <v>0</v>
      </c>
      <c r="AN26" s="427">
        <v>0</v>
      </c>
      <c r="AO26" s="427">
        <v>0</v>
      </c>
      <c r="AP26" s="427">
        <v>34200</v>
      </c>
      <c r="AQ26" s="427">
        <v>0</v>
      </c>
      <c r="AR26" s="430">
        <v>34200</v>
      </c>
      <c r="AS26" s="431">
        <v>34200</v>
      </c>
      <c r="AT26" s="426">
        <v>0</v>
      </c>
      <c r="AU26" s="427">
        <v>0</v>
      </c>
      <c r="AV26" s="428">
        <v>0</v>
      </c>
      <c r="AW26" s="432"/>
      <c r="AX26" s="427">
        <v>0</v>
      </c>
      <c r="AY26" s="427">
        <v>0</v>
      </c>
      <c r="AZ26" s="427">
        <v>0</v>
      </c>
      <c r="BA26" s="427">
        <v>23850</v>
      </c>
      <c r="BB26" s="427">
        <v>25125</v>
      </c>
      <c r="BC26" s="430">
        <v>48975</v>
      </c>
      <c r="BD26" s="431">
        <v>48975</v>
      </c>
      <c r="BE26" s="426">
        <v>0</v>
      </c>
      <c r="BF26" s="427">
        <v>0</v>
      </c>
      <c r="BG26" s="428">
        <v>0</v>
      </c>
      <c r="BH26" s="432"/>
      <c r="BI26" s="427">
        <v>0</v>
      </c>
      <c r="BJ26" s="427">
        <v>0</v>
      </c>
      <c r="BK26" s="427">
        <v>0</v>
      </c>
      <c r="BL26" s="427">
        <v>0</v>
      </c>
      <c r="BM26" s="427">
        <v>0</v>
      </c>
      <c r="BN26" s="430">
        <v>0</v>
      </c>
      <c r="BO26" s="431">
        <v>0</v>
      </c>
      <c r="BP26" s="426">
        <v>0</v>
      </c>
      <c r="BQ26" s="427">
        <v>0</v>
      </c>
      <c r="BR26" s="428">
        <v>0</v>
      </c>
      <c r="BS26" s="429">
        <v>0</v>
      </c>
      <c r="BT26" s="427">
        <v>43800</v>
      </c>
      <c r="BU26" s="427">
        <v>57380</v>
      </c>
      <c r="BV26" s="427">
        <v>86692</v>
      </c>
      <c r="BW26" s="427">
        <v>63538</v>
      </c>
      <c r="BX26" s="427">
        <v>36736</v>
      </c>
      <c r="BY26" s="430">
        <v>288146</v>
      </c>
      <c r="BZ26" s="431">
        <v>288146</v>
      </c>
      <c r="CA26" s="426">
        <v>0</v>
      </c>
      <c r="CB26" s="427">
        <v>0</v>
      </c>
      <c r="CC26" s="428">
        <v>0</v>
      </c>
      <c r="CD26" s="429">
        <v>0</v>
      </c>
      <c r="CE26" s="427">
        <v>0</v>
      </c>
      <c r="CF26" s="427">
        <v>1466</v>
      </c>
      <c r="CG26" s="427">
        <v>0</v>
      </c>
      <c r="CH26" s="427">
        <v>0</v>
      </c>
      <c r="CI26" s="427">
        <v>0</v>
      </c>
      <c r="CJ26" s="430">
        <v>1466</v>
      </c>
      <c r="CK26" s="431">
        <v>1466</v>
      </c>
      <c r="CL26" s="426">
        <v>0</v>
      </c>
      <c r="CM26" s="427">
        <v>0</v>
      </c>
      <c r="CN26" s="428">
        <v>0</v>
      </c>
      <c r="CO26" s="429">
        <v>0</v>
      </c>
      <c r="CP26" s="427">
        <v>0</v>
      </c>
      <c r="CQ26" s="427">
        <v>0</v>
      </c>
      <c r="CR26" s="427">
        <v>0</v>
      </c>
      <c r="CS26" s="427">
        <v>0</v>
      </c>
      <c r="CT26" s="427">
        <v>0</v>
      </c>
      <c r="CU26" s="430">
        <v>0</v>
      </c>
      <c r="CV26" s="431">
        <v>0</v>
      </c>
      <c r="CW26" s="426">
        <v>0</v>
      </c>
      <c r="CX26" s="427">
        <v>0</v>
      </c>
      <c r="CY26" s="428">
        <v>0</v>
      </c>
      <c r="CZ26" s="432"/>
      <c r="DA26" s="427">
        <v>0</v>
      </c>
      <c r="DB26" s="427">
        <v>0</v>
      </c>
      <c r="DC26" s="427">
        <v>0</v>
      </c>
      <c r="DD26" s="427">
        <v>0</v>
      </c>
      <c r="DE26" s="427">
        <v>0</v>
      </c>
      <c r="DF26" s="430">
        <v>0</v>
      </c>
      <c r="DG26" s="431">
        <v>0</v>
      </c>
      <c r="DH26" s="426">
        <v>4176</v>
      </c>
      <c r="DI26" s="427">
        <v>0</v>
      </c>
      <c r="DJ26" s="428">
        <v>4176</v>
      </c>
      <c r="DK26" s="429">
        <v>0</v>
      </c>
      <c r="DL26" s="427">
        <v>104133</v>
      </c>
      <c r="DM26" s="427">
        <v>191778</v>
      </c>
      <c r="DN26" s="427">
        <v>863210</v>
      </c>
      <c r="DO26" s="427">
        <v>1370266</v>
      </c>
      <c r="DP26" s="427">
        <v>807952</v>
      </c>
      <c r="DQ26" s="430">
        <v>3337339</v>
      </c>
      <c r="DR26" s="433">
        <v>3341515</v>
      </c>
      <c r="DS26" s="426">
        <v>0</v>
      </c>
      <c r="DT26" s="427">
        <v>0</v>
      </c>
      <c r="DU26" s="428">
        <v>0</v>
      </c>
      <c r="DV26" s="432"/>
      <c r="DW26" s="427">
        <v>31980</v>
      </c>
      <c r="DX26" s="427">
        <v>144450</v>
      </c>
      <c r="DY26" s="427">
        <v>776690</v>
      </c>
      <c r="DZ26" s="427">
        <v>1253236</v>
      </c>
      <c r="EA26" s="427">
        <v>790496</v>
      </c>
      <c r="EB26" s="430">
        <v>2996852</v>
      </c>
      <c r="EC26" s="431">
        <v>2996852</v>
      </c>
      <c r="ED26" s="426">
        <v>0</v>
      </c>
      <c r="EE26" s="427">
        <v>0</v>
      </c>
      <c r="EF26" s="428">
        <v>0</v>
      </c>
      <c r="EG26" s="432"/>
      <c r="EH26" s="427">
        <v>609</v>
      </c>
      <c r="EI26" s="427">
        <v>3997</v>
      </c>
      <c r="EJ26" s="427">
        <v>3325</v>
      </c>
      <c r="EK26" s="427">
        <v>22643</v>
      </c>
      <c r="EL26" s="427">
        <v>1694</v>
      </c>
      <c r="EM26" s="430">
        <v>32268</v>
      </c>
      <c r="EN26" s="431">
        <v>32268</v>
      </c>
      <c r="EO26" s="426">
        <v>0</v>
      </c>
      <c r="EP26" s="427">
        <v>0</v>
      </c>
      <c r="EQ26" s="428">
        <v>0</v>
      </c>
      <c r="ER26" s="432">
        <v>0</v>
      </c>
      <c r="ES26" s="427">
        <v>0</v>
      </c>
      <c r="ET26" s="427">
        <v>0</v>
      </c>
      <c r="EU26" s="427">
        <v>0</v>
      </c>
      <c r="EV26" s="427">
        <v>420</v>
      </c>
      <c r="EW26" s="427">
        <v>0</v>
      </c>
      <c r="EX26" s="430">
        <v>420</v>
      </c>
      <c r="EY26" s="431">
        <v>420</v>
      </c>
      <c r="EZ26" s="426">
        <v>0</v>
      </c>
      <c r="FA26" s="427">
        <v>0</v>
      </c>
      <c r="FB26" s="428">
        <v>0</v>
      </c>
      <c r="FC26" s="432"/>
      <c r="FD26" s="427">
        <v>0</v>
      </c>
      <c r="FE26" s="427">
        <v>0</v>
      </c>
      <c r="FF26" s="427">
        <v>0</v>
      </c>
      <c r="FG26" s="427">
        <v>210</v>
      </c>
      <c r="FH26" s="427">
        <v>420</v>
      </c>
      <c r="FI26" s="430">
        <v>630</v>
      </c>
      <c r="FJ26" s="431">
        <v>630</v>
      </c>
      <c r="FK26" s="426">
        <v>0</v>
      </c>
      <c r="FL26" s="427">
        <v>0</v>
      </c>
      <c r="FM26" s="428">
        <v>0</v>
      </c>
      <c r="FN26" s="432">
        <v>0</v>
      </c>
      <c r="FO26" s="427">
        <v>0</v>
      </c>
      <c r="FP26" s="427">
        <v>0</v>
      </c>
      <c r="FQ26" s="427">
        <v>0</v>
      </c>
      <c r="FR26" s="427">
        <v>0</v>
      </c>
      <c r="FS26" s="427">
        <v>0</v>
      </c>
      <c r="FT26" s="430">
        <v>0</v>
      </c>
      <c r="FU26" s="431">
        <v>0</v>
      </c>
      <c r="FV26" s="426">
        <v>4176</v>
      </c>
      <c r="FW26" s="427">
        <v>0</v>
      </c>
      <c r="FX26" s="428">
        <v>4176</v>
      </c>
      <c r="FY26" s="429">
        <v>0</v>
      </c>
      <c r="FZ26" s="427">
        <v>71544</v>
      </c>
      <c r="GA26" s="427">
        <v>43303</v>
      </c>
      <c r="GB26" s="427">
        <v>83195</v>
      </c>
      <c r="GC26" s="427">
        <v>93757</v>
      </c>
      <c r="GD26" s="427">
        <v>15342</v>
      </c>
      <c r="GE26" s="430">
        <v>307141</v>
      </c>
      <c r="GF26" s="431">
        <v>311317</v>
      </c>
      <c r="GG26" s="426">
        <v>0</v>
      </c>
      <c r="GH26" s="427">
        <v>0</v>
      </c>
      <c r="GI26" s="428">
        <v>0</v>
      </c>
      <c r="GJ26" s="429">
        <v>0</v>
      </c>
      <c r="GK26" s="427">
        <v>0</v>
      </c>
      <c r="GL26" s="427">
        <v>28</v>
      </c>
      <c r="GM26" s="427">
        <v>0</v>
      </c>
      <c r="GN26" s="427">
        <v>0</v>
      </c>
      <c r="GO26" s="427">
        <v>0</v>
      </c>
      <c r="GP26" s="430">
        <v>28</v>
      </c>
      <c r="GQ26" s="431">
        <v>28</v>
      </c>
      <c r="GR26" s="426">
        <v>0</v>
      </c>
      <c r="GS26" s="427">
        <v>0</v>
      </c>
      <c r="GT26" s="428">
        <v>0</v>
      </c>
      <c r="GU26" s="429">
        <v>0</v>
      </c>
      <c r="GV26" s="427">
        <v>0</v>
      </c>
      <c r="GW26" s="427">
        <v>0</v>
      </c>
      <c r="GX26" s="427">
        <v>0</v>
      </c>
      <c r="GY26" s="427">
        <v>0</v>
      </c>
      <c r="GZ26" s="427">
        <v>0</v>
      </c>
      <c r="HA26" s="430">
        <v>0</v>
      </c>
      <c r="HB26" s="431">
        <v>0</v>
      </c>
      <c r="HC26" s="426">
        <v>0</v>
      </c>
      <c r="HD26" s="427">
        <v>0</v>
      </c>
      <c r="HE26" s="428">
        <v>0</v>
      </c>
      <c r="HF26" s="432"/>
      <c r="HG26" s="427">
        <v>0</v>
      </c>
      <c r="HH26" s="427">
        <v>0</v>
      </c>
      <c r="HI26" s="427">
        <v>0</v>
      </c>
      <c r="HJ26" s="427">
        <v>0</v>
      </c>
      <c r="HK26" s="427">
        <v>0</v>
      </c>
      <c r="HL26" s="430">
        <v>0</v>
      </c>
      <c r="HM26" s="431">
        <v>0</v>
      </c>
      <c r="HN26" s="426">
        <v>4176</v>
      </c>
      <c r="HO26" s="427">
        <v>0</v>
      </c>
      <c r="HP26" s="428">
        <v>4176</v>
      </c>
      <c r="HQ26" s="429">
        <v>0</v>
      </c>
      <c r="HR26" s="427">
        <v>210828</v>
      </c>
      <c r="HS26" s="427">
        <v>637230</v>
      </c>
      <c r="HT26" s="427">
        <v>1951532</v>
      </c>
      <c r="HU26" s="427">
        <v>2767119</v>
      </c>
      <c r="HV26" s="427">
        <v>1503438</v>
      </c>
      <c r="HW26" s="430">
        <v>7070147</v>
      </c>
      <c r="HX26" s="431">
        <v>7074323</v>
      </c>
    </row>
    <row r="27" spans="1:232" ht="16.5" customHeight="1" x14ac:dyDescent="0.2">
      <c r="A27" s="208" t="s">
        <v>24</v>
      </c>
      <c r="B27" s="426">
        <v>0</v>
      </c>
      <c r="C27" s="427">
        <v>0</v>
      </c>
      <c r="D27" s="428">
        <v>0</v>
      </c>
      <c r="E27" s="429">
        <v>0</v>
      </c>
      <c r="F27" s="427">
        <v>58785</v>
      </c>
      <c r="G27" s="427">
        <v>53676</v>
      </c>
      <c r="H27" s="427">
        <v>486290</v>
      </c>
      <c r="I27" s="427">
        <v>502249</v>
      </c>
      <c r="J27" s="427">
        <v>364170</v>
      </c>
      <c r="K27" s="430">
        <v>1465170</v>
      </c>
      <c r="L27" s="431">
        <v>1465170</v>
      </c>
      <c r="M27" s="426">
        <v>0</v>
      </c>
      <c r="N27" s="427">
        <v>0</v>
      </c>
      <c r="O27" s="428">
        <v>0</v>
      </c>
      <c r="P27" s="432"/>
      <c r="Q27" s="427">
        <v>0</v>
      </c>
      <c r="R27" s="427">
        <v>1955</v>
      </c>
      <c r="S27" s="427">
        <v>207600</v>
      </c>
      <c r="T27" s="427">
        <v>410250</v>
      </c>
      <c r="U27" s="427">
        <v>262505</v>
      </c>
      <c r="V27" s="430">
        <v>882310</v>
      </c>
      <c r="W27" s="431">
        <v>882310</v>
      </c>
      <c r="X27" s="426">
        <v>0</v>
      </c>
      <c r="Y27" s="427">
        <v>0</v>
      </c>
      <c r="Z27" s="428">
        <v>0</v>
      </c>
      <c r="AA27" s="432"/>
      <c r="AB27" s="427">
        <v>55500</v>
      </c>
      <c r="AC27" s="427">
        <v>20400</v>
      </c>
      <c r="AD27" s="427">
        <v>257495</v>
      </c>
      <c r="AE27" s="427">
        <v>72480</v>
      </c>
      <c r="AF27" s="427">
        <v>65810</v>
      </c>
      <c r="AG27" s="430">
        <v>471685</v>
      </c>
      <c r="AH27" s="431">
        <v>471685</v>
      </c>
      <c r="AI27" s="426">
        <v>0</v>
      </c>
      <c r="AJ27" s="427">
        <v>0</v>
      </c>
      <c r="AK27" s="428">
        <v>0</v>
      </c>
      <c r="AL27" s="432"/>
      <c r="AM27" s="427">
        <v>0</v>
      </c>
      <c r="AN27" s="427">
        <v>0</v>
      </c>
      <c r="AO27" s="427">
        <v>0</v>
      </c>
      <c r="AP27" s="427">
        <v>0</v>
      </c>
      <c r="AQ27" s="427">
        <v>31650</v>
      </c>
      <c r="AR27" s="430">
        <v>31650</v>
      </c>
      <c r="AS27" s="431">
        <v>31650</v>
      </c>
      <c r="AT27" s="426">
        <v>0</v>
      </c>
      <c r="AU27" s="427">
        <v>0</v>
      </c>
      <c r="AV27" s="428">
        <v>0</v>
      </c>
      <c r="AW27" s="432"/>
      <c r="AX27" s="427">
        <v>0</v>
      </c>
      <c r="AY27" s="427">
        <v>0</v>
      </c>
      <c r="AZ27" s="427">
        <v>0</v>
      </c>
      <c r="BA27" s="427">
        <v>0</v>
      </c>
      <c r="BB27" s="427">
        <v>0</v>
      </c>
      <c r="BC27" s="430">
        <v>0</v>
      </c>
      <c r="BD27" s="431">
        <v>0</v>
      </c>
      <c r="BE27" s="426">
        <v>0</v>
      </c>
      <c r="BF27" s="427">
        <v>0</v>
      </c>
      <c r="BG27" s="428">
        <v>0</v>
      </c>
      <c r="BH27" s="432"/>
      <c r="BI27" s="427">
        <v>0</v>
      </c>
      <c r="BJ27" s="427">
        <v>0</v>
      </c>
      <c r="BK27" s="427">
        <v>0</v>
      </c>
      <c r="BL27" s="427">
        <v>0</v>
      </c>
      <c r="BM27" s="427">
        <v>0</v>
      </c>
      <c r="BN27" s="430">
        <v>0</v>
      </c>
      <c r="BO27" s="431">
        <v>0</v>
      </c>
      <c r="BP27" s="426">
        <v>0</v>
      </c>
      <c r="BQ27" s="427">
        <v>0</v>
      </c>
      <c r="BR27" s="428">
        <v>0</v>
      </c>
      <c r="BS27" s="429">
        <v>0</v>
      </c>
      <c r="BT27" s="427">
        <v>725</v>
      </c>
      <c r="BU27" s="427">
        <v>31321</v>
      </c>
      <c r="BV27" s="427">
        <v>19730</v>
      </c>
      <c r="BW27" s="427">
        <v>19519</v>
      </c>
      <c r="BX27" s="427">
        <v>4205</v>
      </c>
      <c r="BY27" s="430">
        <v>75500</v>
      </c>
      <c r="BZ27" s="431">
        <v>75500</v>
      </c>
      <c r="CA27" s="426">
        <v>0</v>
      </c>
      <c r="CB27" s="427">
        <v>0</v>
      </c>
      <c r="CC27" s="428">
        <v>0</v>
      </c>
      <c r="CD27" s="429">
        <v>0</v>
      </c>
      <c r="CE27" s="427">
        <v>2560</v>
      </c>
      <c r="CF27" s="427">
        <v>0</v>
      </c>
      <c r="CG27" s="427">
        <v>1465</v>
      </c>
      <c r="CH27" s="427">
        <v>0</v>
      </c>
      <c r="CI27" s="427">
        <v>0</v>
      </c>
      <c r="CJ27" s="430">
        <v>4025</v>
      </c>
      <c r="CK27" s="431">
        <v>4025</v>
      </c>
      <c r="CL27" s="426">
        <v>0</v>
      </c>
      <c r="CM27" s="427">
        <v>0</v>
      </c>
      <c r="CN27" s="428">
        <v>0</v>
      </c>
      <c r="CO27" s="429">
        <v>0</v>
      </c>
      <c r="CP27" s="427">
        <v>0</v>
      </c>
      <c r="CQ27" s="427">
        <v>0</v>
      </c>
      <c r="CR27" s="427">
        <v>0</v>
      </c>
      <c r="CS27" s="427">
        <v>0</v>
      </c>
      <c r="CT27" s="427">
        <v>0</v>
      </c>
      <c r="CU27" s="430">
        <v>0</v>
      </c>
      <c r="CV27" s="431">
        <v>0</v>
      </c>
      <c r="CW27" s="426">
        <v>0</v>
      </c>
      <c r="CX27" s="427">
        <v>0</v>
      </c>
      <c r="CY27" s="428">
        <v>0</v>
      </c>
      <c r="CZ27" s="432"/>
      <c r="DA27" s="427">
        <v>0</v>
      </c>
      <c r="DB27" s="427">
        <v>0</v>
      </c>
      <c r="DC27" s="427">
        <v>0</v>
      </c>
      <c r="DD27" s="427">
        <v>0</v>
      </c>
      <c r="DE27" s="427">
        <v>0</v>
      </c>
      <c r="DF27" s="430">
        <v>0</v>
      </c>
      <c r="DG27" s="431">
        <v>0</v>
      </c>
      <c r="DH27" s="426">
        <v>0</v>
      </c>
      <c r="DI27" s="427">
        <v>0</v>
      </c>
      <c r="DJ27" s="428">
        <v>0</v>
      </c>
      <c r="DK27" s="429">
        <v>0</v>
      </c>
      <c r="DL27" s="427">
        <v>1861</v>
      </c>
      <c r="DM27" s="427">
        <v>96204</v>
      </c>
      <c r="DN27" s="427">
        <v>420017</v>
      </c>
      <c r="DO27" s="427">
        <v>656838</v>
      </c>
      <c r="DP27" s="427">
        <v>481378</v>
      </c>
      <c r="DQ27" s="430">
        <v>1656298</v>
      </c>
      <c r="DR27" s="433">
        <v>1656298</v>
      </c>
      <c r="DS27" s="426">
        <v>0</v>
      </c>
      <c r="DT27" s="427">
        <v>0</v>
      </c>
      <c r="DU27" s="428">
        <v>0</v>
      </c>
      <c r="DV27" s="432"/>
      <c r="DW27" s="427">
        <v>0</v>
      </c>
      <c r="DX27" s="427">
        <v>8073</v>
      </c>
      <c r="DY27" s="427">
        <v>314700</v>
      </c>
      <c r="DZ27" s="427">
        <v>620104</v>
      </c>
      <c r="EA27" s="427">
        <v>445698</v>
      </c>
      <c r="EB27" s="430">
        <v>1388575</v>
      </c>
      <c r="EC27" s="431">
        <v>1388575</v>
      </c>
      <c r="ED27" s="426">
        <v>0</v>
      </c>
      <c r="EE27" s="427">
        <v>0</v>
      </c>
      <c r="EF27" s="428">
        <v>0</v>
      </c>
      <c r="EG27" s="432"/>
      <c r="EH27" s="427">
        <v>420</v>
      </c>
      <c r="EI27" s="427">
        <v>53550</v>
      </c>
      <c r="EJ27" s="427">
        <v>56399</v>
      </c>
      <c r="EK27" s="427">
        <v>2580</v>
      </c>
      <c r="EL27" s="427">
        <v>21405</v>
      </c>
      <c r="EM27" s="430">
        <v>134354</v>
      </c>
      <c r="EN27" s="431">
        <v>134354</v>
      </c>
      <c r="EO27" s="426">
        <v>0</v>
      </c>
      <c r="EP27" s="427">
        <v>0</v>
      </c>
      <c r="EQ27" s="428">
        <v>0</v>
      </c>
      <c r="ER27" s="432">
        <v>0</v>
      </c>
      <c r="ES27" s="427">
        <v>0</v>
      </c>
      <c r="ET27" s="427">
        <v>0</v>
      </c>
      <c r="EU27" s="427">
        <v>0</v>
      </c>
      <c r="EV27" s="427">
        <v>0</v>
      </c>
      <c r="EW27" s="427">
        <v>210</v>
      </c>
      <c r="EX27" s="430">
        <v>210</v>
      </c>
      <c r="EY27" s="431">
        <v>210</v>
      </c>
      <c r="EZ27" s="426">
        <v>0</v>
      </c>
      <c r="FA27" s="427">
        <v>0</v>
      </c>
      <c r="FB27" s="428">
        <v>0</v>
      </c>
      <c r="FC27" s="432"/>
      <c r="FD27" s="427">
        <v>0</v>
      </c>
      <c r="FE27" s="427">
        <v>0</v>
      </c>
      <c r="FF27" s="427">
        <v>0</v>
      </c>
      <c r="FG27" s="427">
        <v>0</v>
      </c>
      <c r="FH27" s="427">
        <v>0</v>
      </c>
      <c r="FI27" s="430">
        <v>0</v>
      </c>
      <c r="FJ27" s="431">
        <v>0</v>
      </c>
      <c r="FK27" s="426">
        <v>0</v>
      </c>
      <c r="FL27" s="427">
        <v>0</v>
      </c>
      <c r="FM27" s="428">
        <v>0</v>
      </c>
      <c r="FN27" s="432">
        <v>0</v>
      </c>
      <c r="FO27" s="427">
        <v>0</v>
      </c>
      <c r="FP27" s="427">
        <v>0</v>
      </c>
      <c r="FQ27" s="427">
        <v>0</v>
      </c>
      <c r="FR27" s="427">
        <v>0</v>
      </c>
      <c r="FS27" s="427">
        <v>0</v>
      </c>
      <c r="FT27" s="430">
        <v>0</v>
      </c>
      <c r="FU27" s="431">
        <v>0</v>
      </c>
      <c r="FV27" s="426">
        <v>0</v>
      </c>
      <c r="FW27" s="427">
        <v>0</v>
      </c>
      <c r="FX27" s="428">
        <v>0</v>
      </c>
      <c r="FY27" s="429">
        <v>0</v>
      </c>
      <c r="FZ27" s="427">
        <v>1392</v>
      </c>
      <c r="GA27" s="427">
        <v>34581</v>
      </c>
      <c r="GB27" s="427">
        <v>48883</v>
      </c>
      <c r="GC27" s="427">
        <v>34154</v>
      </c>
      <c r="GD27" s="427">
        <v>14065</v>
      </c>
      <c r="GE27" s="430">
        <v>133075</v>
      </c>
      <c r="GF27" s="431">
        <v>133075</v>
      </c>
      <c r="GG27" s="426">
        <v>0</v>
      </c>
      <c r="GH27" s="427">
        <v>0</v>
      </c>
      <c r="GI27" s="428">
        <v>0</v>
      </c>
      <c r="GJ27" s="429">
        <v>0</v>
      </c>
      <c r="GK27" s="427">
        <v>49</v>
      </c>
      <c r="GL27" s="427">
        <v>0</v>
      </c>
      <c r="GM27" s="427">
        <v>35</v>
      </c>
      <c r="GN27" s="427">
        <v>0</v>
      </c>
      <c r="GO27" s="427">
        <v>0</v>
      </c>
      <c r="GP27" s="430">
        <v>84</v>
      </c>
      <c r="GQ27" s="431">
        <v>84</v>
      </c>
      <c r="GR27" s="426">
        <v>0</v>
      </c>
      <c r="GS27" s="427">
        <v>0</v>
      </c>
      <c r="GT27" s="428">
        <v>0</v>
      </c>
      <c r="GU27" s="429">
        <v>0</v>
      </c>
      <c r="GV27" s="427">
        <v>0</v>
      </c>
      <c r="GW27" s="427">
        <v>0</v>
      </c>
      <c r="GX27" s="427">
        <v>0</v>
      </c>
      <c r="GY27" s="427">
        <v>0</v>
      </c>
      <c r="GZ27" s="427">
        <v>0</v>
      </c>
      <c r="HA27" s="430">
        <v>0</v>
      </c>
      <c r="HB27" s="431">
        <v>0</v>
      </c>
      <c r="HC27" s="426">
        <v>0</v>
      </c>
      <c r="HD27" s="427">
        <v>0</v>
      </c>
      <c r="HE27" s="428">
        <v>0</v>
      </c>
      <c r="HF27" s="432"/>
      <c r="HG27" s="427">
        <v>0</v>
      </c>
      <c r="HH27" s="427">
        <v>0</v>
      </c>
      <c r="HI27" s="427">
        <v>0</v>
      </c>
      <c r="HJ27" s="427">
        <v>0</v>
      </c>
      <c r="HK27" s="427">
        <v>0</v>
      </c>
      <c r="HL27" s="430">
        <v>0</v>
      </c>
      <c r="HM27" s="431">
        <v>0</v>
      </c>
      <c r="HN27" s="426">
        <v>0</v>
      </c>
      <c r="HO27" s="427">
        <v>0</v>
      </c>
      <c r="HP27" s="428">
        <v>0</v>
      </c>
      <c r="HQ27" s="429">
        <v>0</v>
      </c>
      <c r="HR27" s="427">
        <v>60646</v>
      </c>
      <c r="HS27" s="427">
        <v>149880</v>
      </c>
      <c r="HT27" s="427">
        <v>906307</v>
      </c>
      <c r="HU27" s="427">
        <v>1159087</v>
      </c>
      <c r="HV27" s="427">
        <v>845548</v>
      </c>
      <c r="HW27" s="430">
        <v>3121468</v>
      </c>
      <c r="HX27" s="431">
        <v>3121468</v>
      </c>
    </row>
    <row r="28" spans="1:232" ht="16.5" customHeight="1" x14ac:dyDescent="0.2">
      <c r="A28" s="208" t="s">
        <v>25</v>
      </c>
      <c r="B28" s="426">
        <v>0</v>
      </c>
      <c r="C28" s="427">
        <v>0</v>
      </c>
      <c r="D28" s="428">
        <v>0</v>
      </c>
      <c r="E28" s="429">
        <v>0</v>
      </c>
      <c r="F28" s="427">
        <v>146906</v>
      </c>
      <c r="G28" s="427">
        <v>147395</v>
      </c>
      <c r="H28" s="427">
        <v>687207</v>
      </c>
      <c r="I28" s="427">
        <v>847974</v>
      </c>
      <c r="J28" s="427">
        <v>606634</v>
      </c>
      <c r="K28" s="430">
        <v>2436116</v>
      </c>
      <c r="L28" s="431">
        <v>2436116</v>
      </c>
      <c r="M28" s="426">
        <v>0</v>
      </c>
      <c r="N28" s="427">
        <v>0</v>
      </c>
      <c r="O28" s="428">
        <v>0</v>
      </c>
      <c r="P28" s="432"/>
      <c r="Q28" s="427">
        <v>28950</v>
      </c>
      <c r="R28" s="427">
        <v>44400</v>
      </c>
      <c r="S28" s="427">
        <v>564788</v>
      </c>
      <c r="T28" s="427">
        <v>527260</v>
      </c>
      <c r="U28" s="427">
        <v>406675</v>
      </c>
      <c r="V28" s="430">
        <v>1572073</v>
      </c>
      <c r="W28" s="431">
        <v>1572073</v>
      </c>
      <c r="X28" s="426">
        <v>0</v>
      </c>
      <c r="Y28" s="427">
        <v>0</v>
      </c>
      <c r="Z28" s="428">
        <v>0</v>
      </c>
      <c r="AA28" s="432"/>
      <c r="AB28" s="427">
        <v>115726</v>
      </c>
      <c r="AC28" s="427">
        <v>84450</v>
      </c>
      <c r="AD28" s="427">
        <v>96755</v>
      </c>
      <c r="AE28" s="427">
        <v>294780</v>
      </c>
      <c r="AF28" s="427">
        <v>167279</v>
      </c>
      <c r="AG28" s="430">
        <v>758990</v>
      </c>
      <c r="AH28" s="431">
        <v>758990</v>
      </c>
      <c r="AI28" s="426">
        <v>0</v>
      </c>
      <c r="AJ28" s="427">
        <v>0</v>
      </c>
      <c r="AK28" s="428">
        <v>0</v>
      </c>
      <c r="AL28" s="432"/>
      <c r="AM28" s="427">
        <v>0</v>
      </c>
      <c r="AN28" s="427">
        <v>0</v>
      </c>
      <c r="AO28" s="427">
        <v>0</v>
      </c>
      <c r="AP28" s="427">
        <v>0</v>
      </c>
      <c r="AQ28" s="427">
        <v>0</v>
      </c>
      <c r="AR28" s="430">
        <v>0</v>
      </c>
      <c r="AS28" s="431">
        <v>0</v>
      </c>
      <c r="AT28" s="426">
        <v>0</v>
      </c>
      <c r="AU28" s="427">
        <v>0</v>
      </c>
      <c r="AV28" s="428">
        <v>0</v>
      </c>
      <c r="AW28" s="432"/>
      <c r="AX28" s="427">
        <v>0</v>
      </c>
      <c r="AY28" s="427">
        <v>0</v>
      </c>
      <c r="AZ28" s="427">
        <v>0</v>
      </c>
      <c r="BA28" s="427">
        <v>0</v>
      </c>
      <c r="BB28" s="427">
        <v>0</v>
      </c>
      <c r="BC28" s="430">
        <v>0</v>
      </c>
      <c r="BD28" s="431">
        <v>0</v>
      </c>
      <c r="BE28" s="426">
        <v>0</v>
      </c>
      <c r="BF28" s="427">
        <v>0</v>
      </c>
      <c r="BG28" s="428">
        <v>0</v>
      </c>
      <c r="BH28" s="432"/>
      <c r="BI28" s="427">
        <v>0</v>
      </c>
      <c r="BJ28" s="427">
        <v>0</v>
      </c>
      <c r="BK28" s="427">
        <v>0</v>
      </c>
      <c r="BL28" s="427">
        <v>0</v>
      </c>
      <c r="BM28" s="427">
        <v>0</v>
      </c>
      <c r="BN28" s="430">
        <v>0</v>
      </c>
      <c r="BO28" s="431">
        <v>0</v>
      </c>
      <c r="BP28" s="426">
        <v>0</v>
      </c>
      <c r="BQ28" s="427">
        <v>0</v>
      </c>
      <c r="BR28" s="428">
        <v>0</v>
      </c>
      <c r="BS28" s="429">
        <v>0</v>
      </c>
      <c r="BT28" s="427">
        <v>0</v>
      </c>
      <c r="BU28" s="427">
        <v>18545</v>
      </c>
      <c r="BV28" s="427">
        <v>25219</v>
      </c>
      <c r="BW28" s="427">
        <v>6364</v>
      </c>
      <c r="BX28" s="427">
        <v>32680</v>
      </c>
      <c r="BY28" s="430">
        <v>82808</v>
      </c>
      <c r="BZ28" s="431">
        <v>82808</v>
      </c>
      <c r="CA28" s="426">
        <v>0</v>
      </c>
      <c r="CB28" s="427">
        <v>0</v>
      </c>
      <c r="CC28" s="428">
        <v>0</v>
      </c>
      <c r="CD28" s="429">
        <v>0</v>
      </c>
      <c r="CE28" s="427">
        <v>2230</v>
      </c>
      <c r="CF28" s="427">
        <v>0</v>
      </c>
      <c r="CG28" s="427">
        <v>445</v>
      </c>
      <c r="CH28" s="427">
        <v>19570</v>
      </c>
      <c r="CI28" s="427">
        <v>0</v>
      </c>
      <c r="CJ28" s="430">
        <v>22245</v>
      </c>
      <c r="CK28" s="431">
        <v>22245</v>
      </c>
      <c r="CL28" s="426">
        <v>0</v>
      </c>
      <c r="CM28" s="427">
        <v>0</v>
      </c>
      <c r="CN28" s="428">
        <v>0</v>
      </c>
      <c r="CO28" s="429">
        <v>0</v>
      </c>
      <c r="CP28" s="427">
        <v>0</v>
      </c>
      <c r="CQ28" s="427">
        <v>0</v>
      </c>
      <c r="CR28" s="427">
        <v>0</v>
      </c>
      <c r="CS28" s="427">
        <v>0</v>
      </c>
      <c r="CT28" s="427">
        <v>0</v>
      </c>
      <c r="CU28" s="430">
        <v>0</v>
      </c>
      <c r="CV28" s="431">
        <v>0</v>
      </c>
      <c r="CW28" s="426">
        <v>0</v>
      </c>
      <c r="CX28" s="427">
        <v>0</v>
      </c>
      <c r="CY28" s="428">
        <v>0</v>
      </c>
      <c r="CZ28" s="432"/>
      <c r="DA28" s="427">
        <v>0</v>
      </c>
      <c r="DB28" s="427">
        <v>0</v>
      </c>
      <c r="DC28" s="427">
        <v>0</v>
      </c>
      <c r="DD28" s="427">
        <v>0</v>
      </c>
      <c r="DE28" s="427">
        <v>0</v>
      </c>
      <c r="DF28" s="430">
        <v>0</v>
      </c>
      <c r="DG28" s="431">
        <v>0</v>
      </c>
      <c r="DH28" s="426">
        <v>0</v>
      </c>
      <c r="DI28" s="427">
        <v>0</v>
      </c>
      <c r="DJ28" s="428">
        <v>0</v>
      </c>
      <c r="DK28" s="429">
        <v>0</v>
      </c>
      <c r="DL28" s="427">
        <v>74776</v>
      </c>
      <c r="DM28" s="427">
        <v>150440</v>
      </c>
      <c r="DN28" s="427">
        <v>761294</v>
      </c>
      <c r="DO28" s="427">
        <v>663529</v>
      </c>
      <c r="DP28" s="427">
        <v>361679</v>
      </c>
      <c r="DQ28" s="430">
        <v>2011718</v>
      </c>
      <c r="DR28" s="433">
        <v>2011718</v>
      </c>
      <c r="DS28" s="426">
        <v>0</v>
      </c>
      <c r="DT28" s="427">
        <v>0</v>
      </c>
      <c r="DU28" s="428">
        <v>0</v>
      </c>
      <c r="DV28" s="432"/>
      <c r="DW28" s="427">
        <v>62640</v>
      </c>
      <c r="DX28" s="427">
        <v>114270</v>
      </c>
      <c r="DY28" s="427">
        <v>692255</v>
      </c>
      <c r="DZ28" s="427">
        <v>604054</v>
      </c>
      <c r="EA28" s="427">
        <v>317245</v>
      </c>
      <c r="EB28" s="430">
        <v>1790464</v>
      </c>
      <c r="EC28" s="431">
        <v>1790464</v>
      </c>
      <c r="ED28" s="426">
        <v>0</v>
      </c>
      <c r="EE28" s="427">
        <v>0</v>
      </c>
      <c r="EF28" s="428">
        <v>0</v>
      </c>
      <c r="EG28" s="432"/>
      <c r="EH28" s="427">
        <v>12136</v>
      </c>
      <c r="EI28" s="427">
        <v>420</v>
      </c>
      <c r="EJ28" s="427">
        <v>1015</v>
      </c>
      <c r="EK28" s="427">
        <v>42458</v>
      </c>
      <c r="EL28" s="427">
        <v>17805</v>
      </c>
      <c r="EM28" s="430">
        <v>73834</v>
      </c>
      <c r="EN28" s="431">
        <v>73834</v>
      </c>
      <c r="EO28" s="426">
        <v>0</v>
      </c>
      <c r="EP28" s="427">
        <v>0</v>
      </c>
      <c r="EQ28" s="428">
        <v>0</v>
      </c>
      <c r="ER28" s="432">
        <v>0</v>
      </c>
      <c r="ES28" s="427">
        <v>0</v>
      </c>
      <c r="ET28" s="427">
        <v>0</v>
      </c>
      <c r="EU28" s="427">
        <v>0</v>
      </c>
      <c r="EV28" s="427">
        <v>0</v>
      </c>
      <c r="EW28" s="427">
        <v>0</v>
      </c>
      <c r="EX28" s="430">
        <v>0</v>
      </c>
      <c r="EY28" s="431">
        <v>0</v>
      </c>
      <c r="EZ28" s="426">
        <v>0</v>
      </c>
      <c r="FA28" s="427">
        <v>0</v>
      </c>
      <c r="FB28" s="428">
        <v>0</v>
      </c>
      <c r="FC28" s="432"/>
      <c r="FD28" s="427">
        <v>0</v>
      </c>
      <c r="FE28" s="427">
        <v>0</v>
      </c>
      <c r="FF28" s="427">
        <v>0</v>
      </c>
      <c r="FG28" s="427">
        <v>42</v>
      </c>
      <c r="FH28" s="427">
        <v>0</v>
      </c>
      <c r="FI28" s="430">
        <v>42</v>
      </c>
      <c r="FJ28" s="431">
        <v>42</v>
      </c>
      <c r="FK28" s="426">
        <v>0</v>
      </c>
      <c r="FL28" s="427">
        <v>0</v>
      </c>
      <c r="FM28" s="428">
        <v>0</v>
      </c>
      <c r="FN28" s="432">
        <v>0</v>
      </c>
      <c r="FO28" s="427">
        <v>0</v>
      </c>
      <c r="FP28" s="427">
        <v>0</v>
      </c>
      <c r="FQ28" s="427">
        <v>0</v>
      </c>
      <c r="FR28" s="427">
        <v>0</v>
      </c>
      <c r="FS28" s="427">
        <v>0</v>
      </c>
      <c r="FT28" s="430">
        <v>0</v>
      </c>
      <c r="FU28" s="431">
        <v>0</v>
      </c>
      <c r="FV28" s="426">
        <v>0</v>
      </c>
      <c r="FW28" s="427">
        <v>0</v>
      </c>
      <c r="FX28" s="428">
        <v>0</v>
      </c>
      <c r="FY28" s="429">
        <v>0</v>
      </c>
      <c r="FZ28" s="427">
        <v>0</v>
      </c>
      <c r="GA28" s="427">
        <v>35750</v>
      </c>
      <c r="GB28" s="427">
        <v>68003</v>
      </c>
      <c r="GC28" s="427">
        <v>16975</v>
      </c>
      <c r="GD28" s="427">
        <v>26629</v>
      </c>
      <c r="GE28" s="430">
        <v>147357</v>
      </c>
      <c r="GF28" s="431">
        <v>147357</v>
      </c>
      <c r="GG28" s="426">
        <v>0</v>
      </c>
      <c r="GH28" s="427">
        <v>0</v>
      </c>
      <c r="GI28" s="428">
        <v>0</v>
      </c>
      <c r="GJ28" s="429">
        <v>0</v>
      </c>
      <c r="GK28" s="427">
        <v>0</v>
      </c>
      <c r="GL28" s="427">
        <v>0</v>
      </c>
      <c r="GM28" s="427">
        <v>21</v>
      </c>
      <c r="GN28" s="427">
        <v>0</v>
      </c>
      <c r="GO28" s="427">
        <v>0</v>
      </c>
      <c r="GP28" s="430">
        <v>21</v>
      </c>
      <c r="GQ28" s="431">
        <v>21</v>
      </c>
      <c r="GR28" s="426">
        <v>0</v>
      </c>
      <c r="GS28" s="427">
        <v>0</v>
      </c>
      <c r="GT28" s="428">
        <v>0</v>
      </c>
      <c r="GU28" s="429">
        <v>0</v>
      </c>
      <c r="GV28" s="427">
        <v>0</v>
      </c>
      <c r="GW28" s="427">
        <v>0</v>
      </c>
      <c r="GX28" s="427">
        <v>0</v>
      </c>
      <c r="GY28" s="427">
        <v>0</v>
      </c>
      <c r="GZ28" s="427">
        <v>0</v>
      </c>
      <c r="HA28" s="430">
        <v>0</v>
      </c>
      <c r="HB28" s="431">
        <v>0</v>
      </c>
      <c r="HC28" s="426">
        <v>0</v>
      </c>
      <c r="HD28" s="427">
        <v>0</v>
      </c>
      <c r="HE28" s="428">
        <v>0</v>
      </c>
      <c r="HF28" s="432"/>
      <c r="HG28" s="427">
        <v>0</v>
      </c>
      <c r="HH28" s="427">
        <v>0</v>
      </c>
      <c r="HI28" s="427">
        <v>0</v>
      </c>
      <c r="HJ28" s="427">
        <v>0</v>
      </c>
      <c r="HK28" s="427">
        <v>0</v>
      </c>
      <c r="HL28" s="430">
        <v>0</v>
      </c>
      <c r="HM28" s="431">
        <v>0</v>
      </c>
      <c r="HN28" s="426">
        <v>0</v>
      </c>
      <c r="HO28" s="427">
        <v>0</v>
      </c>
      <c r="HP28" s="428">
        <v>0</v>
      </c>
      <c r="HQ28" s="429">
        <v>0</v>
      </c>
      <c r="HR28" s="427">
        <v>221682</v>
      </c>
      <c r="HS28" s="427">
        <v>297835</v>
      </c>
      <c r="HT28" s="427">
        <v>1448501</v>
      </c>
      <c r="HU28" s="427">
        <v>1511503</v>
      </c>
      <c r="HV28" s="427">
        <v>968313</v>
      </c>
      <c r="HW28" s="430">
        <v>4447834</v>
      </c>
      <c r="HX28" s="431">
        <v>4447834</v>
      </c>
    </row>
    <row r="29" spans="1:232" ht="16.5" customHeight="1" x14ac:dyDescent="0.2">
      <c r="A29" s="208" t="s">
        <v>26</v>
      </c>
      <c r="B29" s="426">
        <v>0</v>
      </c>
      <c r="C29" s="427">
        <v>1885</v>
      </c>
      <c r="D29" s="428">
        <v>1885</v>
      </c>
      <c r="E29" s="429">
        <v>0</v>
      </c>
      <c r="F29" s="427">
        <v>70339</v>
      </c>
      <c r="G29" s="427">
        <v>194294</v>
      </c>
      <c r="H29" s="427">
        <v>433079</v>
      </c>
      <c r="I29" s="427">
        <v>688555</v>
      </c>
      <c r="J29" s="427">
        <v>401590</v>
      </c>
      <c r="K29" s="430">
        <v>1787857</v>
      </c>
      <c r="L29" s="431">
        <v>1789742</v>
      </c>
      <c r="M29" s="426">
        <v>0</v>
      </c>
      <c r="N29" s="427">
        <v>0</v>
      </c>
      <c r="O29" s="428">
        <v>0</v>
      </c>
      <c r="P29" s="432"/>
      <c r="Q29" s="427">
        <v>0</v>
      </c>
      <c r="R29" s="427">
        <v>32850</v>
      </c>
      <c r="S29" s="427">
        <v>259800</v>
      </c>
      <c r="T29" s="427">
        <v>541660</v>
      </c>
      <c r="U29" s="427">
        <v>375300</v>
      </c>
      <c r="V29" s="430">
        <v>1209610</v>
      </c>
      <c r="W29" s="431">
        <v>1209610</v>
      </c>
      <c r="X29" s="426">
        <v>0</v>
      </c>
      <c r="Y29" s="427">
        <v>0</v>
      </c>
      <c r="Z29" s="428">
        <v>0</v>
      </c>
      <c r="AA29" s="432"/>
      <c r="AB29" s="427">
        <v>64915</v>
      </c>
      <c r="AC29" s="427">
        <v>147150</v>
      </c>
      <c r="AD29" s="427">
        <v>99900</v>
      </c>
      <c r="AE29" s="427">
        <v>134315</v>
      </c>
      <c r="AF29" s="427">
        <v>19530</v>
      </c>
      <c r="AG29" s="430">
        <v>465810</v>
      </c>
      <c r="AH29" s="431">
        <v>465810</v>
      </c>
      <c r="AI29" s="426">
        <v>0</v>
      </c>
      <c r="AJ29" s="427">
        <v>0</v>
      </c>
      <c r="AK29" s="428">
        <v>0</v>
      </c>
      <c r="AL29" s="432"/>
      <c r="AM29" s="427">
        <v>0</v>
      </c>
      <c r="AN29" s="427">
        <v>0</v>
      </c>
      <c r="AO29" s="427">
        <v>0</v>
      </c>
      <c r="AP29" s="427">
        <v>2550</v>
      </c>
      <c r="AQ29" s="427">
        <v>0</v>
      </c>
      <c r="AR29" s="430">
        <v>2550</v>
      </c>
      <c r="AS29" s="431">
        <v>2550</v>
      </c>
      <c r="AT29" s="426">
        <v>0</v>
      </c>
      <c r="AU29" s="427">
        <v>0</v>
      </c>
      <c r="AV29" s="428">
        <v>0</v>
      </c>
      <c r="AW29" s="432"/>
      <c r="AX29" s="427">
        <v>0</v>
      </c>
      <c r="AY29" s="427">
        <v>0</v>
      </c>
      <c r="AZ29" s="427">
        <v>0</v>
      </c>
      <c r="BA29" s="427">
        <v>0</v>
      </c>
      <c r="BB29" s="427">
        <v>2550</v>
      </c>
      <c r="BC29" s="430">
        <v>2550</v>
      </c>
      <c r="BD29" s="431">
        <v>2550</v>
      </c>
      <c r="BE29" s="426">
        <v>0</v>
      </c>
      <c r="BF29" s="427">
        <v>0</v>
      </c>
      <c r="BG29" s="428">
        <v>0</v>
      </c>
      <c r="BH29" s="432"/>
      <c r="BI29" s="427">
        <v>0</v>
      </c>
      <c r="BJ29" s="427">
        <v>5185</v>
      </c>
      <c r="BK29" s="427">
        <v>0</v>
      </c>
      <c r="BL29" s="427">
        <v>0</v>
      </c>
      <c r="BM29" s="427">
        <v>0</v>
      </c>
      <c r="BN29" s="430">
        <v>5185</v>
      </c>
      <c r="BO29" s="431">
        <v>5185</v>
      </c>
      <c r="BP29" s="426">
        <v>0</v>
      </c>
      <c r="BQ29" s="427">
        <v>1885</v>
      </c>
      <c r="BR29" s="428">
        <v>1885</v>
      </c>
      <c r="BS29" s="429">
        <v>0</v>
      </c>
      <c r="BT29" s="427">
        <v>2289</v>
      </c>
      <c r="BU29" s="427">
        <v>8519</v>
      </c>
      <c r="BV29" s="427">
        <v>62439</v>
      </c>
      <c r="BW29" s="427">
        <v>9005</v>
      </c>
      <c r="BX29" s="427">
        <v>4210</v>
      </c>
      <c r="BY29" s="430">
        <v>86462</v>
      </c>
      <c r="BZ29" s="431">
        <v>88347</v>
      </c>
      <c r="CA29" s="426">
        <v>0</v>
      </c>
      <c r="CB29" s="427">
        <v>0</v>
      </c>
      <c r="CC29" s="428">
        <v>0</v>
      </c>
      <c r="CD29" s="429">
        <v>0</v>
      </c>
      <c r="CE29" s="427">
        <v>3135</v>
      </c>
      <c r="CF29" s="427">
        <v>590</v>
      </c>
      <c r="CG29" s="427">
        <v>10940</v>
      </c>
      <c r="CH29" s="427">
        <v>1025</v>
      </c>
      <c r="CI29" s="427">
        <v>0</v>
      </c>
      <c r="CJ29" s="430">
        <v>15690</v>
      </c>
      <c r="CK29" s="431">
        <v>15690</v>
      </c>
      <c r="CL29" s="426">
        <v>0</v>
      </c>
      <c r="CM29" s="427">
        <v>0</v>
      </c>
      <c r="CN29" s="428">
        <v>0</v>
      </c>
      <c r="CO29" s="429">
        <v>0</v>
      </c>
      <c r="CP29" s="427">
        <v>0</v>
      </c>
      <c r="CQ29" s="427">
        <v>0</v>
      </c>
      <c r="CR29" s="427">
        <v>0</v>
      </c>
      <c r="CS29" s="427">
        <v>0</v>
      </c>
      <c r="CT29" s="427">
        <v>0</v>
      </c>
      <c r="CU29" s="430">
        <v>0</v>
      </c>
      <c r="CV29" s="431">
        <v>0</v>
      </c>
      <c r="CW29" s="426">
        <v>0</v>
      </c>
      <c r="CX29" s="427">
        <v>0</v>
      </c>
      <c r="CY29" s="428">
        <v>0</v>
      </c>
      <c r="CZ29" s="432"/>
      <c r="DA29" s="427">
        <v>0</v>
      </c>
      <c r="DB29" s="427">
        <v>0</v>
      </c>
      <c r="DC29" s="427">
        <v>0</v>
      </c>
      <c r="DD29" s="427">
        <v>0</v>
      </c>
      <c r="DE29" s="427">
        <v>0</v>
      </c>
      <c r="DF29" s="430">
        <v>0</v>
      </c>
      <c r="DG29" s="431">
        <v>0</v>
      </c>
      <c r="DH29" s="426">
        <v>0</v>
      </c>
      <c r="DI29" s="427">
        <v>9048</v>
      </c>
      <c r="DJ29" s="428">
        <v>9048</v>
      </c>
      <c r="DK29" s="429">
        <v>0</v>
      </c>
      <c r="DL29" s="427">
        <v>5605</v>
      </c>
      <c r="DM29" s="427">
        <v>159786</v>
      </c>
      <c r="DN29" s="427">
        <v>492387</v>
      </c>
      <c r="DO29" s="427">
        <v>700488</v>
      </c>
      <c r="DP29" s="427">
        <v>498811</v>
      </c>
      <c r="DQ29" s="430">
        <v>1857077</v>
      </c>
      <c r="DR29" s="433">
        <v>1866125</v>
      </c>
      <c r="DS29" s="426">
        <v>0</v>
      </c>
      <c r="DT29" s="427">
        <v>0</v>
      </c>
      <c r="DU29" s="428">
        <v>0</v>
      </c>
      <c r="DV29" s="432"/>
      <c r="DW29" s="427">
        <v>0</v>
      </c>
      <c r="DX29" s="427">
        <v>75180</v>
      </c>
      <c r="DY29" s="427">
        <v>357240</v>
      </c>
      <c r="DZ29" s="427">
        <v>655500</v>
      </c>
      <c r="EA29" s="427">
        <v>482171</v>
      </c>
      <c r="EB29" s="430">
        <v>1570091</v>
      </c>
      <c r="EC29" s="431">
        <v>1570091</v>
      </c>
      <c r="ED29" s="426">
        <v>0</v>
      </c>
      <c r="EE29" s="427">
        <v>0</v>
      </c>
      <c r="EF29" s="428">
        <v>0</v>
      </c>
      <c r="EG29" s="432"/>
      <c r="EH29" s="427">
        <v>560</v>
      </c>
      <c r="EI29" s="427">
        <v>34080</v>
      </c>
      <c r="EJ29" s="427">
        <v>36810</v>
      </c>
      <c r="EK29" s="427">
        <v>30116</v>
      </c>
      <c r="EL29" s="427">
        <v>420</v>
      </c>
      <c r="EM29" s="430">
        <v>101986</v>
      </c>
      <c r="EN29" s="431">
        <v>101986</v>
      </c>
      <c r="EO29" s="426">
        <v>0</v>
      </c>
      <c r="EP29" s="427">
        <v>0</v>
      </c>
      <c r="EQ29" s="428">
        <v>0</v>
      </c>
      <c r="ER29" s="432">
        <v>0</v>
      </c>
      <c r="ES29" s="427">
        <v>0</v>
      </c>
      <c r="ET29" s="427">
        <v>0</v>
      </c>
      <c r="EU29" s="427">
        <v>0</v>
      </c>
      <c r="EV29" s="427">
        <v>210</v>
      </c>
      <c r="EW29" s="427">
        <v>0</v>
      </c>
      <c r="EX29" s="430">
        <v>210</v>
      </c>
      <c r="EY29" s="431">
        <v>210</v>
      </c>
      <c r="EZ29" s="426">
        <v>0</v>
      </c>
      <c r="FA29" s="427">
        <v>0</v>
      </c>
      <c r="FB29" s="428">
        <v>0</v>
      </c>
      <c r="FC29" s="432"/>
      <c r="FD29" s="427">
        <v>0</v>
      </c>
      <c r="FE29" s="427">
        <v>0</v>
      </c>
      <c r="FF29" s="427">
        <v>0</v>
      </c>
      <c r="FG29" s="427">
        <v>0</v>
      </c>
      <c r="FH29" s="427">
        <v>210</v>
      </c>
      <c r="FI29" s="430">
        <v>210</v>
      </c>
      <c r="FJ29" s="431">
        <v>210</v>
      </c>
      <c r="FK29" s="426">
        <v>0</v>
      </c>
      <c r="FL29" s="427">
        <v>0</v>
      </c>
      <c r="FM29" s="428">
        <v>0</v>
      </c>
      <c r="FN29" s="432">
        <v>0</v>
      </c>
      <c r="FO29" s="427">
        <v>0</v>
      </c>
      <c r="FP29" s="427">
        <v>42456</v>
      </c>
      <c r="FQ29" s="427">
        <v>0</v>
      </c>
      <c r="FR29" s="427">
        <v>0</v>
      </c>
      <c r="FS29" s="427">
        <v>0</v>
      </c>
      <c r="FT29" s="430">
        <v>42456</v>
      </c>
      <c r="FU29" s="431">
        <v>42456</v>
      </c>
      <c r="FV29" s="426">
        <v>0</v>
      </c>
      <c r="FW29" s="427">
        <v>9048</v>
      </c>
      <c r="FX29" s="428">
        <v>9048</v>
      </c>
      <c r="FY29" s="429">
        <v>0</v>
      </c>
      <c r="FZ29" s="427">
        <v>1455</v>
      </c>
      <c r="GA29" s="427">
        <v>8014</v>
      </c>
      <c r="GB29" s="427">
        <v>98246</v>
      </c>
      <c r="GC29" s="427">
        <v>14571</v>
      </c>
      <c r="GD29" s="427">
        <v>16010</v>
      </c>
      <c r="GE29" s="430">
        <v>138296</v>
      </c>
      <c r="GF29" s="431">
        <v>147344</v>
      </c>
      <c r="GG29" s="426">
        <v>0</v>
      </c>
      <c r="GH29" s="427">
        <v>0</v>
      </c>
      <c r="GI29" s="428">
        <v>0</v>
      </c>
      <c r="GJ29" s="429">
        <v>0</v>
      </c>
      <c r="GK29" s="427">
        <v>3590</v>
      </c>
      <c r="GL29" s="427">
        <v>56</v>
      </c>
      <c r="GM29" s="427">
        <v>91</v>
      </c>
      <c r="GN29" s="427">
        <v>91</v>
      </c>
      <c r="GO29" s="427">
        <v>0</v>
      </c>
      <c r="GP29" s="430">
        <v>3828</v>
      </c>
      <c r="GQ29" s="431">
        <v>3828</v>
      </c>
      <c r="GR29" s="426">
        <v>0</v>
      </c>
      <c r="GS29" s="427">
        <v>0</v>
      </c>
      <c r="GT29" s="428">
        <v>0</v>
      </c>
      <c r="GU29" s="429">
        <v>0</v>
      </c>
      <c r="GV29" s="427">
        <v>0</v>
      </c>
      <c r="GW29" s="427">
        <v>0</v>
      </c>
      <c r="GX29" s="427">
        <v>0</v>
      </c>
      <c r="GY29" s="427">
        <v>0</v>
      </c>
      <c r="GZ29" s="427">
        <v>0</v>
      </c>
      <c r="HA29" s="430">
        <v>0</v>
      </c>
      <c r="HB29" s="431">
        <v>0</v>
      </c>
      <c r="HC29" s="426">
        <v>0</v>
      </c>
      <c r="HD29" s="427">
        <v>0</v>
      </c>
      <c r="HE29" s="428">
        <v>0</v>
      </c>
      <c r="HF29" s="432"/>
      <c r="HG29" s="427">
        <v>0</v>
      </c>
      <c r="HH29" s="427">
        <v>0</v>
      </c>
      <c r="HI29" s="427">
        <v>0</v>
      </c>
      <c r="HJ29" s="427">
        <v>0</v>
      </c>
      <c r="HK29" s="427">
        <v>0</v>
      </c>
      <c r="HL29" s="430">
        <v>0</v>
      </c>
      <c r="HM29" s="431">
        <v>0</v>
      </c>
      <c r="HN29" s="426">
        <v>0</v>
      </c>
      <c r="HO29" s="427">
        <v>10933</v>
      </c>
      <c r="HP29" s="428">
        <v>10933</v>
      </c>
      <c r="HQ29" s="429">
        <v>0</v>
      </c>
      <c r="HR29" s="427">
        <v>75944</v>
      </c>
      <c r="HS29" s="427">
        <v>354080</v>
      </c>
      <c r="HT29" s="427">
        <v>925466</v>
      </c>
      <c r="HU29" s="427">
        <v>1389043</v>
      </c>
      <c r="HV29" s="427">
        <v>900401</v>
      </c>
      <c r="HW29" s="430">
        <v>3644934</v>
      </c>
      <c r="HX29" s="431">
        <v>3655867</v>
      </c>
    </row>
    <row r="30" spans="1:232" ht="16.5" customHeight="1" x14ac:dyDescent="0.2">
      <c r="A30" s="208" t="s">
        <v>27</v>
      </c>
      <c r="B30" s="426">
        <v>0</v>
      </c>
      <c r="C30" s="427">
        <v>0</v>
      </c>
      <c r="D30" s="428">
        <v>0</v>
      </c>
      <c r="E30" s="429">
        <v>0</v>
      </c>
      <c r="F30" s="427">
        <v>67920</v>
      </c>
      <c r="G30" s="427">
        <v>189750</v>
      </c>
      <c r="H30" s="427">
        <v>723175</v>
      </c>
      <c r="I30" s="427">
        <v>565135</v>
      </c>
      <c r="J30" s="427">
        <v>350579</v>
      </c>
      <c r="K30" s="430">
        <v>1896559</v>
      </c>
      <c r="L30" s="431">
        <v>1896559</v>
      </c>
      <c r="M30" s="426">
        <v>0</v>
      </c>
      <c r="N30" s="427">
        <v>0</v>
      </c>
      <c r="O30" s="428">
        <v>0</v>
      </c>
      <c r="P30" s="432"/>
      <c r="Q30" s="427">
        <v>34200</v>
      </c>
      <c r="R30" s="427">
        <v>31650</v>
      </c>
      <c r="S30" s="427">
        <v>453000</v>
      </c>
      <c r="T30" s="427">
        <v>446660</v>
      </c>
      <c r="U30" s="427">
        <v>214495</v>
      </c>
      <c r="V30" s="430">
        <v>1180005</v>
      </c>
      <c r="W30" s="431">
        <v>1180005</v>
      </c>
      <c r="X30" s="426">
        <v>0</v>
      </c>
      <c r="Y30" s="427">
        <v>0</v>
      </c>
      <c r="Z30" s="428">
        <v>0</v>
      </c>
      <c r="AA30" s="432"/>
      <c r="AB30" s="427">
        <v>26400</v>
      </c>
      <c r="AC30" s="427">
        <v>158100</v>
      </c>
      <c r="AD30" s="427">
        <v>126465</v>
      </c>
      <c r="AE30" s="427">
        <v>94950</v>
      </c>
      <c r="AF30" s="427">
        <v>34200</v>
      </c>
      <c r="AG30" s="430">
        <v>440115</v>
      </c>
      <c r="AH30" s="431">
        <v>440115</v>
      </c>
      <c r="AI30" s="426">
        <v>0</v>
      </c>
      <c r="AJ30" s="427">
        <v>0</v>
      </c>
      <c r="AK30" s="428">
        <v>0</v>
      </c>
      <c r="AL30" s="432"/>
      <c r="AM30" s="427">
        <v>0</v>
      </c>
      <c r="AN30" s="427">
        <v>0</v>
      </c>
      <c r="AO30" s="427">
        <v>0</v>
      </c>
      <c r="AP30" s="427">
        <v>0</v>
      </c>
      <c r="AQ30" s="427">
        <v>0</v>
      </c>
      <c r="AR30" s="430">
        <v>0</v>
      </c>
      <c r="AS30" s="431">
        <v>0</v>
      </c>
      <c r="AT30" s="426">
        <v>0</v>
      </c>
      <c r="AU30" s="427">
        <v>0</v>
      </c>
      <c r="AV30" s="428">
        <v>0</v>
      </c>
      <c r="AW30" s="432"/>
      <c r="AX30" s="427">
        <v>0</v>
      </c>
      <c r="AY30" s="427">
        <v>0</v>
      </c>
      <c r="AZ30" s="427">
        <v>23850</v>
      </c>
      <c r="BA30" s="427">
        <v>0</v>
      </c>
      <c r="BB30" s="427">
        <v>0</v>
      </c>
      <c r="BC30" s="430">
        <v>23850</v>
      </c>
      <c r="BD30" s="431">
        <v>23850</v>
      </c>
      <c r="BE30" s="426">
        <v>0</v>
      </c>
      <c r="BF30" s="427">
        <v>0</v>
      </c>
      <c r="BG30" s="428">
        <v>0</v>
      </c>
      <c r="BH30" s="432"/>
      <c r="BI30" s="427">
        <v>0</v>
      </c>
      <c r="BJ30" s="427">
        <v>0</v>
      </c>
      <c r="BK30" s="427">
        <v>87085</v>
      </c>
      <c r="BL30" s="427">
        <v>2550</v>
      </c>
      <c r="BM30" s="427">
        <v>65850</v>
      </c>
      <c r="BN30" s="430">
        <v>155485</v>
      </c>
      <c r="BO30" s="431">
        <v>155485</v>
      </c>
      <c r="BP30" s="426">
        <v>0</v>
      </c>
      <c r="BQ30" s="427">
        <v>0</v>
      </c>
      <c r="BR30" s="428">
        <v>0</v>
      </c>
      <c r="BS30" s="429">
        <v>0</v>
      </c>
      <c r="BT30" s="427">
        <v>7320</v>
      </c>
      <c r="BU30" s="427">
        <v>0</v>
      </c>
      <c r="BV30" s="427">
        <v>32775</v>
      </c>
      <c r="BW30" s="427">
        <v>20540</v>
      </c>
      <c r="BX30" s="427">
        <v>25934</v>
      </c>
      <c r="BY30" s="430">
        <v>86569</v>
      </c>
      <c r="BZ30" s="431">
        <v>86569</v>
      </c>
      <c r="CA30" s="426">
        <v>0</v>
      </c>
      <c r="CB30" s="427">
        <v>0</v>
      </c>
      <c r="CC30" s="428">
        <v>0</v>
      </c>
      <c r="CD30" s="429">
        <v>0</v>
      </c>
      <c r="CE30" s="427">
        <v>0</v>
      </c>
      <c r="CF30" s="427">
        <v>0</v>
      </c>
      <c r="CG30" s="427">
        <v>0</v>
      </c>
      <c r="CH30" s="427">
        <v>435</v>
      </c>
      <c r="CI30" s="427">
        <v>10100</v>
      </c>
      <c r="CJ30" s="430">
        <v>10535</v>
      </c>
      <c r="CK30" s="431">
        <v>10535</v>
      </c>
      <c r="CL30" s="426">
        <v>0</v>
      </c>
      <c r="CM30" s="427">
        <v>0</v>
      </c>
      <c r="CN30" s="428">
        <v>0</v>
      </c>
      <c r="CO30" s="429">
        <v>0</v>
      </c>
      <c r="CP30" s="427">
        <v>0</v>
      </c>
      <c r="CQ30" s="427">
        <v>0</v>
      </c>
      <c r="CR30" s="427">
        <v>0</v>
      </c>
      <c r="CS30" s="427">
        <v>0</v>
      </c>
      <c r="CT30" s="427">
        <v>0</v>
      </c>
      <c r="CU30" s="430">
        <v>0</v>
      </c>
      <c r="CV30" s="431">
        <v>0</v>
      </c>
      <c r="CW30" s="426">
        <v>0</v>
      </c>
      <c r="CX30" s="427">
        <v>0</v>
      </c>
      <c r="CY30" s="428">
        <v>0</v>
      </c>
      <c r="CZ30" s="432"/>
      <c r="DA30" s="427">
        <v>0</v>
      </c>
      <c r="DB30" s="427">
        <v>0</v>
      </c>
      <c r="DC30" s="427">
        <v>0</v>
      </c>
      <c r="DD30" s="427">
        <v>0</v>
      </c>
      <c r="DE30" s="427">
        <v>0</v>
      </c>
      <c r="DF30" s="430">
        <v>0</v>
      </c>
      <c r="DG30" s="431">
        <v>0</v>
      </c>
      <c r="DH30" s="426">
        <v>0</v>
      </c>
      <c r="DI30" s="427">
        <v>0</v>
      </c>
      <c r="DJ30" s="428">
        <v>0</v>
      </c>
      <c r="DK30" s="429">
        <v>0</v>
      </c>
      <c r="DL30" s="427">
        <v>60395</v>
      </c>
      <c r="DM30" s="427">
        <v>143278</v>
      </c>
      <c r="DN30" s="427">
        <v>639647</v>
      </c>
      <c r="DO30" s="427">
        <v>544779</v>
      </c>
      <c r="DP30" s="427">
        <v>396073</v>
      </c>
      <c r="DQ30" s="430">
        <v>1784172</v>
      </c>
      <c r="DR30" s="433">
        <v>1784172</v>
      </c>
      <c r="DS30" s="426">
        <v>0</v>
      </c>
      <c r="DT30" s="427">
        <v>0</v>
      </c>
      <c r="DU30" s="428">
        <v>0</v>
      </c>
      <c r="DV30" s="432"/>
      <c r="DW30" s="427">
        <v>29100</v>
      </c>
      <c r="DX30" s="427">
        <v>14550</v>
      </c>
      <c r="DY30" s="427">
        <v>387660</v>
      </c>
      <c r="DZ30" s="427">
        <v>438610</v>
      </c>
      <c r="EA30" s="427">
        <v>288385</v>
      </c>
      <c r="EB30" s="430">
        <v>1158305</v>
      </c>
      <c r="EC30" s="431">
        <v>1158305</v>
      </c>
      <c r="ED30" s="426">
        <v>0</v>
      </c>
      <c r="EE30" s="427">
        <v>0</v>
      </c>
      <c r="EF30" s="428">
        <v>0</v>
      </c>
      <c r="EG30" s="432"/>
      <c r="EH30" s="427">
        <v>21090</v>
      </c>
      <c r="EI30" s="427">
        <v>128728</v>
      </c>
      <c r="EJ30" s="427">
        <v>73774</v>
      </c>
      <c r="EK30" s="427">
        <v>56850</v>
      </c>
      <c r="EL30" s="427">
        <v>420</v>
      </c>
      <c r="EM30" s="430">
        <v>280862</v>
      </c>
      <c r="EN30" s="431">
        <v>280862</v>
      </c>
      <c r="EO30" s="426">
        <v>0</v>
      </c>
      <c r="EP30" s="427">
        <v>0</v>
      </c>
      <c r="EQ30" s="428">
        <v>0</v>
      </c>
      <c r="ER30" s="432">
        <v>0</v>
      </c>
      <c r="ES30" s="427">
        <v>0</v>
      </c>
      <c r="ET30" s="427">
        <v>0</v>
      </c>
      <c r="EU30" s="427">
        <v>0</v>
      </c>
      <c r="EV30" s="427">
        <v>0</v>
      </c>
      <c r="EW30" s="427">
        <v>0</v>
      </c>
      <c r="EX30" s="430">
        <v>0</v>
      </c>
      <c r="EY30" s="431">
        <v>0</v>
      </c>
      <c r="EZ30" s="426">
        <v>0</v>
      </c>
      <c r="FA30" s="427">
        <v>0</v>
      </c>
      <c r="FB30" s="428">
        <v>0</v>
      </c>
      <c r="FC30" s="432"/>
      <c r="FD30" s="427">
        <v>0</v>
      </c>
      <c r="FE30" s="427">
        <v>0</v>
      </c>
      <c r="FF30" s="427">
        <v>210</v>
      </c>
      <c r="FG30" s="427">
        <v>0</v>
      </c>
      <c r="FH30" s="427">
        <v>0</v>
      </c>
      <c r="FI30" s="430">
        <v>210</v>
      </c>
      <c r="FJ30" s="431">
        <v>210</v>
      </c>
      <c r="FK30" s="426">
        <v>0</v>
      </c>
      <c r="FL30" s="427">
        <v>0</v>
      </c>
      <c r="FM30" s="428">
        <v>0</v>
      </c>
      <c r="FN30" s="432">
        <v>0</v>
      </c>
      <c r="FO30" s="427">
        <v>0</v>
      </c>
      <c r="FP30" s="427">
        <v>0</v>
      </c>
      <c r="FQ30" s="427">
        <v>140676</v>
      </c>
      <c r="FR30" s="427">
        <v>20880</v>
      </c>
      <c r="FS30" s="427">
        <v>92040</v>
      </c>
      <c r="FT30" s="430">
        <v>253596</v>
      </c>
      <c r="FU30" s="431">
        <v>253596</v>
      </c>
      <c r="FV30" s="426">
        <v>0</v>
      </c>
      <c r="FW30" s="427">
        <v>0</v>
      </c>
      <c r="FX30" s="428">
        <v>0</v>
      </c>
      <c r="FY30" s="429">
        <v>0</v>
      </c>
      <c r="FZ30" s="427">
        <v>10205</v>
      </c>
      <c r="GA30" s="427">
        <v>0</v>
      </c>
      <c r="GB30" s="427">
        <v>37327</v>
      </c>
      <c r="GC30" s="427">
        <v>27007</v>
      </c>
      <c r="GD30" s="427">
        <v>15130</v>
      </c>
      <c r="GE30" s="430">
        <v>89669</v>
      </c>
      <c r="GF30" s="431">
        <v>89669</v>
      </c>
      <c r="GG30" s="426">
        <v>0</v>
      </c>
      <c r="GH30" s="427">
        <v>0</v>
      </c>
      <c r="GI30" s="428">
        <v>0</v>
      </c>
      <c r="GJ30" s="429">
        <v>0</v>
      </c>
      <c r="GK30" s="427">
        <v>0</v>
      </c>
      <c r="GL30" s="427">
        <v>0</v>
      </c>
      <c r="GM30" s="427">
        <v>0</v>
      </c>
      <c r="GN30" s="427">
        <v>1432</v>
      </c>
      <c r="GO30" s="427">
        <v>98</v>
      </c>
      <c r="GP30" s="430">
        <v>1530</v>
      </c>
      <c r="GQ30" s="431">
        <v>1530</v>
      </c>
      <c r="GR30" s="426">
        <v>0</v>
      </c>
      <c r="GS30" s="427">
        <v>0</v>
      </c>
      <c r="GT30" s="428">
        <v>0</v>
      </c>
      <c r="GU30" s="429">
        <v>0</v>
      </c>
      <c r="GV30" s="427">
        <v>0</v>
      </c>
      <c r="GW30" s="427">
        <v>0</v>
      </c>
      <c r="GX30" s="427">
        <v>0</v>
      </c>
      <c r="GY30" s="427">
        <v>0</v>
      </c>
      <c r="GZ30" s="427">
        <v>0</v>
      </c>
      <c r="HA30" s="430">
        <v>0</v>
      </c>
      <c r="HB30" s="431">
        <v>0</v>
      </c>
      <c r="HC30" s="426">
        <v>0</v>
      </c>
      <c r="HD30" s="427">
        <v>0</v>
      </c>
      <c r="HE30" s="428">
        <v>0</v>
      </c>
      <c r="HF30" s="432"/>
      <c r="HG30" s="427">
        <v>0</v>
      </c>
      <c r="HH30" s="427">
        <v>0</v>
      </c>
      <c r="HI30" s="427">
        <v>0</v>
      </c>
      <c r="HJ30" s="427">
        <v>0</v>
      </c>
      <c r="HK30" s="427">
        <v>0</v>
      </c>
      <c r="HL30" s="430">
        <v>0</v>
      </c>
      <c r="HM30" s="431">
        <v>0</v>
      </c>
      <c r="HN30" s="426">
        <v>0</v>
      </c>
      <c r="HO30" s="427">
        <v>0</v>
      </c>
      <c r="HP30" s="428">
        <v>0</v>
      </c>
      <c r="HQ30" s="429">
        <v>0</v>
      </c>
      <c r="HR30" s="427">
        <v>128315</v>
      </c>
      <c r="HS30" s="427">
        <v>333028</v>
      </c>
      <c r="HT30" s="427">
        <v>1362822</v>
      </c>
      <c r="HU30" s="427">
        <v>1109914</v>
      </c>
      <c r="HV30" s="427">
        <v>746652</v>
      </c>
      <c r="HW30" s="430">
        <v>3680731</v>
      </c>
      <c r="HX30" s="431">
        <v>3680731</v>
      </c>
    </row>
    <row r="31" spans="1:232" ht="16.5" customHeight="1" x14ac:dyDescent="0.2">
      <c r="A31" s="208" t="s">
        <v>28</v>
      </c>
      <c r="B31" s="426">
        <v>0</v>
      </c>
      <c r="C31" s="427">
        <v>0</v>
      </c>
      <c r="D31" s="428">
        <v>0</v>
      </c>
      <c r="E31" s="429">
        <v>0</v>
      </c>
      <c r="F31" s="427">
        <v>0</v>
      </c>
      <c r="G31" s="427">
        <v>34800</v>
      </c>
      <c r="H31" s="427">
        <v>366548</v>
      </c>
      <c r="I31" s="427">
        <v>186060</v>
      </c>
      <c r="J31" s="427">
        <v>147840</v>
      </c>
      <c r="K31" s="430">
        <v>735248</v>
      </c>
      <c r="L31" s="431">
        <v>735248</v>
      </c>
      <c r="M31" s="426">
        <v>0</v>
      </c>
      <c r="N31" s="427">
        <v>0</v>
      </c>
      <c r="O31" s="428">
        <v>0</v>
      </c>
      <c r="P31" s="432"/>
      <c r="Q31" s="427">
        <v>0</v>
      </c>
      <c r="R31" s="427">
        <v>29700</v>
      </c>
      <c r="S31" s="427">
        <v>276594</v>
      </c>
      <c r="T31" s="427">
        <v>145010</v>
      </c>
      <c r="U31" s="427">
        <v>91200</v>
      </c>
      <c r="V31" s="430">
        <v>542504</v>
      </c>
      <c r="W31" s="431">
        <v>542504</v>
      </c>
      <c r="X31" s="426">
        <v>0</v>
      </c>
      <c r="Y31" s="427">
        <v>0</v>
      </c>
      <c r="Z31" s="428">
        <v>0</v>
      </c>
      <c r="AA31" s="432"/>
      <c r="AB31" s="427">
        <v>0</v>
      </c>
      <c r="AC31" s="427">
        <v>5100</v>
      </c>
      <c r="AD31" s="427">
        <v>58304</v>
      </c>
      <c r="AE31" s="427">
        <v>26400</v>
      </c>
      <c r="AF31" s="427">
        <v>55500</v>
      </c>
      <c r="AG31" s="430">
        <v>145304</v>
      </c>
      <c r="AH31" s="431">
        <v>145304</v>
      </c>
      <c r="AI31" s="426">
        <v>0</v>
      </c>
      <c r="AJ31" s="427">
        <v>0</v>
      </c>
      <c r="AK31" s="428">
        <v>0</v>
      </c>
      <c r="AL31" s="432"/>
      <c r="AM31" s="427">
        <v>0</v>
      </c>
      <c r="AN31" s="427">
        <v>0</v>
      </c>
      <c r="AO31" s="427">
        <v>0</v>
      </c>
      <c r="AP31" s="427">
        <v>0</v>
      </c>
      <c r="AQ31" s="427">
        <v>0</v>
      </c>
      <c r="AR31" s="430">
        <v>0</v>
      </c>
      <c r="AS31" s="431">
        <v>0</v>
      </c>
      <c r="AT31" s="426">
        <v>0</v>
      </c>
      <c r="AU31" s="427">
        <v>0</v>
      </c>
      <c r="AV31" s="428">
        <v>0</v>
      </c>
      <c r="AW31" s="432"/>
      <c r="AX31" s="427">
        <v>0</v>
      </c>
      <c r="AY31" s="427">
        <v>0</v>
      </c>
      <c r="AZ31" s="427">
        <v>0</v>
      </c>
      <c r="BA31" s="427">
        <v>0</v>
      </c>
      <c r="BB31" s="427">
        <v>0</v>
      </c>
      <c r="BC31" s="430">
        <v>0</v>
      </c>
      <c r="BD31" s="431">
        <v>0</v>
      </c>
      <c r="BE31" s="426">
        <v>0</v>
      </c>
      <c r="BF31" s="427">
        <v>0</v>
      </c>
      <c r="BG31" s="428">
        <v>0</v>
      </c>
      <c r="BH31" s="432"/>
      <c r="BI31" s="427">
        <v>0</v>
      </c>
      <c r="BJ31" s="427">
        <v>0</v>
      </c>
      <c r="BK31" s="427">
        <v>31650</v>
      </c>
      <c r="BL31" s="427">
        <v>0</v>
      </c>
      <c r="BM31" s="427">
        <v>0</v>
      </c>
      <c r="BN31" s="430">
        <v>31650</v>
      </c>
      <c r="BO31" s="431">
        <v>31650</v>
      </c>
      <c r="BP31" s="426">
        <v>0</v>
      </c>
      <c r="BQ31" s="427">
        <v>0</v>
      </c>
      <c r="BR31" s="428">
        <v>0</v>
      </c>
      <c r="BS31" s="429">
        <v>0</v>
      </c>
      <c r="BT31" s="427">
        <v>0</v>
      </c>
      <c r="BU31" s="427">
        <v>0</v>
      </c>
      <c r="BV31" s="427">
        <v>0</v>
      </c>
      <c r="BW31" s="427">
        <v>14650</v>
      </c>
      <c r="BX31" s="427">
        <v>0</v>
      </c>
      <c r="BY31" s="430">
        <v>14650</v>
      </c>
      <c r="BZ31" s="431">
        <v>14650</v>
      </c>
      <c r="CA31" s="426">
        <v>0</v>
      </c>
      <c r="CB31" s="427">
        <v>0</v>
      </c>
      <c r="CC31" s="428">
        <v>0</v>
      </c>
      <c r="CD31" s="429">
        <v>0</v>
      </c>
      <c r="CE31" s="427">
        <v>0</v>
      </c>
      <c r="CF31" s="427">
        <v>0</v>
      </c>
      <c r="CG31" s="427">
        <v>0</v>
      </c>
      <c r="CH31" s="427">
        <v>0</v>
      </c>
      <c r="CI31" s="427">
        <v>1140</v>
      </c>
      <c r="CJ31" s="430">
        <v>1140</v>
      </c>
      <c r="CK31" s="431">
        <v>1140</v>
      </c>
      <c r="CL31" s="426">
        <v>0</v>
      </c>
      <c r="CM31" s="427">
        <v>0</v>
      </c>
      <c r="CN31" s="428">
        <v>0</v>
      </c>
      <c r="CO31" s="429">
        <v>0</v>
      </c>
      <c r="CP31" s="427">
        <v>0</v>
      </c>
      <c r="CQ31" s="427">
        <v>0</v>
      </c>
      <c r="CR31" s="427">
        <v>0</v>
      </c>
      <c r="CS31" s="427">
        <v>0</v>
      </c>
      <c r="CT31" s="427">
        <v>0</v>
      </c>
      <c r="CU31" s="430">
        <v>0</v>
      </c>
      <c r="CV31" s="431">
        <v>0</v>
      </c>
      <c r="CW31" s="426">
        <v>0</v>
      </c>
      <c r="CX31" s="427">
        <v>0</v>
      </c>
      <c r="CY31" s="428">
        <v>0</v>
      </c>
      <c r="CZ31" s="432"/>
      <c r="DA31" s="427">
        <v>0</v>
      </c>
      <c r="DB31" s="427">
        <v>0</v>
      </c>
      <c r="DC31" s="427">
        <v>0</v>
      </c>
      <c r="DD31" s="427">
        <v>0</v>
      </c>
      <c r="DE31" s="427">
        <v>0</v>
      </c>
      <c r="DF31" s="430">
        <v>0</v>
      </c>
      <c r="DG31" s="431">
        <v>0</v>
      </c>
      <c r="DH31" s="426">
        <v>0</v>
      </c>
      <c r="DI31" s="427">
        <v>0</v>
      </c>
      <c r="DJ31" s="428">
        <v>0</v>
      </c>
      <c r="DK31" s="429">
        <v>0</v>
      </c>
      <c r="DL31" s="427">
        <v>0</v>
      </c>
      <c r="DM31" s="427">
        <v>45720</v>
      </c>
      <c r="DN31" s="427">
        <v>273544</v>
      </c>
      <c r="DO31" s="427">
        <v>207850</v>
      </c>
      <c r="DP31" s="427">
        <v>80994</v>
      </c>
      <c r="DQ31" s="430">
        <v>608108</v>
      </c>
      <c r="DR31" s="433">
        <v>608108</v>
      </c>
      <c r="DS31" s="426">
        <v>0</v>
      </c>
      <c r="DT31" s="427">
        <v>0</v>
      </c>
      <c r="DU31" s="428">
        <v>0</v>
      </c>
      <c r="DV31" s="432"/>
      <c r="DW31" s="427">
        <v>0</v>
      </c>
      <c r="DX31" s="427">
        <v>14100</v>
      </c>
      <c r="DY31" s="427">
        <v>237572</v>
      </c>
      <c r="DZ31" s="427">
        <v>167810</v>
      </c>
      <c r="EA31" s="427">
        <v>79500</v>
      </c>
      <c r="EB31" s="430">
        <v>498982</v>
      </c>
      <c r="EC31" s="431">
        <v>498982</v>
      </c>
      <c r="ED31" s="426">
        <v>0</v>
      </c>
      <c r="EE31" s="427">
        <v>0</v>
      </c>
      <c r="EF31" s="428">
        <v>0</v>
      </c>
      <c r="EG31" s="432"/>
      <c r="EH31" s="427">
        <v>0</v>
      </c>
      <c r="EI31" s="427">
        <v>31620</v>
      </c>
      <c r="EJ31" s="427">
        <v>392</v>
      </c>
      <c r="EK31" s="427">
        <v>21480</v>
      </c>
      <c r="EL31" s="427">
        <v>420</v>
      </c>
      <c r="EM31" s="430">
        <v>53912</v>
      </c>
      <c r="EN31" s="431">
        <v>53912</v>
      </c>
      <c r="EO31" s="426">
        <v>0</v>
      </c>
      <c r="EP31" s="427">
        <v>0</v>
      </c>
      <c r="EQ31" s="428">
        <v>0</v>
      </c>
      <c r="ER31" s="432">
        <v>0</v>
      </c>
      <c r="ES31" s="427">
        <v>0</v>
      </c>
      <c r="ET31" s="427">
        <v>0</v>
      </c>
      <c r="EU31" s="427">
        <v>0</v>
      </c>
      <c r="EV31" s="427">
        <v>0</v>
      </c>
      <c r="EW31" s="427">
        <v>0</v>
      </c>
      <c r="EX31" s="430">
        <v>0</v>
      </c>
      <c r="EY31" s="431">
        <v>0</v>
      </c>
      <c r="EZ31" s="426">
        <v>0</v>
      </c>
      <c r="FA31" s="427">
        <v>0</v>
      </c>
      <c r="FB31" s="428">
        <v>0</v>
      </c>
      <c r="FC31" s="432"/>
      <c r="FD31" s="427">
        <v>0</v>
      </c>
      <c r="FE31" s="427">
        <v>0</v>
      </c>
      <c r="FF31" s="427">
        <v>0</v>
      </c>
      <c r="FG31" s="427">
        <v>0</v>
      </c>
      <c r="FH31" s="427">
        <v>0</v>
      </c>
      <c r="FI31" s="430">
        <v>0</v>
      </c>
      <c r="FJ31" s="431">
        <v>0</v>
      </c>
      <c r="FK31" s="426">
        <v>0</v>
      </c>
      <c r="FL31" s="427">
        <v>0</v>
      </c>
      <c r="FM31" s="428">
        <v>0</v>
      </c>
      <c r="FN31" s="432">
        <v>0</v>
      </c>
      <c r="FO31" s="427">
        <v>0</v>
      </c>
      <c r="FP31" s="427">
        <v>0</v>
      </c>
      <c r="FQ31" s="427">
        <v>35580</v>
      </c>
      <c r="FR31" s="427">
        <v>0</v>
      </c>
      <c r="FS31" s="427">
        <v>0</v>
      </c>
      <c r="FT31" s="430">
        <v>35580</v>
      </c>
      <c r="FU31" s="431">
        <v>35580</v>
      </c>
      <c r="FV31" s="426">
        <v>0</v>
      </c>
      <c r="FW31" s="427">
        <v>0</v>
      </c>
      <c r="FX31" s="428">
        <v>0</v>
      </c>
      <c r="FY31" s="429">
        <v>0</v>
      </c>
      <c r="FZ31" s="427">
        <v>0</v>
      </c>
      <c r="GA31" s="427">
        <v>0</v>
      </c>
      <c r="GB31" s="427">
        <v>0</v>
      </c>
      <c r="GC31" s="427">
        <v>18560</v>
      </c>
      <c r="GD31" s="427">
        <v>0</v>
      </c>
      <c r="GE31" s="430">
        <v>18560</v>
      </c>
      <c r="GF31" s="431">
        <v>18560</v>
      </c>
      <c r="GG31" s="426">
        <v>0</v>
      </c>
      <c r="GH31" s="427">
        <v>0</v>
      </c>
      <c r="GI31" s="428">
        <v>0</v>
      </c>
      <c r="GJ31" s="429">
        <v>0</v>
      </c>
      <c r="GK31" s="427">
        <v>0</v>
      </c>
      <c r="GL31" s="427">
        <v>0</v>
      </c>
      <c r="GM31" s="427">
        <v>0</v>
      </c>
      <c r="GN31" s="427">
        <v>0</v>
      </c>
      <c r="GO31" s="427">
        <v>1074</v>
      </c>
      <c r="GP31" s="430">
        <v>1074</v>
      </c>
      <c r="GQ31" s="431">
        <v>1074</v>
      </c>
      <c r="GR31" s="426">
        <v>0</v>
      </c>
      <c r="GS31" s="427">
        <v>0</v>
      </c>
      <c r="GT31" s="428">
        <v>0</v>
      </c>
      <c r="GU31" s="429">
        <v>0</v>
      </c>
      <c r="GV31" s="427">
        <v>0</v>
      </c>
      <c r="GW31" s="427">
        <v>0</v>
      </c>
      <c r="GX31" s="427">
        <v>0</v>
      </c>
      <c r="GY31" s="427">
        <v>0</v>
      </c>
      <c r="GZ31" s="427">
        <v>0</v>
      </c>
      <c r="HA31" s="430">
        <v>0</v>
      </c>
      <c r="HB31" s="431">
        <v>0</v>
      </c>
      <c r="HC31" s="426">
        <v>0</v>
      </c>
      <c r="HD31" s="427">
        <v>0</v>
      </c>
      <c r="HE31" s="428">
        <v>0</v>
      </c>
      <c r="HF31" s="432"/>
      <c r="HG31" s="427">
        <v>0</v>
      </c>
      <c r="HH31" s="427">
        <v>0</v>
      </c>
      <c r="HI31" s="427">
        <v>0</v>
      </c>
      <c r="HJ31" s="427">
        <v>0</v>
      </c>
      <c r="HK31" s="427">
        <v>0</v>
      </c>
      <c r="HL31" s="430">
        <v>0</v>
      </c>
      <c r="HM31" s="431">
        <v>0</v>
      </c>
      <c r="HN31" s="426">
        <v>0</v>
      </c>
      <c r="HO31" s="427">
        <v>0</v>
      </c>
      <c r="HP31" s="428">
        <v>0</v>
      </c>
      <c r="HQ31" s="429">
        <v>0</v>
      </c>
      <c r="HR31" s="427">
        <v>0</v>
      </c>
      <c r="HS31" s="427">
        <v>80520</v>
      </c>
      <c r="HT31" s="427">
        <v>640092</v>
      </c>
      <c r="HU31" s="427">
        <v>393910</v>
      </c>
      <c r="HV31" s="427">
        <v>228834</v>
      </c>
      <c r="HW31" s="430">
        <v>1343356</v>
      </c>
      <c r="HX31" s="431">
        <v>1343356</v>
      </c>
    </row>
    <row r="32" spans="1:232" ht="16.5" customHeight="1" x14ac:dyDescent="0.2">
      <c r="A32" s="208" t="s">
        <v>29</v>
      </c>
      <c r="B32" s="426">
        <v>0</v>
      </c>
      <c r="C32" s="427">
        <v>0</v>
      </c>
      <c r="D32" s="428">
        <v>0</v>
      </c>
      <c r="E32" s="429">
        <v>0</v>
      </c>
      <c r="F32" s="427">
        <v>11215</v>
      </c>
      <c r="G32" s="427">
        <v>131560</v>
      </c>
      <c r="H32" s="427">
        <v>207051</v>
      </c>
      <c r="I32" s="427">
        <v>405180</v>
      </c>
      <c r="J32" s="427">
        <v>275160</v>
      </c>
      <c r="K32" s="430">
        <v>1030166</v>
      </c>
      <c r="L32" s="431">
        <v>1030166</v>
      </c>
      <c r="M32" s="426">
        <v>0</v>
      </c>
      <c r="N32" s="427">
        <v>0</v>
      </c>
      <c r="O32" s="428">
        <v>0</v>
      </c>
      <c r="P32" s="432"/>
      <c r="Q32" s="427">
        <v>0</v>
      </c>
      <c r="R32" s="427">
        <v>0</v>
      </c>
      <c r="S32" s="427">
        <v>167034</v>
      </c>
      <c r="T32" s="427">
        <v>334950</v>
      </c>
      <c r="U32" s="427">
        <v>185400</v>
      </c>
      <c r="V32" s="430">
        <v>687384</v>
      </c>
      <c r="W32" s="431">
        <v>687384</v>
      </c>
      <c r="X32" s="426">
        <v>0</v>
      </c>
      <c r="Y32" s="427">
        <v>0</v>
      </c>
      <c r="Z32" s="428">
        <v>0</v>
      </c>
      <c r="AA32" s="432"/>
      <c r="AB32" s="427">
        <v>2550</v>
      </c>
      <c r="AC32" s="427">
        <v>111425</v>
      </c>
      <c r="AD32" s="427">
        <v>0</v>
      </c>
      <c r="AE32" s="427">
        <v>74100</v>
      </c>
      <c r="AF32" s="427">
        <v>55500</v>
      </c>
      <c r="AG32" s="430">
        <v>243575</v>
      </c>
      <c r="AH32" s="431">
        <v>243575</v>
      </c>
      <c r="AI32" s="426">
        <v>0</v>
      </c>
      <c r="AJ32" s="427">
        <v>0</v>
      </c>
      <c r="AK32" s="428">
        <v>0</v>
      </c>
      <c r="AL32" s="432"/>
      <c r="AM32" s="427">
        <v>0</v>
      </c>
      <c r="AN32" s="427">
        <v>0</v>
      </c>
      <c r="AO32" s="427">
        <v>0</v>
      </c>
      <c r="AP32" s="427">
        <v>0</v>
      </c>
      <c r="AQ32" s="427">
        <v>0</v>
      </c>
      <c r="AR32" s="430">
        <v>0</v>
      </c>
      <c r="AS32" s="431">
        <v>0</v>
      </c>
      <c r="AT32" s="426">
        <v>0</v>
      </c>
      <c r="AU32" s="427">
        <v>0</v>
      </c>
      <c r="AV32" s="428">
        <v>0</v>
      </c>
      <c r="AW32" s="432"/>
      <c r="AX32" s="427">
        <v>0</v>
      </c>
      <c r="AY32" s="427">
        <v>0</v>
      </c>
      <c r="AZ32" s="427">
        <v>0</v>
      </c>
      <c r="BA32" s="427">
        <v>0</v>
      </c>
      <c r="BB32" s="427">
        <v>0</v>
      </c>
      <c r="BC32" s="430">
        <v>0</v>
      </c>
      <c r="BD32" s="431">
        <v>0</v>
      </c>
      <c r="BE32" s="426">
        <v>0</v>
      </c>
      <c r="BF32" s="427">
        <v>0</v>
      </c>
      <c r="BG32" s="428">
        <v>0</v>
      </c>
      <c r="BH32" s="432"/>
      <c r="BI32" s="427">
        <v>0</v>
      </c>
      <c r="BJ32" s="427">
        <v>0</v>
      </c>
      <c r="BK32" s="427">
        <v>5100</v>
      </c>
      <c r="BL32" s="427">
        <v>0</v>
      </c>
      <c r="BM32" s="427">
        <v>31650</v>
      </c>
      <c r="BN32" s="430">
        <v>36750</v>
      </c>
      <c r="BO32" s="431">
        <v>36750</v>
      </c>
      <c r="BP32" s="426">
        <v>0</v>
      </c>
      <c r="BQ32" s="427">
        <v>0</v>
      </c>
      <c r="BR32" s="428">
        <v>0</v>
      </c>
      <c r="BS32" s="429">
        <v>0</v>
      </c>
      <c r="BT32" s="427">
        <v>6325</v>
      </c>
      <c r="BU32" s="427">
        <v>15535</v>
      </c>
      <c r="BV32" s="427">
        <v>34772</v>
      </c>
      <c r="BW32" s="427">
        <v>-3870</v>
      </c>
      <c r="BX32" s="427">
        <v>2610</v>
      </c>
      <c r="BY32" s="430">
        <v>55372</v>
      </c>
      <c r="BZ32" s="431">
        <v>55372</v>
      </c>
      <c r="CA32" s="426">
        <v>0</v>
      </c>
      <c r="CB32" s="427">
        <v>0</v>
      </c>
      <c r="CC32" s="428">
        <v>0</v>
      </c>
      <c r="CD32" s="429">
        <v>0</v>
      </c>
      <c r="CE32" s="427">
        <v>2340</v>
      </c>
      <c r="CF32" s="427">
        <v>4600</v>
      </c>
      <c r="CG32" s="427">
        <v>145</v>
      </c>
      <c r="CH32" s="427">
        <v>0</v>
      </c>
      <c r="CI32" s="427">
        <v>0</v>
      </c>
      <c r="CJ32" s="430">
        <v>7085</v>
      </c>
      <c r="CK32" s="431">
        <v>7085</v>
      </c>
      <c r="CL32" s="426">
        <v>0</v>
      </c>
      <c r="CM32" s="427">
        <v>0</v>
      </c>
      <c r="CN32" s="428">
        <v>0</v>
      </c>
      <c r="CO32" s="429">
        <v>0</v>
      </c>
      <c r="CP32" s="427">
        <v>0</v>
      </c>
      <c r="CQ32" s="427">
        <v>0</v>
      </c>
      <c r="CR32" s="427">
        <v>0</v>
      </c>
      <c r="CS32" s="427">
        <v>0</v>
      </c>
      <c r="CT32" s="427">
        <v>0</v>
      </c>
      <c r="CU32" s="430">
        <v>0</v>
      </c>
      <c r="CV32" s="431">
        <v>0</v>
      </c>
      <c r="CW32" s="426">
        <v>0</v>
      </c>
      <c r="CX32" s="427">
        <v>0</v>
      </c>
      <c r="CY32" s="428">
        <v>0</v>
      </c>
      <c r="CZ32" s="432"/>
      <c r="DA32" s="427">
        <v>0</v>
      </c>
      <c r="DB32" s="427">
        <v>0</v>
      </c>
      <c r="DC32" s="427">
        <v>0</v>
      </c>
      <c r="DD32" s="427">
        <v>0</v>
      </c>
      <c r="DE32" s="427">
        <v>0</v>
      </c>
      <c r="DF32" s="430">
        <v>0</v>
      </c>
      <c r="DG32" s="431">
        <v>0</v>
      </c>
      <c r="DH32" s="426">
        <v>0</v>
      </c>
      <c r="DI32" s="427">
        <v>0</v>
      </c>
      <c r="DJ32" s="428">
        <v>0</v>
      </c>
      <c r="DK32" s="429">
        <v>0</v>
      </c>
      <c r="DL32" s="427">
        <v>4596</v>
      </c>
      <c r="DM32" s="427">
        <v>63889</v>
      </c>
      <c r="DN32" s="427">
        <v>246836</v>
      </c>
      <c r="DO32" s="427">
        <v>301156</v>
      </c>
      <c r="DP32" s="427">
        <v>176871</v>
      </c>
      <c r="DQ32" s="430">
        <v>793348</v>
      </c>
      <c r="DR32" s="433">
        <v>793348</v>
      </c>
      <c r="DS32" s="426">
        <v>0</v>
      </c>
      <c r="DT32" s="427">
        <v>0</v>
      </c>
      <c r="DU32" s="428">
        <v>0</v>
      </c>
      <c r="DV32" s="432"/>
      <c r="DW32" s="427">
        <v>0</v>
      </c>
      <c r="DX32" s="427">
        <v>0</v>
      </c>
      <c r="DY32" s="427">
        <v>175902</v>
      </c>
      <c r="DZ32" s="427">
        <v>303720</v>
      </c>
      <c r="EA32" s="427">
        <v>133530</v>
      </c>
      <c r="EB32" s="430">
        <v>613152</v>
      </c>
      <c r="EC32" s="431">
        <v>613152</v>
      </c>
      <c r="ED32" s="426">
        <v>0</v>
      </c>
      <c r="EE32" s="427">
        <v>0</v>
      </c>
      <c r="EF32" s="428">
        <v>0</v>
      </c>
      <c r="EG32" s="432"/>
      <c r="EH32" s="427">
        <v>210</v>
      </c>
      <c r="EI32" s="427">
        <v>46535</v>
      </c>
      <c r="EJ32" s="427">
        <v>0</v>
      </c>
      <c r="EK32" s="427">
        <v>840</v>
      </c>
      <c r="EL32" s="427">
        <v>390</v>
      </c>
      <c r="EM32" s="430">
        <v>47975</v>
      </c>
      <c r="EN32" s="431">
        <v>47975</v>
      </c>
      <c r="EO32" s="426">
        <v>0</v>
      </c>
      <c r="EP32" s="427">
        <v>0</v>
      </c>
      <c r="EQ32" s="428">
        <v>0</v>
      </c>
      <c r="ER32" s="432">
        <v>0</v>
      </c>
      <c r="ES32" s="427">
        <v>0</v>
      </c>
      <c r="ET32" s="427">
        <v>0</v>
      </c>
      <c r="EU32" s="427">
        <v>0</v>
      </c>
      <c r="EV32" s="427">
        <v>0</v>
      </c>
      <c r="EW32" s="427">
        <v>0</v>
      </c>
      <c r="EX32" s="430">
        <v>0</v>
      </c>
      <c r="EY32" s="431">
        <v>0</v>
      </c>
      <c r="EZ32" s="426">
        <v>0</v>
      </c>
      <c r="FA32" s="427">
        <v>0</v>
      </c>
      <c r="FB32" s="428">
        <v>0</v>
      </c>
      <c r="FC32" s="432"/>
      <c r="FD32" s="427">
        <v>0</v>
      </c>
      <c r="FE32" s="427">
        <v>0</v>
      </c>
      <c r="FF32" s="427">
        <v>0</v>
      </c>
      <c r="FG32" s="427">
        <v>0</v>
      </c>
      <c r="FH32" s="427">
        <v>0</v>
      </c>
      <c r="FI32" s="430">
        <v>0</v>
      </c>
      <c r="FJ32" s="431">
        <v>0</v>
      </c>
      <c r="FK32" s="426">
        <v>0</v>
      </c>
      <c r="FL32" s="427">
        <v>0</v>
      </c>
      <c r="FM32" s="428">
        <v>0</v>
      </c>
      <c r="FN32" s="432">
        <v>0</v>
      </c>
      <c r="FO32" s="427">
        <v>0</v>
      </c>
      <c r="FP32" s="427">
        <v>0</v>
      </c>
      <c r="FQ32" s="427">
        <v>41760</v>
      </c>
      <c r="FR32" s="427">
        <v>0</v>
      </c>
      <c r="FS32" s="427">
        <v>35580</v>
      </c>
      <c r="FT32" s="430">
        <v>77340</v>
      </c>
      <c r="FU32" s="431">
        <v>77340</v>
      </c>
      <c r="FV32" s="426">
        <v>0</v>
      </c>
      <c r="FW32" s="427">
        <v>0</v>
      </c>
      <c r="FX32" s="428">
        <v>0</v>
      </c>
      <c r="FY32" s="429">
        <v>0</v>
      </c>
      <c r="FZ32" s="427">
        <v>4365</v>
      </c>
      <c r="GA32" s="427">
        <v>15852</v>
      </c>
      <c r="GB32" s="427">
        <v>29160</v>
      </c>
      <c r="GC32" s="427">
        <v>-3404</v>
      </c>
      <c r="GD32" s="427">
        <v>7371</v>
      </c>
      <c r="GE32" s="430">
        <v>53344</v>
      </c>
      <c r="GF32" s="431">
        <v>53344</v>
      </c>
      <c r="GG32" s="426">
        <v>0</v>
      </c>
      <c r="GH32" s="427">
        <v>0</v>
      </c>
      <c r="GI32" s="428">
        <v>0</v>
      </c>
      <c r="GJ32" s="429">
        <v>0</v>
      </c>
      <c r="GK32" s="427">
        <v>21</v>
      </c>
      <c r="GL32" s="427">
        <v>1502</v>
      </c>
      <c r="GM32" s="427">
        <v>14</v>
      </c>
      <c r="GN32" s="427">
        <v>0</v>
      </c>
      <c r="GO32" s="427">
        <v>0</v>
      </c>
      <c r="GP32" s="430">
        <v>1537</v>
      </c>
      <c r="GQ32" s="431">
        <v>1537</v>
      </c>
      <c r="GR32" s="426">
        <v>0</v>
      </c>
      <c r="GS32" s="427">
        <v>0</v>
      </c>
      <c r="GT32" s="428">
        <v>0</v>
      </c>
      <c r="GU32" s="429">
        <v>0</v>
      </c>
      <c r="GV32" s="427">
        <v>0</v>
      </c>
      <c r="GW32" s="427">
        <v>0</v>
      </c>
      <c r="GX32" s="427">
        <v>0</v>
      </c>
      <c r="GY32" s="427">
        <v>0</v>
      </c>
      <c r="GZ32" s="427">
        <v>0</v>
      </c>
      <c r="HA32" s="430">
        <v>0</v>
      </c>
      <c r="HB32" s="431">
        <v>0</v>
      </c>
      <c r="HC32" s="426">
        <v>0</v>
      </c>
      <c r="HD32" s="427">
        <v>0</v>
      </c>
      <c r="HE32" s="428">
        <v>0</v>
      </c>
      <c r="HF32" s="432"/>
      <c r="HG32" s="427">
        <v>0</v>
      </c>
      <c r="HH32" s="427">
        <v>0</v>
      </c>
      <c r="HI32" s="427">
        <v>0</v>
      </c>
      <c r="HJ32" s="427">
        <v>0</v>
      </c>
      <c r="HK32" s="427">
        <v>0</v>
      </c>
      <c r="HL32" s="430">
        <v>0</v>
      </c>
      <c r="HM32" s="431">
        <v>0</v>
      </c>
      <c r="HN32" s="426">
        <v>0</v>
      </c>
      <c r="HO32" s="427">
        <v>0</v>
      </c>
      <c r="HP32" s="428">
        <v>0</v>
      </c>
      <c r="HQ32" s="429">
        <v>0</v>
      </c>
      <c r="HR32" s="427">
        <v>15811</v>
      </c>
      <c r="HS32" s="427">
        <v>195449</v>
      </c>
      <c r="HT32" s="427">
        <v>453887</v>
      </c>
      <c r="HU32" s="427">
        <v>706336</v>
      </c>
      <c r="HV32" s="427">
        <v>452031</v>
      </c>
      <c r="HW32" s="430">
        <v>1823514</v>
      </c>
      <c r="HX32" s="431">
        <v>1823514</v>
      </c>
    </row>
    <row r="33" spans="1:232" ht="16.5" customHeight="1" x14ac:dyDescent="0.2">
      <c r="A33" s="208" t="s">
        <v>30</v>
      </c>
      <c r="B33" s="426">
        <v>0</v>
      </c>
      <c r="C33" s="427">
        <v>0</v>
      </c>
      <c r="D33" s="428">
        <v>0</v>
      </c>
      <c r="E33" s="429">
        <v>0</v>
      </c>
      <c r="F33" s="427">
        <v>26185</v>
      </c>
      <c r="G33" s="427">
        <v>59990</v>
      </c>
      <c r="H33" s="427">
        <v>322885</v>
      </c>
      <c r="I33" s="427">
        <v>425325</v>
      </c>
      <c r="J33" s="427">
        <v>199660</v>
      </c>
      <c r="K33" s="430">
        <v>1034045</v>
      </c>
      <c r="L33" s="431">
        <v>1034045</v>
      </c>
      <c r="M33" s="426">
        <v>0</v>
      </c>
      <c r="N33" s="427">
        <v>0</v>
      </c>
      <c r="O33" s="428">
        <v>0</v>
      </c>
      <c r="P33" s="432"/>
      <c r="Q33" s="427">
        <v>2550</v>
      </c>
      <c r="R33" s="427">
        <v>26400</v>
      </c>
      <c r="S33" s="427">
        <v>256745</v>
      </c>
      <c r="T33" s="427">
        <v>204000</v>
      </c>
      <c r="U33" s="427">
        <v>227265</v>
      </c>
      <c r="V33" s="430">
        <v>716960</v>
      </c>
      <c r="W33" s="431">
        <v>716960</v>
      </c>
      <c r="X33" s="426">
        <v>0</v>
      </c>
      <c r="Y33" s="427">
        <v>0</v>
      </c>
      <c r="Z33" s="428">
        <v>0</v>
      </c>
      <c r="AA33" s="432"/>
      <c r="AB33" s="427">
        <v>20835</v>
      </c>
      <c r="AC33" s="427">
        <v>28950</v>
      </c>
      <c r="AD33" s="427">
        <v>65850</v>
      </c>
      <c r="AE33" s="427">
        <v>221325</v>
      </c>
      <c r="AF33" s="427">
        <v>-27605</v>
      </c>
      <c r="AG33" s="430">
        <v>309355</v>
      </c>
      <c r="AH33" s="431">
        <v>309355</v>
      </c>
      <c r="AI33" s="426">
        <v>0</v>
      </c>
      <c r="AJ33" s="427">
        <v>0</v>
      </c>
      <c r="AK33" s="428">
        <v>0</v>
      </c>
      <c r="AL33" s="432"/>
      <c r="AM33" s="427">
        <v>0</v>
      </c>
      <c r="AN33" s="427">
        <v>0</v>
      </c>
      <c r="AO33" s="427">
        <v>0</v>
      </c>
      <c r="AP33" s="427">
        <v>0</v>
      </c>
      <c r="AQ33" s="427">
        <v>0</v>
      </c>
      <c r="AR33" s="430">
        <v>0</v>
      </c>
      <c r="AS33" s="431">
        <v>0</v>
      </c>
      <c r="AT33" s="426">
        <v>0</v>
      </c>
      <c r="AU33" s="427">
        <v>0</v>
      </c>
      <c r="AV33" s="428">
        <v>0</v>
      </c>
      <c r="AW33" s="432"/>
      <c r="AX33" s="427">
        <v>0</v>
      </c>
      <c r="AY33" s="427">
        <v>0</v>
      </c>
      <c r="AZ33" s="427">
        <v>0</v>
      </c>
      <c r="BA33" s="427">
        <v>0</v>
      </c>
      <c r="BB33" s="427">
        <v>0</v>
      </c>
      <c r="BC33" s="430">
        <v>0</v>
      </c>
      <c r="BD33" s="431">
        <v>0</v>
      </c>
      <c r="BE33" s="426">
        <v>0</v>
      </c>
      <c r="BF33" s="427">
        <v>0</v>
      </c>
      <c r="BG33" s="428">
        <v>0</v>
      </c>
      <c r="BH33" s="432"/>
      <c r="BI33" s="427">
        <v>0</v>
      </c>
      <c r="BJ33" s="427">
        <v>0</v>
      </c>
      <c r="BK33" s="427">
        <v>0</v>
      </c>
      <c r="BL33" s="427">
        <v>0</v>
      </c>
      <c r="BM33" s="427">
        <v>0</v>
      </c>
      <c r="BN33" s="430">
        <v>0</v>
      </c>
      <c r="BO33" s="431">
        <v>0</v>
      </c>
      <c r="BP33" s="426">
        <v>0</v>
      </c>
      <c r="BQ33" s="427">
        <v>0</v>
      </c>
      <c r="BR33" s="428">
        <v>0</v>
      </c>
      <c r="BS33" s="429">
        <v>0</v>
      </c>
      <c r="BT33" s="427">
        <v>1910</v>
      </c>
      <c r="BU33" s="427">
        <v>4640</v>
      </c>
      <c r="BV33" s="427">
        <v>290</v>
      </c>
      <c r="BW33" s="427">
        <v>0</v>
      </c>
      <c r="BX33" s="427">
        <v>0</v>
      </c>
      <c r="BY33" s="430">
        <v>6840</v>
      </c>
      <c r="BZ33" s="431">
        <v>6840</v>
      </c>
      <c r="CA33" s="426">
        <v>0</v>
      </c>
      <c r="CB33" s="427">
        <v>0</v>
      </c>
      <c r="CC33" s="428">
        <v>0</v>
      </c>
      <c r="CD33" s="429">
        <v>0</v>
      </c>
      <c r="CE33" s="427">
        <v>890</v>
      </c>
      <c r="CF33" s="427">
        <v>0</v>
      </c>
      <c r="CG33" s="427">
        <v>0</v>
      </c>
      <c r="CH33" s="427">
        <v>0</v>
      </c>
      <c r="CI33" s="427">
        <v>0</v>
      </c>
      <c r="CJ33" s="430">
        <v>890</v>
      </c>
      <c r="CK33" s="431">
        <v>890</v>
      </c>
      <c r="CL33" s="426">
        <v>0</v>
      </c>
      <c r="CM33" s="427">
        <v>0</v>
      </c>
      <c r="CN33" s="428">
        <v>0</v>
      </c>
      <c r="CO33" s="429">
        <v>0</v>
      </c>
      <c r="CP33" s="427">
        <v>0</v>
      </c>
      <c r="CQ33" s="427">
        <v>0</v>
      </c>
      <c r="CR33" s="427">
        <v>0</v>
      </c>
      <c r="CS33" s="427">
        <v>0</v>
      </c>
      <c r="CT33" s="427">
        <v>0</v>
      </c>
      <c r="CU33" s="430">
        <v>0</v>
      </c>
      <c r="CV33" s="431">
        <v>0</v>
      </c>
      <c r="CW33" s="426">
        <v>0</v>
      </c>
      <c r="CX33" s="427">
        <v>0</v>
      </c>
      <c r="CY33" s="428">
        <v>0</v>
      </c>
      <c r="CZ33" s="432"/>
      <c r="DA33" s="427">
        <v>0</v>
      </c>
      <c r="DB33" s="427">
        <v>0</v>
      </c>
      <c r="DC33" s="427">
        <v>0</v>
      </c>
      <c r="DD33" s="427">
        <v>0</v>
      </c>
      <c r="DE33" s="427">
        <v>0</v>
      </c>
      <c r="DF33" s="430">
        <v>0</v>
      </c>
      <c r="DG33" s="431">
        <v>0</v>
      </c>
      <c r="DH33" s="426">
        <v>0</v>
      </c>
      <c r="DI33" s="427">
        <v>0</v>
      </c>
      <c r="DJ33" s="428">
        <v>0</v>
      </c>
      <c r="DK33" s="429">
        <v>0</v>
      </c>
      <c r="DL33" s="427">
        <v>26670</v>
      </c>
      <c r="DM33" s="427">
        <v>72174</v>
      </c>
      <c r="DN33" s="427">
        <v>388500</v>
      </c>
      <c r="DO33" s="427">
        <v>271556</v>
      </c>
      <c r="DP33" s="427">
        <v>256243</v>
      </c>
      <c r="DQ33" s="430">
        <v>1015143</v>
      </c>
      <c r="DR33" s="433">
        <v>1015143</v>
      </c>
      <c r="DS33" s="426">
        <v>0</v>
      </c>
      <c r="DT33" s="427">
        <v>0</v>
      </c>
      <c r="DU33" s="428">
        <v>0</v>
      </c>
      <c r="DV33" s="432"/>
      <c r="DW33" s="427">
        <v>20880</v>
      </c>
      <c r="DX33" s="427">
        <v>35430</v>
      </c>
      <c r="DY33" s="427">
        <v>340755</v>
      </c>
      <c r="DZ33" s="427">
        <v>257910</v>
      </c>
      <c r="EA33" s="427">
        <v>210380</v>
      </c>
      <c r="EB33" s="430">
        <v>865355</v>
      </c>
      <c r="EC33" s="431">
        <v>865355</v>
      </c>
      <c r="ED33" s="426">
        <v>0</v>
      </c>
      <c r="EE33" s="427">
        <v>0</v>
      </c>
      <c r="EF33" s="428">
        <v>0</v>
      </c>
      <c r="EG33" s="432"/>
      <c r="EH33" s="427">
        <v>371</v>
      </c>
      <c r="EI33" s="427">
        <v>21300</v>
      </c>
      <c r="EJ33" s="427">
        <v>46290</v>
      </c>
      <c r="EK33" s="427">
        <v>13295</v>
      </c>
      <c r="EL33" s="427">
        <v>45863</v>
      </c>
      <c r="EM33" s="430">
        <v>127119</v>
      </c>
      <c r="EN33" s="431">
        <v>127119</v>
      </c>
      <c r="EO33" s="426">
        <v>0</v>
      </c>
      <c r="EP33" s="427">
        <v>0</v>
      </c>
      <c r="EQ33" s="428">
        <v>0</v>
      </c>
      <c r="ER33" s="432">
        <v>0</v>
      </c>
      <c r="ES33" s="427">
        <v>0</v>
      </c>
      <c r="ET33" s="427">
        <v>0</v>
      </c>
      <c r="EU33" s="427">
        <v>0</v>
      </c>
      <c r="EV33" s="427">
        <v>0</v>
      </c>
      <c r="EW33" s="427">
        <v>0</v>
      </c>
      <c r="EX33" s="430">
        <v>0</v>
      </c>
      <c r="EY33" s="431">
        <v>0</v>
      </c>
      <c r="EZ33" s="426">
        <v>0</v>
      </c>
      <c r="FA33" s="427">
        <v>0</v>
      </c>
      <c r="FB33" s="428">
        <v>0</v>
      </c>
      <c r="FC33" s="432"/>
      <c r="FD33" s="427">
        <v>0</v>
      </c>
      <c r="FE33" s="427">
        <v>0</v>
      </c>
      <c r="FF33" s="427">
        <v>0</v>
      </c>
      <c r="FG33" s="427">
        <v>0</v>
      </c>
      <c r="FH33" s="427">
        <v>0</v>
      </c>
      <c r="FI33" s="430">
        <v>0</v>
      </c>
      <c r="FJ33" s="431">
        <v>0</v>
      </c>
      <c r="FK33" s="426">
        <v>0</v>
      </c>
      <c r="FL33" s="427">
        <v>0</v>
      </c>
      <c r="FM33" s="428">
        <v>0</v>
      </c>
      <c r="FN33" s="432">
        <v>0</v>
      </c>
      <c r="FO33" s="427">
        <v>0</v>
      </c>
      <c r="FP33" s="427">
        <v>0</v>
      </c>
      <c r="FQ33" s="427">
        <v>0</v>
      </c>
      <c r="FR33" s="427">
        <v>0</v>
      </c>
      <c r="FS33" s="427">
        <v>0</v>
      </c>
      <c r="FT33" s="430">
        <v>0</v>
      </c>
      <c r="FU33" s="431">
        <v>0</v>
      </c>
      <c r="FV33" s="426">
        <v>0</v>
      </c>
      <c r="FW33" s="427">
        <v>0</v>
      </c>
      <c r="FX33" s="428">
        <v>0</v>
      </c>
      <c r="FY33" s="429">
        <v>0</v>
      </c>
      <c r="FZ33" s="427">
        <v>5398</v>
      </c>
      <c r="GA33" s="427">
        <v>15444</v>
      </c>
      <c r="GB33" s="427">
        <v>1455</v>
      </c>
      <c r="GC33" s="427">
        <v>351</v>
      </c>
      <c r="GD33" s="427">
        <v>0</v>
      </c>
      <c r="GE33" s="430">
        <v>22648</v>
      </c>
      <c r="GF33" s="431">
        <v>22648</v>
      </c>
      <c r="GG33" s="426">
        <v>0</v>
      </c>
      <c r="GH33" s="427">
        <v>0</v>
      </c>
      <c r="GI33" s="428">
        <v>0</v>
      </c>
      <c r="GJ33" s="429">
        <v>0</v>
      </c>
      <c r="GK33" s="427">
        <v>21</v>
      </c>
      <c r="GL33" s="427">
        <v>0</v>
      </c>
      <c r="GM33" s="427">
        <v>0</v>
      </c>
      <c r="GN33" s="427">
        <v>0</v>
      </c>
      <c r="GO33" s="427">
        <v>0</v>
      </c>
      <c r="GP33" s="430">
        <v>21</v>
      </c>
      <c r="GQ33" s="431">
        <v>21</v>
      </c>
      <c r="GR33" s="426">
        <v>0</v>
      </c>
      <c r="GS33" s="427">
        <v>0</v>
      </c>
      <c r="GT33" s="428">
        <v>0</v>
      </c>
      <c r="GU33" s="429">
        <v>0</v>
      </c>
      <c r="GV33" s="427">
        <v>0</v>
      </c>
      <c r="GW33" s="427">
        <v>0</v>
      </c>
      <c r="GX33" s="427">
        <v>0</v>
      </c>
      <c r="GY33" s="427">
        <v>0</v>
      </c>
      <c r="GZ33" s="427">
        <v>0</v>
      </c>
      <c r="HA33" s="430">
        <v>0</v>
      </c>
      <c r="HB33" s="431">
        <v>0</v>
      </c>
      <c r="HC33" s="426">
        <v>0</v>
      </c>
      <c r="HD33" s="427">
        <v>0</v>
      </c>
      <c r="HE33" s="428">
        <v>0</v>
      </c>
      <c r="HF33" s="432"/>
      <c r="HG33" s="427">
        <v>0</v>
      </c>
      <c r="HH33" s="427">
        <v>0</v>
      </c>
      <c r="HI33" s="427">
        <v>0</v>
      </c>
      <c r="HJ33" s="427">
        <v>0</v>
      </c>
      <c r="HK33" s="427">
        <v>0</v>
      </c>
      <c r="HL33" s="430">
        <v>0</v>
      </c>
      <c r="HM33" s="431">
        <v>0</v>
      </c>
      <c r="HN33" s="426">
        <v>0</v>
      </c>
      <c r="HO33" s="427">
        <v>0</v>
      </c>
      <c r="HP33" s="428">
        <v>0</v>
      </c>
      <c r="HQ33" s="429">
        <v>0</v>
      </c>
      <c r="HR33" s="427">
        <v>52855</v>
      </c>
      <c r="HS33" s="427">
        <v>132164</v>
      </c>
      <c r="HT33" s="427">
        <v>711385</v>
      </c>
      <c r="HU33" s="427">
        <v>696881</v>
      </c>
      <c r="HV33" s="427">
        <v>455903</v>
      </c>
      <c r="HW33" s="430">
        <v>2049188</v>
      </c>
      <c r="HX33" s="431">
        <v>2049188</v>
      </c>
    </row>
    <row r="34" spans="1:232" ht="16.5" customHeight="1" x14ac:dyDescent="0.2">
      <c r="A34" s="208" t="s">
        <v>31</v>
      </c>
      <c r="B34" s="426">
        <v>0</v>
      </c>
      <c r="C34" s="427">
        <v>0</v>
      </c>
      <c r="D34" s="428">
        <v>0</v>
      </c>
      <c r="E34" s="429">
        <v>0</v>
      </c>
      <c r="F34" s="427">
        <v>26980</v>
      </c>
      <c r="G34" s="427">
        <v>117555</v>
      </c>
      <c r="H34" s="427">
        <v>230560</v>
      </c>
      <c r="I34" s="427">
        <v>264414</v>
      </c>
      <c r="J34" s="427">
        <v>209680</v>
      </c>
      <c r="K34" s="430">
        <v>849189</v>
      </c>
      <c r="L34" s="431">
        <v>849189</v>
      </c>
      <c r="M34" s="426">
        <v>0</v>
      </c>
      <c r="N34" s="427">
        <v>0</v>
      </c>
      <c r="O34" s="428">
        <v>0</v>
      </c>
      <c r="P34" s="432"/>
      <c r="Q34" s="427">
        <v>0</v>
      </c>
      <c r="R34" s="427">
        <v>34200</v>
      </c>
      <c r="S34" s="427">
        <v>186260</v>
      </c>
      <c r="T34" s="427">
        <v>198059</v>
      </c>
      <c r="U34" s="427">
        <v>174150</v>
      </c>
      <c r="V34" s="430">
        <v>592669</v>
      </c>
      <c r="W34" s="431">
        <v>592669</v>
      </c>
      <c r="X34" s="426">
        <v>0</v>
      </c>
      <c r="Y34" s="427">
        <v>0</v>
      </c>
      <c r="Z34" s="428">
        <v>0</v>
      </c>
      <c r="AA34" s="432"/>
      <c r="AB34" s="427">
        <v>26400</v>
      </c>
      <c r="AC34" s="427">
        <v>63150</v>
      </c>
      <c r="AD34" s="427">
        <v>36750</v>
      </c>
      <c r="AE34" s="427">
        <v>41850</v>
      </c>
      <c r="AF34" s="427">
        <v>0</v>
      </c>
      <c r="AG34" s="430">
        <v>168150</v>
      </c>
      <c r="AH34" s="431">
        <v>168150</v>
      </c>
      <c r="AI34" s="426">
        <v>0</v>
      </c>
      <c r="AJ34" s="427">
        <v>0</v>
      </c>
      <c r="AK34" s="428">
        <v>0</v>
      </c>
      <c r="AL34" s="432"/>
      <c r="AM34" s="427">
        <v>0</v>
      </c>
      <c r="AN34" s="427">
        <v>0</v>
      </c>
      <c r="AO34" s="427">
        <v>0</v>
      </c>
      <c r="AP34" s="427">
        <v>0</v>
      </c>
      <c r="AQ34" s="427">
        <v>0</v>
      </c>
      <c r="AR34" s="430">
        <v>0</v>
      </c>
      <c r="AS34" s="431">
        <v>0</v>
      </c>
      <c r="AT34" s="426">
        <v>0</v>
      </c>
      <c r="AU34" s="427">
        <v>0</v>
      </c>
      <c r="AV34" s="428">
        <v>0</v>
      </c>
      <c r="AW34" s="432"/>
      <c r="AX34" s="427">
        <v>0</v>
      </c>
      <c r="AY34" s="427">
        <v>0</v>
      </c>
      <c r="AZ34" s="427">
        <v>0</v>
      </c>
      <c r="BA34" s="427">
        <v>0</v>
      </c>
      <c r="BB34" s="427">
        <v>31650</v>
      </c>
      <c r="BC34" s="430">
        <v>31650</v>
      </c>
      <c r="BD34" s="431">
        <v>31650</v>
      </c>
      <c r="BE34" s="426">
        <v>0</v>
      </c>
      <c r="BF34" s="427">
        <v>0</v>
      </c>
      <c r="BG34" s="428">
        <v>0</v>
      </c>
      <c r="BH34" s="432"/>
      <c r="BI34" s="427">
        <v>0</v>
      </c>
      <c r="BJ34" s="427">
        <v>0</v>
      </c>
      <c r="BK34" s="427">
        <v>0</v>
      </c>
      <c r="BL34" s="427">
        <v>0</v>
      </c>
      <c r="BM34" s="427">
        <v>0</v>
      </c>
      <c r="BN34" s="430">
        <v>0</v>
      </c>
      <c r="BO34" s="431">
        <v>0</v>
      </c>
      <c r="BP34" s="426">
        <v>0</v>
      </c>
      <c r="BQ34" s="427">
        <v>0</v>
      </c>
      <c r="BR34" s="428">
        <v>0</v>
      </c>
      <c r="BS34" s="429">
        <v>0</v>
      </c>
      <c r="BT34" s="427">
        <v>580</v>
      </c>
      <c r="BU34" s="427">
        <v>20205</v>
      </c>
      <c r="BV34" s="427">
        <v>7550</v>
      </c>
      <c r="BW34" s="427">
        <v>24505</v>
      </c>
      <c r="BX34" s="427">
        <v>3880</v>
      </c>
      <c r="BY34" s="430">
        <v>56720</v>
      </c>
      <c r="BZ34" s="431">
        <v>56720</v>
      </c>
      <c r="CA34" s="426">
        <v>0</v>
      </c>
      <c r="CB34" s="427">
        <v>0</v>
      </c>
      <c r="CC34" s="428">
        <v>0</v>
      </c>
      <c r="CD34" s="429">
        <v>0</v>
      </c>
      <c r="CE34" s="427">
        <v>0</v>
      </c>
      <c r="CF34" s="427">
        <v>0</v>
      </c>
      <c r="CG34" s="427">
        <v>0</v>
      </c>
      <c r="CH34" s="427">
        <v>0</v>
      </c>
      <c r="CI34" s="427">
        <v>0</v>
      </c>
      <c r="CJ34" s="430">
        <v>0</v>
      </c>
      <c r="CK34" s="431">
        <v>0</v>
      </c>
      <c r="CL34" s="426">
        <v>0</v>
      </c>
      <c r="CM34" s="427">
        <v>0</v>
      </c>
      <c r="CN34" s="428">
        <v>0</v>
      </c>
      <c r="CO34" s="429">
        <v>0</v>
      </c>
      <c r="CP34" s="427">
        <v>0</v>
      </c>
      <c r="CQ34" s="427">
        <v>0</v>
      </c>
      <c r="CR34" s="427">
        <v>0</v>
      </c>
      <c r="CS34" s="427">
        <v>0</v>
      </c>
      <c r="CT34" s="427">
        <v>0</v>
      </c>
      <c r="CU34" s="430">
        <v>0</v>
      </c>
      <c r="CV34" s="431">
        <v>0</v>
      </c>
      <c r="CW34" s="426">
        <v>0</v>
      </c>
      <c r="CX34" s="427">
        <v>0</v>
      </c>
      <c r="CY34" s="428">
        <v>0</v>
      </c>
      <c r="CZ34" s="432"/>
      <c r="DA34" s="427">
        <v>0</v>
      </c>
      <c r="DB34" s="427">
        <v>0</v>
      </c>
      <c r="DC34" s="427">
        <v>0</v>
      </c>
      <c r="DD34" s="427">
        <v>0</v>
      </c>
      <c r="DE34" s="427">
        <v>0</v>
      </c>
      <c r="DF34" s="430">
        <v>0</v>
      </c>
      <c r="DG34" s="431">
        <v>0</v>
      </c>
      <c r="DH34" s="426">
        <v>0</v>
      </c>
      <c r="DI34" s="427">
        <v>0</v>
      </c>
      <c r="DJ34" s="428">
        <v>0</v>
      </c>
      <c r="DK34" s="429">
        <v>0</v>
      </c>
      <c r="DL34" s="427">
        <v>2526</v>
      </c>
      <c r="DM34" s="427">
        <v>63621</v>
      </c>
      <c r="DN34" s="427">
        <v>282044</v>
      </c>
      <c r="DO34" s="427">
        <v>353144</v>
      </c>
      <c r="DP34" s="427">
        <v>205800</v>
      </c>
      <c r="DQ34" s="430">
        <v>907135</v>
      </c>
      <c r="DR34" s="433">
        <v>907135</v>
      </c>
      <c r="DS34" s="426">
        <v>0</v>
      </c>
      <c r="DT34" s="427">
        <v>0</v>
      </c>
      <c r="DU34" s="428">
        <v>0</v>
      </c>
      <c r="DV34" s="432"/>
      <c r="DW34" s="427">
        <v>0</v>
      </c>
      <c r="DX34" s="427">
        <v>43410</v>
      </c>
      <c r="DY34" s="427">
        <v>261320</v>
      </c>
      <c r="DZ34" s="427">
        <v>335072</v>
      </c>
      <c r="EA34" s="427">
        <v>164640</v>
      </c>
      <c r="EB34" s="430">
        <v>804442</v>
      </c>
      <c r="EC34" s="431">
        <v>804442</v>
      </c>
      <c r="ED34" s="426">
        <v>0</v>
      </c>
      <c r="EE34" s="427">
        <v>0</v>
      </c>
      <c r="EF34" s="428">
        <v>0</v>
      </c>
      <c r="EG34" s="432"/>
      <c r="EH34" s="427">
        <v>420</v>
      </c>
      <c r="EI34" s="427">
        <v>1020</v>
      </c>
      <c r="EJ34" s="427">
        <v>600</v>
      </c>
      <c r="EK34" s="427">
        <v>1050</v>
      </c>
      <c r="EL34" s="427">
        <v>0</v>
      </c>
      <c r="EM34" s="430">
        <v>3090</v>
      </c>
      <c r="EN34" s="431">
        <v>3090</v>
      </c>
      <c r="EO34" s="426">
        <v>0</v>
      </c>
      <c r="EP34" s="427">
        <v>0</v>
      </c>
      <c r="EQ34" s="428">
        <v>0</v>
      </c>
      <c r="ER34" s="432">
        <v>0</v>
      </c>
      <c r="ES34" s="427">
        <v>0</v>
      </c>
      <c r="ET34" s="427">
        <v>0</v>
      </c>
      <c r="EU34" s="427">
        <v>0</v>
      </c>
      <c r="EV34" s="427">
        <v>0</v>
      </c>
      <c r="EW34" s="427">
        <v>0</v>
      </c>
      <c r="EX34" s="430">
        <v>0</v>
      </c>
      <c r="EY34" s="431">
        <v>0</v>
      </c>
      <c r="EZ34" s="426">
        <v>0</v>
      </c>
      <c r="FA34" s="427">
        <v>0</v>
      </c>
      <c r="FB34" s="428">
        <v>0</v>
      </c>
      <c r="FC34" s="432"/>
      <c r="FD34" s="427">
        <v>0</v>
      </c>
      <c r="FE34" s="427">
        <v>0</v>
      </c>
      <c r="FF34" s="427">
        <v>0</v>
      </c>
      <c r="FG34" s="427">
        <v>0</v>
      </c>
      <c r="FH34" s="427">
        <v>35340</v>
      </c>
      <c r="FI34" s="430">
        <v>35340</v>
      </c>
      <c r="FJ34" s="431">
        <v>35340</v>
      </c>
      <c r="FK34" s="426">
        <v>0</v>
      </c>
      <c r="FL34" s="427">
        <v>0</v>
      </c>
      <c r="FM34" s="428">
        <v>0</v>
      </c>
      <c r="FN34" s="432">
        <v>0</v>
      </c>
      <c r="FO34" s="427">
        <v>0</v>
      </c>
      <c r="FP34" s="427">
        <v>0</v>
      </c>
      <c r="FQ34" s="427">
        <v>0</v>
      </c>
      <c r="FR34" s="427">
        <v>0</v>
      </c>
      <c r="FS34" s="427">
        <v>0</v>
      </c>
      <c r="FT34" s="430">
        <v>0</v>
      </c>
      <c r="FU34" s="431">
        <v>0</v>
      </c>
      <c r="FV34" s="426">
        <v>0</v>
      </c>
      <c r="FW34" s="427">
        <v>0</v>
      </c>
      <c r="FX34" s="428">
        <v>0</v>
      </c>
      <c r="FY34" s="429">
        <v>0</v>
      </c>
      <c r="FZ34" s="427">
        <v>2106</v>
      </c>
      <c r="GA34" s="427">
        <v>19191</v>
      </c>
      <c r="GB34" s="427">
        <v>20124</v>
      </c>
      <c r="GC34" s="427">
        <v>17022</v>
      </c>
      <c r="GD34" s="427">
        <v>5820</v>
      </c>
      <c r="GE34" s="430">
        <v>64263</v>
      </c>
      <c r="GF34" s="431">
        <v>64263</v>
      </c>
      <c r="GG34" s="426">
        <v>0</v>
      </c>
      <c r="GH34" s="427">
        <v>0</v>
      </c>
      <c r="GI34" s="428">
        <v>0</v>
      </c>
      <c r="GJ34" s="429">
        <v>0</v>
      </c>
      <c r="GK34" s="427">
        <v>0</v>
      </c>
      <c r="GL34" s="427">
        <v>0</v>
      </c>
      <c r="GM34" s="427">
        <v>0</v>
      </c>
      <c r="GN34" s="427">
        <v>0</v>
      </c>
      <c r="GO34" s="427">
        <v>0</v>
      </c>
      <c r="GP34" s="430">
        <v>0</v>
      </c>
      <c r="GQ34" s="431">
        <v>0</v>
      </c>
      <c r="GR34" s="426">
        <v>0</v>
      </c>
      <c r="GS34" s="427">
        <v>0</v>
      </c>
      <c r="GT34" s="428">
        <v>0</v>
      </c>
      <c r="GU34" s="429">
        <v>0</v>
      </c>
      <c r="GV34" s="427">
        <v>0</v>
      </c>
      <c r="GW34" s="427">
        <v>0</v>
      </c>
      <c r="GX34" s="427">
        <v>0</v>
      </c>
      <c r="GY34" s="427">
        <v>0</v>
      </c>
      <c r="GZ34" s="427">
        <v>0</v>
      </c>
      <c r="HA34" s="430">
        <v>0</v>
      </c>
      <c r="HB34" s="431">
        <v>0</v>
      </c>
      <c r="HC34" s="426">
        <v>0</v>
      </c>
      <c r="HD34" s="427">
        <v>0</v>
      </c>
      <c r="HE34" s="428">
        <v>0</v>
      </c>
      <c r="HF34" s="432"/>
      <c r="HG34" s="427">
        <v>0</v>
      </c>
      <c r="HH34" s="427">
        <v>0</v>
      </c>
      <c r="HI34" s="427">
        <v>0</v>
      </c>
      <c r="HJ34" s="427">
        <v>0</v>
      </c>
      <c r="HK34" s="427">
        <v>0</v>
      </c>
      <c r="HL34" s="430">
        <v>0</v>
      </c>
      <c r="HM34" s="431">
        <v>0</v>
      </c>
      <c r="HN34" s="426">
        <v>0</v>
      </c>
      <c r="HO34" s="427">
        <v>0</v>
      </c>
      <c r="HP34" s="428">
        <v>0</v>
      </c>
      <c r="HQ34" s="429">
        <v>0</v>
      </c>
      <c r="HR34" s="427">
        <v>29506</v>
      </c>
      <c r="HS34" s="427">
        <v>181176</v>
      </c>
      <c r="HT34" s="427">
        <v>512604</v>
      </c>
      <c r="HU34" s="427">
        <v>617558</v>
      </c>
      <c r="HV34" s="427">
        <v>415480</v>
      </c>
      <c r="HW34" s="430">
        <v>1756324</v>
      </c>
      <c r="HX34" s="431">
        <v>1756324</v>
      </c>
    </row>
    <row r="35" spans="1:232" ht="16.5" customHeight="1" x14ac:dyDescent="0.2">
      <c r="A35" s="208" t="s">
        <v>32</v>
      </c>
      <c r="B35" s="426">
        <v>0</v>
      </c>
      <c r="C35" s="427">
        <v>0</v>
      </c>
      <c r="D35" s="428">
        <v>0</v>
      </c>
      <c r="E35" s="429">
        <v>0</v>
      </c>
      <c r="F35" s="427">
        <v>2550</v>
      </c>
      <c r="G35" s="427">
        <v>149199</v>
      </c>
      <c r="H35" s="427">
        <v>377683</v>
      </c>
      <c r="I35" s="427">
        <v>381741</v>
      </c>
      <c r="J35" s="427">
        <v>109305</v>
      </c>
      <c r="K35" s="430">
        <v>1020478</v>
      </c>
      <c r="L35" s="431">
        <v>1020478</v>
      </c>
      <c r="M35" s="426">
        <v>0</v>
      </c>
      <c r="N35" s="427">
        <v>0</v>
      </c>
      <c r="O35" s="428">
        <v>0</v>
      </c>
      <c r="P35" s="432"/>
      <c r="Q35" s="427">
        <v>0</v>
      </c>
      <c r="R35" s="427">
        <v>34350</v>
      </c>
      <c r="S35" s="427">
        <v>133903</v>
      </c>
      <c r="T35" s="427">
        <v>189853</v>
      </c>
      <c r="U35" s="427">
        <v>46005</v>
      </c>
      <c r="V35" s="430">
        <v>404111</v>
      </c>
      <c r="W35" s="431">
        <v>404111</v>
      </c>
      <c r="X35" s="426">
        <v>0</v>
      </c>
      <c r="Y35" s="427">
        <v>0</v>
      </c>
      <c r="Z35" s="428">
        <v>0</v>
      </c>
      <c r="AA35" s="432"/>
      <c r="AB35" s="427">
        <v>2550</v>
      </c>
      <c r="AC35" s="427">
        <v>105385</v>
      </c>
      <c r="AD35" s="427">
        <v>73500</v>
      </c>
      <c r="AE35" s="427">
        <v>139950</v>
      </c>
      <c r="AF35" s="427">
        <v>34350</v>
      </c>
      <c r="AG35" s="430">
        <v>355735</v>
      </c>
      <c r="AH35" s="431">
        <v>355735</v>
      </c>
      <c r="AI35" s="426">
        <v>0</v>
      </c>
      <c r="AJ35" s="427">
        <v>0</v>
      </c>
      <c r="AK35" s="428">
        <v>0</v>
      </c>
      <c r="AL35" s="432"/>
      <c r="AM35" s="427">
        <v>0</v>
      </c>
      <c r="AN35" s="427">
        <v>0</v>
      </c>
      <c r="AO35" s="427">
        <v>0</v>
      </c>
      <c r="AP35" s="427">
        <v>0</v>
      </c>
      <c r="AQ35" s="427">
        <v>0</v>
      </c>
      <c r="AR35" s="430">
        <v>0</v>
      </c>
      <c r="AS35" s="431">
        <v>0</v>
      </c>
      <c r="AT35" s="426">
        <v>0</v>
      </c>
      <c r="AU35" s="427">
        <v>0</v>
      </c>
      <c r="AV35" s="428">
        <v>0</v>
      </c>
      <c r="AW35" s="432"/>
      <c r="AX35" s="427">
        <v>0</v>
      </c>
      <c r="AY35" s="427">
        <v>0</v>
      </c>
      <c r="AZ35" s="427">
        <v>0</v>
      </c>
      <c r="BA35" s="427">
        <v>0</v>
      </c>
      <c r="BB35" s="427">
        <v>0</v>
      </c>
      <c r="BC35" s="430">
        <v>0</v>
      </c>
      <c r="BD35" s="431">
        <v>0</v>
      </c>
      <c r="BE35" s="426">
        <v>0</v>
      </c>
      <c r="BF35" s="427">
        <v>0</v>
      </c>
      <c r="BG35" s="428">
        <v>0</v>
      </c>
      <c r="BH35" s="432"/>
      <c r="BI35" s="427">
        <v>0</v>
      </c>
      <c r="BJ35" s="427">
        <v>0</v>
      </c>
      <c r="BK35" s="427">
        <v>167920</v>
      </c>
      <c r="BL35" s="427">
        <v>26815</v>
      </c>
      <c r="BM35" s="427">
        <v>28950</v>
      </c>
      <c r="BN35" s="430">
        <v>223685</v>
      </c>
      <c r="BO35" s="431">
        <v>223685</v>
      </c>
      <c r="BP35" s="426">
        <v>0</v>
      </c>
      <c r="BQ35" s="427">
        <v>0</v>
      </c>
      <c r="BR35" s="428">
        <v>0</v>
      </c>
      <c r="BS35" s="429">
        <v>0</v>
      </c>
      <c r="BT35" s="427">
        <v>0</v>
      </c>
      <c r="BU35" s="427">
        <v>5259</v>
      </c>
      <c r="BV35" s="427">
        <v>1925</v>
      </c>
      <c r="BW35" s="427">
        <v>24278</v>
      </c>
      <c r="BX35" s="427">
        <v>0</v>
      </c>
      <c r="BY35" s="430">
        <v>31462</v>
      </c>
      <c r="BZ35" s="431">
        <v>31462</v>
      </c>
      <c r="CA35" s="426">
        <v>0</v>
      </c>
      <c r="CB35" s="427">
        <v>0</v>
      </c>
      <c r="CC35" s="428">
        <v>0</v>
      </c>
      <c r="CD35" s="429">
        <v>0</v>
      </c>
      <c r="CE35" s="427">
        <v>0</v>
      </c>
      <c r="CF35" s="427">
        <v>4205</v>
      </c>
      <c r="CG35" s="427">
        <v>435</v>
      </c>
      <c r="CH35" s="427">
        <v>845</v>
      </c>
      <c r="CI35" s="427">
        <v>0</v>
      </c>
      <c r="CJ35" s="430">
        <v>5485</v>
      </c>
      <c r="CK35" s="431">
        <v>5485</v>
      </c>
      <c r="CL35" s="426">
        <v>0</v>
      </c>
      <c r="CM35" s="427">
        <v>0</v>
      </c>
      <c r="CN35" s="428">
        <v>0</v>
      </c>
      <c r="CO35" s="429">
        <v>0</v>
      </c>
      <c r="CP35" s="427">
        <v>0</v>
      </c>
      <c r="CQ35" s="427">
        <v>0</v>
      </c>
      <c r="CR35" s="427">
        <v>0</v>
      </c>
      <c r="CS35" s="427">
        <v>0</v>
      </c>
      <c r="CT35" s="427">
        <v>0</v>
      </c>
      <c r="CU35" s="430">
        <v>0</v>
      </c>
      <c r="CV35" s="431">
        <v>0</v>
      </c>
      <c r="CW35" s="426">
        <v>0</v>
      </c>
      <c r="CX35" s="427">
        <v>0</v>
      </c>
      <c r="CY35" s="428">
        <v>0</v>
      </c>
      <c r="CZ35" s="432"/>
      <c r="DA35" s="427">
        <v>0</v>
      </c>
      <c r="DB35" s="427">
        <v>0</v>
      </c>
      <c r="DC35" s="427">
        <v>0</v>
      </c>
      <c r="DD35" s="427">
        <v>0</v>
      </c>
      <c r="DE35" s="427">
        <v>0</v>
      </c>
      <c r="DF35" s="430">
        <v>0</v>
      </c>
      <c r="DG35" s="431">
        <v>0</v>
      </c>
      <c r="DH35" s="426">
        <v>0</v>
      </c>
      <c r="DI35" s="427">
        <v>0</v>
      </c>
      <c r="DJ35" s="428">
        <v>0</v>
      </c>
      <c r="DK35" s="429">
        <v>0</v>
      </c>
      <c r="DL35" s="427">
        <v>210</v>
      </c>
      <c r="DM35" s="427">
        <v>43571</v>
      </c>
      <c r="DN35" s="427">
        <v>309113</v>
      </c>
      <c r="DO35" s="427">
        <v>341936</v>
      </c>
      <c r="DP35" s="427">
        <v>73965</v>
      </c>
      <c r="DQ35" s="430">
        <v>768795</v>
      </c>
      <c r="DR35" s="433">
        <v>768795</v>
      </c>
      <c r="DS35" s="426">
        <v>0</v>
      </c>
      <c r="DT35" s="427">
        <v>0</v>
      </c>
      <c r="DU35" s="428">
        <v>0</v>
      </c>
      <c r="DV35" s="432"/>
      <c r="DW35" s="427">
        <v>0</v>
      </c>
      <c r="DX35" s="427">
        <v>25530</v>
      </c>
      <c r="DY35" s="427">
        <v>153690</v>
      </c>
      <c r="DZ35" s="427">
        <v>263190</v>
      </c>
      <c r="EA35" s="427">
        <v>31065</v>
      </c>
      <c r="EB35" s="430">
        <v>473475</v>
      </c>
      <c r="EC35" s="431">
        <v>473475</v>
      </c>
      <c r="ED35" s="426">
        <v>0</v>
      </c>
      <c r="EE35" s="427">
        <v>0</v>
      </c>
      <c r="EF35" s="428">
        <v>0</v>
      </c>
      <c r="EG35" s="432"/>
      <c r="EH35" s="427">
        <v>210</v>
      </c>
      <c r="EI35" s="427">
        <v>12337</v>
      </c>
      <c r="EJ35" s="427">
        <v>22320</v>
      </c>
      <c r="EK35" s="427">
        <v>11970</v>
      </c>
      <c r="EL35" s="427">
        <v>11310</v>
      </c>
      <c r="EM35" s="430">
        <v>58147</v>
      </c>
      <c r="EN35" s="431">
        <v>58147</v>
      </c>
      <c r="EO35" s="426">
        <v>0</v>
      </c>
      <c r="EP35" s="427">
        <v>0</v>
      </c>
      <c r="EQ35" s="428">
        <v>0</v>
      </c>
      <c r="ER35" s="432">
        <v>0</v>
      </c>
      <c r="ES35" s="427">
        <v>0</v>
      </c>
      <c r="ET35" s="427">
        <v>0</v>
      </c>
      <c r="EU35" s="427">
        <v>0</v>
      </c>
      <c r="EV35" s="427">
        <v>0</v>
      </c>
      <c r="EW35" s="427">
        <v>0</v>
      </c>
      <c r="EX35" s="430">
        <v>0</v>
      </c>
      <c r="EY35" s="431">
        <v>0</v>
      </c>
      <c r="EZ35" s="426">
        <v>0</v>
      </c>
      <c r="FA35" s="427">
        <v>0</v>
      </c>
      <c r="FB35" s="428">
        <v>0</v>
      </c>
      <c r="FC35" s="432"/>
      <c r="FD35" s="427">
        <v>0</v>
      </c>
      <c r="FE35" s="427">
        <v>0</v>
      </c>
      <c r="FF35" s="427">
        <v>0</v>
      </c>
      <c r="FG35" s="427">
        <v>0</v>
      </c>
      <c r="FH35" s="427">
        <v>0</v>
      </c>
      <c r="FI35" s="430">
        <v>0</v>
      </c>
      <c r="FJ35" s="431">
        <v>0</v>
      </c>
      <c r="FK35" s="426">
        <v>0</v>
      </c>
      <c r="FL35" s="427">
        <v>0</v>
      </c>
      <c r="FM35" s="428">
        <v>0</v>
      </c>
      <c r="FN35" s="432">
        <v>0</v>
      </c>
      <c r="FO35" s="427">
        <v>0</v>
      </c>
      <c r="FP35" s="427">
        <v>0</v>
      </c>
      <c r="FQ35" s="427">
        <v>131358</v>
      </c>
      <c r="FR35" s="427">
        <v>42471</v>
      </c>
      <c r="FS35" s="427">
        <v>31590</v>
      </c>
      <c r="FT35" s="430">
        <v>205419</v>
      </c>
      <c r="FU35" s="431">
        <v>205419</v>
      </c>
      <c r="FV35" s="426">
        <v>0</v>
      </c>
      <c r="FW35" s="427">
        <v>0</v>
      </c>
      <c r="FX35" s="428">
        <v>0</v>
      </c>
      <c r="FY35" s="429">
        <v>0</v>
      </c>
      <c r="FZ35" s="427">
        <v>0</v>
      </c>
      <c r="GA35" s="427">
        <v>5501</v>
      </c>
      <c r="GB35" s="427">
        <v>1710</v>
      </c>
      <c r="GC35" s="427">
        <v>20367</v>
      </c>
      <c r="GD35" s="427">
        <v>0</v>
      </c>
      <c r="GE35" s="430">
        <v>27578</v>
      </c>
      <c r="GF35" s="431">
        <v>27578</v>
      </c>
      <c r="GG35" s="426">
        <v>0</v>
      </c>
      <c r="GH35" s="427">
        <v>0</v>
      </c>
      <c r="GI35" s="428">
        <v>0</v>
      </c>
      <c r="GJ35" s="429">
        <v>0</v>
      </c>
      <c r="GK35" s="427">
        <v>0</v>
      </c>
      <c r="GL35" s="427">
        <v>203</v>
      </c>
      <c r="GM35" s="427">
        <v>35</v>
      </c>
      <c r="GN35" s="427">
        <v>3938</v>
      </c>
      <c r="GO35" s="427">
        <v>0</v>
      </c>
      <c r="GP35" s="430">
        <v>4176</v>
      </c>
      <c r="GQ35" s="431">
        <v>4176</v>
      </c>
      <c r="GR35" s="426">
        <v>0</v>
      </c>
      <c r="GS35" s="427">
        <v>0</v>
      </c>
      <c r="GT35" s="428">
        <v>0</v>
      </c>
      <c r="GU35" s="429">
        <v>0</v>
      </c>
      <c r="GV35" s="427">
        <v>0</v>
      </c>
      <c r="GW35" s="427">
        <v>0</v>
      </c>
      <c r="GX35" s="427">
        <v>0</v>
      </c>
      <c r="GY35" s="427">
        <v>0</v>
      </c>
      <c r="GZ35" s="427">
        <v>0</v>
      </c>
      <c r="HA35" s="430">
        <v>0</v>
      </c>
      <c r="HB35" s="431">
        <v>0</v>
      </c>
      <c r="HC35" s="426">
        <v>0</v>
      </c>
      <c r="HD35" s="427">
        <v>0</v>
      </c>
      <c r="HE35" s="428">
        <v>0</v>
      </c>
      <c r="HF35" s="432"/>
      <c r="HG35" s="427">
        <v>0</v>
      </c>
      <c r="HH35" s="427">
        <v>0</v>
      </c>
      <c r="HI35" s="427">
        <v>0</v>
      </c>
      <c r="HJ35" s="427">
        <v>0</v>
      </c>
      <c r="HK35" s="427">
        <v>0</v>
      </c>
      <c r="HL35" s="430">
        <v>0</v>
      </c>
      <c r="HM35" s="431">
        <v>0</v>
      </c>
      <c r="HN35" s="426">
        <v>0</v>
      </c>
      <c r="HO35" s="427">
        <v>0</v>
      </c>
      <c r="HP35" s="428">
        <v>0</v>
      </c>
      <c r="HQ35" s="429">
        <v>0</v>
      </c>
      <c r="HR35" s="427">
        <v>2760</v>
      </c>
      <c r="HS35" s="427">
        <v>192770</v>
      </c>
      <c r="HT35" s="427">
        <v>686796</v>
      </c>
      <c r="HU35" s="427">
        <v>723677</v>
      </c>
      <c r="HV35" s="427">
        <v>183270</v>
      </c>
      <c r="HW35" s="430">
        <v>1789273</v>
      </c>
      <c r="HX35" s="431">
        <v>1789273</v>
      </c>
    </row>
    <row r="36" spans="1:232" ht="16.5" customHeight="1" x14ac:dyDescent="0.2">
      <c r="A36" s="208" t="s">
        <v>33</v>
      </c>
      <c r="B36" s="426">
        <v>0</v>
      </c>
      <c r="C36" s="427">
        <v>0</v>
      </c>
      <c r="D36" s="428">
        <v>0</v>
      </c>
      <c r="E36" s="429">
        <v>0</v>
      </c>
      <c r="F36" s="427">
        <v>122530</v>
      </c>
      <c r="G36" s="427">
        <v>100780</v>
      </c>
      <c r="H36" s="427">
        <v>569910</v>
      </c>
      <c r="I36" s="427">
        <v>572755</v>
      </c>
      <c r="J36" s="427">
        <v>509925</v>
      </c>
      <c r="K36" s="430">
        <v>1875900</v>
      </c>
      <c r="L36" s="431">
        <v>1875900</v>
      </c>
      <c r="M36" s="426">
        <v>0</v>
      </c>
      <c r="N36" s="427">
        <v>0</v>
      </c>
      <c r="O36" s="428">
        <v>0</v>
      </c>
      <c r="P36" s="432"/>
      <c r="Q36" s="427">
        <v>0</v>
      </c>
      <c r="R36" s="427">
        <v>28950</v>
      </c>
      <c r="S36" s="427">
        <v>332850</v>
      </c>
      <c r="T36" s="427">
        <v>342900</v>
      </c>
      <c r="U36" s="427">
        <v>364590</v>
      </c>
      <c r="V36" s="430">
        <v>1069290</v>
      </c>
      <c r="W36" s="431">
        <v>1069290</v>
      </c>
      <c r="X36" s="426">
        <v>0</v>
      </c>
      <c r="Y36" s="427">
        <v>0</v>
      </c>
      <c r="Z36" s="428">
        <v>0</v>
      </c>
      <c r="AA36" s="432"/>
      <c r="AB36" s="427">
        <v>70950</v>
      </c>
      <c r="AC36" s="427">
        <v>28610</v>
      </c>
      <c r="AD36" s="427">
        <v>127345</v>
      </c>
      <c r="AE36" s="427">
        <v>121055</v>
      </c>
      <c r="AF36" s="427">
        <v>19430</v>
      </c>
      <c r="AG36" s="430">
        <v>367390</v>
      </c>
      <c r="AH36" s="431">
        <v>367390</v>
      </c>
      <c r="AI36" s="426">
        <v>0</v>
      </c>
      <c r="AJ36" s="427">
        <v>0</v>
      </c>
      <c r="AK36" s="428">
        <v>0</v>
      </c>
      <c r="AL36" s="432"/>
      <c r="AM36" s="427">
        <v>0</v>
      </c>
      <c r="AN36" s="427">
        <v>0</v>
      </c>
      <c r="AO36" s="427">
        <v>0</v>
      </c>
      <c r="AP36" s="427">
        <v>0</v>
      </c>
      <c r="AQ36" s="427">
        <v>0</v>
      </c>
      <c r="AR36" s="430">
        <v>0</v>
      </c>
      <c r="AS36" s="431">
        <v>0</v>
      </c>
      <c r="AT36" s="426">
        <v>0</v>
      </c>
      <c r="AU36" s="427">
        <v>0</v>
      </c>
      <c r="AV36" s="428">
        <v>0</v>
      </c>
      <c r="AW36" s="432"/>
      <c r="AX36" s="427">
        <v>50880</v>
      </c>
      <c r="AY36" s="427">
        <v>39450</v>
      </c>
      <c r="AZ36" s="427">
        <v>100135</v>
      </c>
      <c r="BA36" s="427">
        <v>68700</v>
      </c>
      <c r="BB36" s="427">
        <v>119510</v>
      </c>
      <c r="BC36" s="430">
        <v>378675</v>
      </c>
      <c r="BD36" s="431">
        <v>378675</v>
      </c>
      <c r="BE36" s="426">
        <v>0</v>
      </c>
      <c r="BF36" s="427">
        <v>0</v>
      </c>
      <c r="BG36" s="428">
        <v>0</v>
      </c>
      <c r="BH36" s="432"/>
      <c r="BI36" s="427">
        <v>0</v>
      </c>
      <c r="BJ36" s="427">
        <v>0</v>
      </c>
      <c r="BK36" s="427">
        <v>0</v>
      </c>
      <c r="BL36" s="427">
        <v>0</v>
      </c>
      <c r="BM36" s="427">
        <v>0</v>
      </c>
      <c r="BN36" s="430">
        <v>0</v>
      </c>
      <c r="BO36" s="431">
        <v>0</v>
      </c>
      <c r="BP36" s="426">
        <v>0</v>
      </c>
      <c r="BQ36" s="427">
        <v>0</v>
      </c>
      <c r="BR36" s="428">
        <v>0</v>
      </c>
      <c r="BS36" s="429">
        <v>0</v>
      </c>
      <c r="BT36" s="427">
        <v>0</v>
      </c>
      <c r="BU36" s="427">
        <v>3290</v>
      </c>
      <c r="BV36" s="427">
        <v>9580</v>
      </c>
      <c r="BW36" s="427">
        <v>40100</v>
      </c>
      <c r="BX36" s="427">
        <v>6395</v>
      </c>
      <c r="BY36" s="430">
        <v>59365</v>
      </c>
      <c r="BZ36" s="431">
        <v>59365</v>
      </c>
      <c r="CA36" s="426">
        <v>0</v>
      </c>
      <c r="CB36" s="427">
        <v>0</v>
      </c>
      <c r="CC36" s="428">
        <v>0</v>
      </c>
      <c r="CD36" s="429">
        <v>0</v>
      </c>
      <c r="CE36" s="427">
        <v>0</v>
      </c>
      <c r="CF36" s="427">
        <v>480</v>
      </c>
      <c r="CG36" s="427">
        <v>0</v>
      </c>
      <c r="CH36" s="427">
        <v>0</v>
      </c>
      <c r="CI36" s="427">
        <v>0</v>
      </c>
      <c r="CJ36" s="430">
        <v>480</v>
      </c>
      <c r="CK36" s="431">
        <v>480</v>
      </c>
      <c r="CL36" s="426">
        <v>0</v>
      </c>
      <c r="CM36" s="427">
        <v>0</v>
      </c>
      <c r="CN36" s="428">
        <v>0</v>
      </c>
      <c r="CO36" s="429">
        <v>0</v>
      </c>
      <c r="CP36" s="427">
        <v>0</v>
      </c>
      <c r="CQ36" s="427">
        <v>0</v>
      </c>
      <c r="CR36" s="427">
        <v>0</v>
      </c>
      <c r="CS36" s="427">
        <v>0</v>
      </c>
      <c r="CT36" s="427">
        <v>0</v>
      </c>
      <c r="CU36" s="430">
        <v>0</v>
      </c>
      <c r="CV36" s="431">
        <v>0</v>
      </c>
      <c r="CW36" s="426">
        <v>0</v>
      </c>
      <c r="CX36" s="427">
        <v>0</v>
      </c>
      <c r="CY36" s="428">
        <v>0</v>
      </c>
      <c r="CZ36" s="432"/>
      <c r="DA36" s="427">
        <v>700</v>
      </c>
      <c r="DB36" s="427">
        <v>0</v>
      </c>
      <c r="DC36" s="427">
        <v>0</v>
      </c>
      <c r="DD36" s="427">
        <v>0</v>
      </c>
      <c r="DE36" s="427">
        <v>0</v>
      </c>
      <c r="DF36" s="430">
        <v>700</v>
      </c>
      <c r="DG36" s="431">
        <v>700</v>
      </c>
      <c r="DH36" s="426">
        <v>0</v>
      </c>
      <c r="DI36" s="427">
        <v>0</v>
      </c>
      <c r="DJ36" s="428">
        <v>0</v>
      </c>
      <c r="DK36" s="429">
        <v>0</v>
      </c>
      <c r="DL36" s="427">
        <v>1547</v>
      </c>
      <c r="DM36" s="427">
        <v>65779</v>
      </c>
      <c r="DN36" s="427">
        <v>435362</v>
      </c>
      <c r="DO36" s="427">
        <v>429117</v>
      </c>
      <c r="DP36" s="427">
        <v>321320</v>
      </c>
      <c r="DQ36" s="430">
        <v>1253125</v>
      </c>
      <c r="DR36" s="433">
        <v>1253125</v>
      </c>
      <c r="DS36" s="426">
        <v>0</v>
      </c>
      <c r="DT36" s="427">
        <v>0</v>
      </c>
      <c r="DU36" s="428">
        <v>0</v>
      </c>
      <c r="DV36" s="432"/>
      <c r="DW36" s="427">
        <v>0</v>
      </c>
      <c r="DX36" s="427">
        <v>49980</v>
      </c>
      <c r="DY36" s="427">
        <v>336450</v>
      </c>
      <c r="DZ36" s="427">
        <v>371220</v>
      </c>
      <c r="EA36" s="427">
        <v>305150</v>
      </c>
      <c r="EB36" s="430">
        <v>1062800</v>
      </c>
      <c r="EC36" s="431">
        <v>1062800</v>
      </c>
      <c r="ED36" s="426">
        <v>0</v>
      </c>
      <c r="EE36" s="427">
        <v>0</v>
      </c>
      <c r="EF36" s="428">
        <v>0</v>
      </c>
      <c r="EG36" s="432"/>
      <c r="EH36" s="427">
        <v>1050</v>
      </c>
      <c r="EI36" s="427">
        <v>609</v>
      </c>
      <c r="EJ36" s="427">
        <v>57589</v>
      </c>
      <c r="EK36" s="427">
        <v>6204</v>
      </c>
      <c r="EL36" s="427">
        <v>210</v>
      </c>
      <c r="EM36" s="430">
        <v>65662</v>
      </c>
      <c r="EN36" s="431">
        <v>65662</v>
      </c>
      <c r="EO36" s="426">
        <v>0</v>
      </c>
      <c r="EP36" s="427">
        <v>0</v>
      </c>
      <c r="EQ36" s="428">
        <v>0</v>
      </c>
      <c r="ER36" s="432">
        <v>0</v>
      </c>
      <c r="ES36" s="427">
        <v>0</v>
      </c>
      <c r="ET36" s="427">
        <v>0</v>
      </c>
      <c r="EU36" s="427">
        <v>0</v>
      </c>
      <c r="EV36" s="427">
        <v>0</v>
      </c>
      <c r="EW36" s="427">
        <v>0</v>
      </c>
      <c r="EX36" s="430">
        <v>0</v>
      </c>
      <c r="EY36" s="431">
        <v>0</v>
      </c>
      <c r="EZ36" s="426">
        <v>0</v>
      </c>
      <c r="FA36" s="427">
        <v>0</v>
      </c>
      <c r="FB36" s="428">
        <v>0</v>
      </c>
      <c r="FC36" s="432"/>
      <c r="FD36" s="427">
        <v>455</v>
      </c>
      <c r="FE36" s="427">
        <v>11730</v>
      </c>
      <c r="FF36" s="427">
        <v>31711</v>
      </c>
      <c r="FG36" s="427">
        <v>22620</v>
      </c>
      <c r="FH36" s="427">
        <v>12080</v>
      </c>
      <c r="FI36" s="430">
        <v>78596</v>
      </c>
      <c r="FJ36" s="431">
        <v>78596</v>
      </c>
      <c r="FK36" s="426">
        <v>0</v>
      </c>
      <c r="FL36" s="427">
        <v>0</v>
      </c>
      <c r="FM36" s="428">
        <v>0</v>
      </c>
      <c r="FN36" s="432">
        <v>0</v>
      </c>
      <c r="FO36" s="427">
        <v>0</v>
      </c>
      <c r="FP36" s="427">
        <v>0</v>
      </c>
      <c r="FQ36" s="427">
        <v>0</v>
      </c>
      <c r="FR36" s="427">
        <v>0</v>
      </c>
      <c r="FS36" s="427">
        <v>0</v>
      </c>
      <c r="FT36" s="430">
        <v>0</v>
      </c>
      <c r="FU36" s="431">
        <v>0</v>
      </c>
      <c r="FV36" s="426">
        <v>0</v>
      </c>
      <c r="FW36" s="427">
        <v>0</v>
      </c>
      <c r="FX36" s="428">
        <v>0</v>
      </c>
      <c r="FY36" s="429">
        <v>0</v>
      </c>
      <c r="FZ36" s="427">
        <v>0</v>
      </c>
      <c r="GA36" s="427">
        <v>3404</v>
      </c>
      <c r="GB36" s="427">
        <v>9612</v>
      </c>
      <c r="GC36" s="427">
        <v>29073</v>
      </c>
      <c r="GD36" s="427">
        <v>3880</v>
      </c>
      <c r="GE36" s="430">
        <v>45969</v>
      </c>
      <c r="GF36" s="431">
        <v>45969</v>
      </c>
      <c r="GG36" s="426">
        <v>0</v>
      </c>
      <c r="GH36" s="427">
        <v>0</v>
      </c>
      <c r="GI36" s="428">
        <v>0</v>
      </c>
      <c r="GJ36" s="429">
        <v>0</v>
      </c>
      <c r="GK36" s="427">
        <v>0</v>
      </c>
      <c r="GL36" s="427">
        <v>56</v>
      </c>
      <c r="GM36" s="427">
        <v>0</v>
      </c>
      <c r="GN36" s="427">
        <v>0</v>
      </c>
      <c r="GO36" s="427">
        <v>0</v>
      </c>
      <c r="GP36" s="430">
        <v>56</v>
      </c>
      <c r="GQ36" s="431">
        <v>56</v>
      </c>
      <c r="GR36" s="426">
        <v>0</v>
      </c>
      <c r="GS36" s="427">
        <v>0</v>
      </c>
      <c r="GT36" s="428">
        <v>0</v>
      </c>
      <c r="GU36" s="429">
        <v>0</v>
      </c>
      <c r="GV36" s="427">
        <v>0</v>
      </c>
      <c r="GW36" s="427">
        <v>0</v>
      </c>
      <c r="GX36" s="427">
        <v>0</v>
      </c>
      <c r="GY36" s="427">
        <v>0</v>
      </c>
      <c r="GZ36" s="427">
        <v>0</v>
      </c>
      <c r="HA36" s="430">
        <v>0</v>
      </c>
      <c r="HB36" s="431">
        <v>0</v>
      </c>
      <c r="HC36" s="426">
        <v>0</v>
      </c>
      <c r="HD36" s="427">
        <v>0</v>
      </c>
      <c r="HE36" s="428">
        <v>0</v>
      </c>
      <c r="HF36" s="432"/>
      <c r="HG36" s="427">
        <v>42</v>
      </c>
      <c r="HH36" s="427">
        <v>0</v>
      </c>
      <c r="HI36" s="427">
        <v>0</v>
      </c>
      <c r="HJ36" s="427">
        <v>0</v>
      </c>
      <c r="HK36" s="427">
        <v>0</v>
      </c>
      <c r="HL36" s="430">
        <v>42</v>
      </c>
      <c r="HM36" s="431">
        <v>42</v>
      </c>
      <c r="HN36" s="426">
        <v>0</v>
      </c>
      <c r="HO36" s="427">
        <v>0</v>
      </c>
      <c r="HP36" s="428">
        <v>0</v>
      </c>
      <c r="HQ36" s="429">
        <v>0</v>
      </c>
      <c r="HR36" s="427">
        <v>124077</v>
      </c>
      <c r="HS36" s="427">
        <v>166559</v>
      </c>
      <c r="HT36" s="427">
        <v>1005272</v>
      </c>
      <c r="HU36" s="427">
        <v>1001872</v>
      </c>
      <c r="HV36" s="427">
        <v>831245</v>
      </c>
      <c r="HW36" s="430">
        <v>3129025</v>
      </c>
      <c r="HX36" s="431">
        <v>3129025</v>
      </c>
    </row>
    <row r="37" spans="1:232" ht="16.5" customHeight="1" x14ac:dyDescent="0.2">
      <c r="A37" s="208" t="s">
        <v>34</v>
      </c>
      <c r="B37" s="426">
        <v>0</v>
      </c>
      <c r="C37" s="427">
        <v>0</v>
      </c>
      <c r="D37" s="428">
        <v>0</v>
      </c>
      <c r="E37" s="429">
        <v>0</v>
      </c>
      <c r="F37" s="427">
        <v>78801</v>
      </c>
      <c r="G37" s="427">
        <v>121180</v>
      </c>
      <c r="H37" s="427">
        <v>170606</v>
      </c>
      <c r="I37" s="427">
        <v>241505</v>
      </c>
      <c r="J37" s="427">
        <v>197100</v>
      </c>
      <c r="K37" s="430">
        <v>809192</v>
      </c>
      <c r="L37" s="431">
        <v>809192</v>
      </c>
      <c r="M37" s="426">
        <v>0</v>
      </c>
      <c r="N37" s="427">
        <v>0</v>
      </c>
      <c r="O37" s="428">
        <v>0</v>
      </c>
      <c r="P37" s="432"/>
      <c r="Q37" s="427">
        <v>0</v>
      </c>
      <c r="R37" s="427">
        <v>0</v>
      </c>
      <c r="S37" s="427">
        <v>61000</v>
      </c>
      <c r="T37" s="427">
        <v>152100</v>
      </c>
      <c r="U37" s="427">
        <v>133800</v>
      </c>
      <c r="V37" s="430">
        <v>346900</v>
      </c>
      <c r="W37" s="431">
        <v>346900</v>
      </c>
      <c r="X37" s="426">
        <v>0</v>
      </c>
      <c r="Y37" s="427">
        <v>0</v>
      </c>
      <c r="Z37" s="428">
        <v>0</v>
      </c>
      <c r="AA37" s="432"/>
      <c r="AB37" s="427">
        <v>74100</v>
      </c>
      <c r="AC37" s="427">
        <v>86830</v>
      </c>
      <c r="AD37" s="427">
        <v>92250</v>
      </c>
      <c r="AE37" s="427">
        <v>57755</v>
      </c>
      <c r="AF37" s="427">
        <v>63300</v>
      </c>
      <c r="AG37" s="430">
        <v>374235</v>
      </c>
      <c r="AH37" s="431">
        <v>374235</v>
      </c>
      <c r="AI37" s="426">
        <v>0</v>
      </c>
      <c r="AJ37" s="427">
        <v>0</v>
      </c>
      <c r="AK37" s="428">
        <v>0</v>
      </c>
      <c r="AL37" s="432"/>
      <c r="AM37" s="427">
        <v>0</v>
      </c>
      <c r="AN37" s="427">
        <v>0</v>
      </c>
      <c r="AO37" s="427">
        <v>0</v>
      </c>
      <c r="AP37" s="427">
        <v>0</v>
      </c>
      <c r="AQ37" s="427">
        <v>0</v>
      </c>
      <c r="AR37" s="430">
        <v>0</v>
      </c>
      <c r="AS37" s="431">
        <v>0</v>
      </c>
      <c r="AT37" s="426">
        <v>0</v>
      </c>
      <c r="AU37" s="427">
        <v>0</v>
      </c>
      <c r="AV37" s="428">
        <v>0</v>
      </c>
      <c r="AW37" s="432"/>
      <c r="AX37" s="427">
        <v>0</v>
      </c>
      <c r="AY37" s="427">
        <v>34350</v>
      </c>
      <c r="AZ37" s="427">
        <v>0</v>
      </c>
      <c r="BA37" s="427">
        <v>31650</v>
      </c>
      <c r="BB37" s="427">
        <v>0</v>
      </c>
      <c r="BC37" s="430">
        <v>66000</v>
      </c>
      <c r="BD37" s="431">
        <v>66000</v>
      </c>
      <c r="BE37" s="426">
        <v>0</v>
      </c>
      <c r="BF37" s="427">
        <v>0</v>
      </c>
      <c r="BG37" s="428">
        <v>0</v>
      </c>
      <c r="BH37" s="432"/>
      <c r="BI37" s="427">
        <v>0</v>
      </c>
      <c r="BJ37" s="427">
        <v>0</v>
      </c>
      <c r="BK37" s="427">
        <v>0</v>
      </c>
      <c r="BL37" s="427">
        <v>0</v>
      </c>
      <c r="BM37" s="427">
        <v>0</v>
      </c>
      <c r="BN37" s="430">
        <v>0</v>
      </c>
      <c r="BO37" s="431">
        <v>0</v>
      </c>
      <c r="BP37" s="426">
        <v>0</v>
      </c>
      <c r="BQ37" s="427">
        <v>0</v>
      </c>
      <c r="BR37" s="428">
        <v>0</v>
      </c>
      <c r="BS37" s="429">
        <v>0</v>
      </c>
      <c r="BT37" s="427">
        <v>4701</v>
      </c>
      <c r="BU37" s="427">
        <v>0</v>
      </c>
      <c r="BV37" s="427">
        <v>17356</v>
      </c>
      <c r="BW37" s="427">
        <v>0</v>
      </c>
      <c r="BX37" s="427">
        <v>0</v>
      </c>
      <c r="BY37" s="430">
        <v>22057</v>
      </c>
      <c r="BZ37" s="431">
        <v>22057</v>
      </c>
      <c r="CA37" s="426">
        <v>0</v>
      </c>
      <c r="CB37" s="427">
        <v>0</v>
      </c>
      <c r="CC37" s="428">
        <v>0</v>
      </c>
      <c r="CD37" s="429">
        <v>0</v>
      </c>
      <c r="CE37" s="427">
        <v>0</v>
      </c>
      <c r="CF37" s="427">
        <v>0</v>
      </c>
      <c r="CG37" s="427">
        <v>0</v>
      </c>
      <c r="CH37" s="427">
        <v>0</v>
      </c>
      <c r="CI37" s="427">
        <v>0</v>
      </c>
      <c r="CJ37" s="430">
        <v>0</v>
      </c>
      <c r="CK37" s="431">
        <v>0</v>
      </c>
      <c r="CL37" s="426">
        <v>0</v>
      </c>
      <c r="CM37" s="427">
        <v>0</v>
      </c>
      <c r="CN37" s="428">
        <v>0</v>
      </c>
      <c r="CO37" s="429">
        <v>0</v>
      </c>
      <c r="CP37" s="427">
        <v>0</v>
      </c>
      <c r="CQ37" s="427">
        <v>0</v>
      </c>
      <c r="CR37" s="427">
        <v>0</v>
      </c>
      <c r="CS37" s="427">
        <v>0</v>
      </c>
      <c r="CT37" s="427">
        <v>0</v>
      </c>
      <c r="CU37" s="430">
        <v>0</v>
      </c>
      <c r="CV37" s="431">
        <v>0</v>
      </c>
      <c r="CW37" s="426">
        <v>0</v>
      </c>
      <c r="CX37" s="427">
        <v>0</v>
      </c>
      <c r="CY37" s="428">
        <v>0</v>
      </c>
      <c r="CZ37" s="432"/>
      <c r="DA37" s="427">
        <v>0</v>
      </c>
      <c r="DB37" s="427">
        <v>0</v>
      </c>
      <c r="DC37" s="427">
        <v>0</v>
      </c>
      <c r="DD37" s="427">
        <v>0</v>
      </c>
      <c r="DE37" s="427">
        <v>0</v>
      </c>
      <c r="DF37" s="430">
        <v>0</v>
      </c>
      <c r="DG37" s="431">
        <v>0</v>
      </c>
      <c r="DH37" s="426">
        <v>0</v>
      </c>
      <c r="DI37" s="427">
        <v>0</v>
      </c>
      <c r="DJ37" s="428">
        <v>0</v>
      </c>
      <c r="DK37" s="429">
        <v>0</v>
      </c>
      <c r="DL37" s="427">
        <v>10298</v>
      </c>
      <c r="DM37" s="427">
        <v>12570</v>
      </c>
      <c r="DN37" s="427">
        <v>120084</v>
      </c>
      <c r="DO37" s="427">
        <v>233097</v>
      </c>
      <c r="DP37" s="427">
        <v>233100</v>
      </c>
      <c r="DQ37" s="430">
        <v>609149</v>
      </c>
      <c r="DR37" s="433">
        <v>609149</v>
      </c>
      <c r="DS37" s="426">
        <v>0</v>
      </c>
      <c r="DT37" s="427">
        <v>0</v>
      </c>
      <c r="DU37" s="428">
        <v>0</v>
      </c>
      <c r="DV37" s="432"/>
      <c r="DW37" s="427">
        <v>0</v>
      </c>
      <c r="DX37" s="427">
        <v>0</v>
      </c>
      <c r="DY37" s="427">
        <v>100242</v>
      </c>
      <c r="DZ37" s="427">
        <v>220800</v>
      </c>
      <c r="EA37" s="427">
        <v>232680</v>
      </c>
      <c r="EB37" s="430">
        <v>553722</v>
      </c>
      <c r="EC37" s="431">
        <v>553722</v>
      </c>
      <c r="ED37" s="426">
        <v>0</v>
      </c>
      <c r="EE37" s="427">
        <v>0</v>
      </c>
      <c r="EF37" s="428">
        <v>0</v>
      </c>
      <c r="EG37" s="432"/>
      <c r="EH37" s="427">
        <v>810</v>
      </c>
      <c r="EI37" s="427">
        <v>1260</v>
      </c>
      <c r="EJ37" s="427">
        <v>1050</v>
      </c>
      <c r="EK37" s="427">
        <v>12087</v>
      </c>
      <c r="EL37" s="427">
        <v>420</v>
      </c>
      <c r="EM37" s="430">
        <v>15627</v>
      </c>
      <c r="EN37" s="431">
        <v>15627</v>
      </c>
      <c r="EO37" s="426">
        <v>0</v>
      </c>
      <c r="EP37" s="427">
        <v>0</v>
      </c>
      <c r="EQ37" s="428">
        <v>0</v>
      </c>
      <c r="ER37" s="432">
        <v>0</v>
      </c>
      <c r="ES37" s="427">
        <v>0</v>
      </c>
      <c r="ET37" s="427">
        <v>0</v>
      </c>
      <c r="EU37" s="427">
        <v>0</v>
      </c>
      <c r="EV37" s="427">
        <v>0</v>
      </c>
      <c r="EW37" s="427">
        <v>0</v>
      </c>
      <c r="EX37" s="430">
        <v>0</v>
      </c>
      <c r="EY37" s="431">
        <v>0</v>
      </c>
      <c r="EZ37" s="426">
        <v>0</v>
      </c>
      <c r="FA37" s="427">
        <v>0</v>
      </c>
      <c r="FB37" s="428">
        <v>0</v>
      </c>
      <c r="FC37" s="432"/>
      <c r="FD37" s="427">
        <v>0</v>
      </c>
      <c r="FE37" s="427">
        <v>11310</v>
      </c>
      <c r="FF37" s="427">
        <v>0</v>
      </c>
      <c r="FG37" s="427">
        <v>210</v>
      </c>
      <c r="FH37" s="427">
        <v>0</v>
      </c>
      <c r="FI37" s="430">
        <v>11520</v>
      </c>
      <c r="FJ37" s="431">
        <v>11520</v>
      </c>
      <c r="FK37" s="426">
        <v>0</v>
      </c>
      <c r="FL37" s="427">
        <v>0</v>
      </c>
      <c r="FM37" s="428">
        <v>0</v>
      </c>
      <c r="FN37" s="432">
        <v>0</v>
      </c>
      <c r="FO37" s="427">
        <v>0</v>
      </c>
      <c r="FP37" s="427">
        <v>0</v>
      </c>
      <c r="FQ37" s="427">
        <v>0</v>
      </c>
      <c r="FR37" s="427">
        <v>0</v>
      </c>
      <c r="FS37" s="427">
        <v>0</v>
      </c>
      <c r="FT37" s="430">
        <v>0</v>
      </c>
      <c r="FU37" s="431">
        <v>0</v>
      </c>
      <c r="FV37" s="426">
        <v>0</v>
      </c>
      <c r="FW37" s="427">
        <v>0</v>
      </c>
      <c r="FX37" s="428">
        <v>0</v>
      </c>
      <c r="FY37" s="429">
        <v>0</v>
      </c>
      <c r="FZ37" s="427">
        <v>9488</v>
      </c>
      <c r="GA37" s="427">
        <v>0</v>
      </c>
      <c r="GB37" s="427">
        <v>18792</v>
      </c>
      <c r="GC37" s="427">
        <v>0</v>
      </c>
      <c r="GD37" s="427">
        <v>0</v>
      </c>
      <c r="GE37" s="430">
        <v>28280</v>
      </c>
      <c r="GF37" s="431">
        <v>28280</v>
      </c>
      <c r="GG37" s="426">
        <v>0</v>
      </c>
      <c r="GH37" s="427">
        <v>0</v>
      </c>
      <c r="GI37" s="428">
        <v>0</v>
      </c>
      <c r="GJ37" s="429">
        <v>0</v>
      </c>
      <c r="GK37" s="427">
        <v>0</v>
      </c>
      <c r="GL37" s="427">
        <v>0</v>
      </c>
      <c r="GM37" s="427">
        <v>0</v>
      </c>
      <c r="GN37" s="427">
        <v>0</v>
      </c>
      <c r="GO37" s="427">
        <v>0</v>
      </c>
      <c r="GP37" s="430">
        <v>0</v>
      </c>
      <c r="GQ37" s="431">
        <v>0</v>
      </c>
      <c r="GR37" s="426">
        <v>0</v>
      </c>
      <c r="GS37" s="427">
        <v>0</v>
      </c>
      <c r="GT37" s="428">
        <v>0</v>
      </c>
      <c r="GU37" s="429">
        <v>0</v>
      </c>
      <c r="GV37" s="427">
        <v>0</v>
      </c>
      <c r="GW37" s="427">
        <v>0</v>
      </c>
      <c r="GX37" s="427">
        <v>0</v>
      </c>
      <c r="GY37" s="427">
        <v>0</v>
      </c>
      <c r="GZ37" s="427">
        <v>0</v>
      </c>
      <c r="HA37" s="430">
        <v>0</v>
      </c>
      <c r="HB37" s="431">
        <v>0</v>
      </c>
      <c r="HC37" s="426">
        <v>0</v>
      </c>
      <c r="HD37" s="427">
        <v>0</v>
      </c>
      <c r="HE37" s="428">
        <v>0</v>
      </c>
      <c r="HF37" s="432"/>
      <c r="HG37" s="427">
        <v>0</v>
      </c>
      <c r="HH37" s="427">
        <v>0</v>
      </c>
      <c r="HI37" s="427">
        <v>0</v>
      </c>
      <c r="HJ37" s="427">
        <v>0</v>
      </c>
      <c r="HK37" s="427">
        <v>0</v>
      </c>
      <c r="HL37" s="430">
        <v>0</v>
      </c>
      <c r="HM37" s="431">
        <v>0</v>
      </c>
      <c r="HN37" s="426">
        <v>0</v>
      </c>
      <c r="HO37" s="427">
        <v>0</v>
      </c>
      <c r="HP37" s="428">
        <v>0</v>
      </c>
      <c r="HQ37" s="429">
        <v>0</v>
      </c>
      <c r="HR37" s="427">
        <v>89099</v>
      </c>
      <c r="HS37" s="427">
        <v>133750</v>
      </c>
      <c r="HT37" s="427">
        <v>290690</v>
      </c>
      <c r="HU37" s="427">
        <v>474602</v>
      </c>
      <c r="HV37" s="427">
        <v>430200</v>
      </c>
      <c r="HW37" s="430">
        <v>1418341</v>
      </c>
      <c r="HX37" s="431">
        <v>1418341</v>
      </c>
    </row>
    <row r="38" spans="1:232" ht="16.5" customHeight="1" x14ac:dyDescent="0.2">
      <c r="A38" s="208" t="s">
        <v>35</v>
      </c>
      <c r="B38" s="426">
        <v>0</v>
      </c>
      <c r="C38" s="427">
        <v>0</v>
      </c>
      <c r="D38" s="428">
        <v>0</v>
      </c>
      <c r="E38" s="429">
        <v>0</v>
      </c>
      <c r="F38" s="427">
        <v>206865</v>
      </c>
      <c r="G38" s="427">
        <v>378120</v>
      </c>
      <c r="H38" s="427">
        <v>582317</v>
      </c>
      <c r="I38" s="427">
        <v>863866</v>
      </c>
      <c r="J38" s="427">
        <v>466557</v>
      </c>
      <c r="K38" s="430">
        <v>2497725</v>
      </c>
      <c r="L38" s="431">
        <v>2497725</v>
      </c>
      <c r="M38" s="426">
        <v>0</v>
      </c>
      <c r="N38" s="427">
        <v>0</v>
      </c>
      <c r="O38" s="428">
        <v>0</v>
      </c>
      <c r="P38" s="432"/>
      <c r="Q38" s="427">
        <v>23400</v>
      </c>
      <c r="R38" s="427">
        <v>33300</v>
      </c>
      <c r="S38" s="427">
        <v>281100</v>
      </c>
      <c r="T38" s="427">
        <v>534600</v>
      </c>
      <c r="U38" s="427">
        <v>293040</v>
      </c>
      <c r="V38" s="430">
        <v>1165440</v>
      </c>
      <c r="W38" s="431">
        <v>1165440</v>
      </c>
      <c r="X38" s="426">
        <v>0</v>
      </c>
      <c r="Y38" s="427">
        <v>0</v>
      </c>
      <c r="Z38" s="428">
        <v>0</v>
      </c>
      <c r="AA38" s="432"/>
      <c r="AB38" s="427">
        <v>140145</v>
      </c>
      <c r="AC38" s="427">
        <v>299535</v>
      </c>
      <c r="AD38" s="427">
        <v>197530</v>
      </c>
      <c r="AE38" s="427">
        <v>221780</v>
      </c>
      <c r="AF38" s="427">
        <v>37375</v>
      </c>
      <c r="AG38" s="430">
        <v>896365</v>
      </c>
      <c r="AH38" s="431">
        <v>896365</v>
      </c>
      <c r="AI38" s="426">
        <v>0</v>
      </c>
      <c r="AJ38" s="427">
        <v>0</v>
      </c>
      <c r="AK38" s="428">
        <v>0</v>
      </c>
      <c r="AL38" s="432"/>
      <c r="AM38" s="427">
        <v>0</v>
      </c>
      <c r="AN38" s="427">
        <v>0</v>
      </c>
      <c r="AO38" s="427">
        <v>0</v>
      </c>
      <c r="AP38" s="427">
        <v>0</v>
      </c>
      <c r="AQ38" s="427">
        <v>0</v>
      </c>
      <c r="AR38" s="430">
        <v>0</v>
      </c>
      <c r="AS38" s="431">
        <v>0</v>
      </c>
      <c r="AT38" s="426">
        <v>0</v>
      </c>
      <c r="AU38" s="427">
        <v>0</v>
      </c>
      <c r="AV38" s="428">
        <v>0</v>
      </c>
      <c r="AW38" s="432"/>
      <c r="AX38" s="427">
        <v>41560</v>
      </c>
      <c r="AY38" s="427">
        <v>0</v>
      </c>
      <c r="AZ38" s="427">
        <v>36900</v>
      </c>
      <c r="BA38" s="427">
        <v>92550</v>
      </c>
      <c r="BB38" s="427">
        <v>132340</v>
      </c>
      <c r="BC38" s="430">
        <v>303350</v>
      </c>
      <c r="BD38" s="431">
        <v>303350</v>
      </c>
      <c r="BE38" s="426">
        <v>0</v>
      </c>
      <c r="BF38" s="427">
        <v>0</v>
      </c>
      <c r="BG38" s="428">
        <v>0</v>
      </c>
      <c r="BH38" s="432"/>
      <c r="BI38" s="427">
        <v>0</v>
      </c>
      <c r="BJ38" s="427">
        <v>0</v>
      </c>
      <c r="BK38" s="427">
        <v>0</v>
      </c>
      <c r="BL38" s="427">
        <v>0</v>
      </c>
      <c r="BM38" s="427">
        <v>0</v>
      </c>
      <c r="BN38" s="430">
        <v>0</v>
      </c>
      <c r="BO38" s="431">
        <v>0</v>
      </c>
      <c r="BP38" s="426">
        <v>0</v>
      </c>
      <c r="BQ38" s="427">
        <v>0</v>
      </c>
      <c r="BR38" s="428">
        <v>0</v>
      </c>
      <c r="BS38" s="429">
        <v>0</v>
      </c>
      <c r="BT38" s="427">
        <v>1300</v>
      </c>
      <c r="BU38" s="427">
        <v>45285</v>
      </c>
      <c r="BV38" s="427">
        <v>66787</v>
      </c>
      <c r="BW38" s="427">
        <v>14936</v>
      </c>
      <c r="BX38" s="427">
        <v>3802</v>
      </c>
      <c r="BY38" s="430">
        <v>132110</v>
      </c>
      <c r="BZ38" s="431">
        <v>132110</v>
      </c>
      <c r="CA38" s="426">
        <v>0</v>
      </c>
      <c r="CB38" s="427">
        <v>0</v>
      </c>
      <c r="CC38" s="428">
        <v>0</v>
      </c>
      <c r="CD38" s="429">
        <v>0</v>
      </c>
      <c r="CE38" s="427">
        <v>460</v>
      </c>
      <c r="CF38" s="427">
        <v>0</v>
      </c>
      <c r="CG38" s="427">
        <v>0</v>
      </c>
      <c r="CH38" s="427">
        <v>0</v>
      </c>
      <c r="CI38" s="427">
        <v>0</v>
      </c>
      <c r="CJ38" s="430">
        <v>460</v>
      </c>
      <c r="CK38" s="431">
        <v>460</v>
      </c>
      <c r="CL38" s="426">
        <v>0</v>
      </c>
      <c r="CM38" s="427">
        <v>0</v>
      </c>
      <c r="CN38" s="428">
        <v>0</v>
      </c>
      <c r="CO38" s="429">
        <v>0</v>
      </c>
      <c r="CP38" s="427">
        <v>0</v>
      </c>
      <c r="CQ38" s="427">
        <v>0</v>
      </c>
      <c r="CR38" s="427">
        <v>0</v>
      </c>
      <c r="CS38" s="427">
        <v>0</v>
      </c>
      <c r="CT38" s="427">
        <v>0</v>
      </c>
      <c r="CU38" s="430">
        <v>0</v>
      </c>
      <c r="CV38" s="431">
        <v>0</v>
      </c>
      <c r="CW38" s="426">
        <v>0</v>
      </c>
      <c r="CX38" s="427">
        <v>0</v>
      </c>
      <c r="CY38" s="428">
        <v>0</v>
      </c>
      <c r="CZ38" s="432"/>
      <c r="DA38" s="427">
        <v>0</v>
      </c>
      <c r="DB38" s="427">
        <v>0</v>
      </c>
      <c r="DC38" s="427">
        <v>0</v>
      </c>
      <c r="DD38" s="427">
        <v>0</v>
      </c>
      <c r="DE38" s="427">
        <v>0</v>
      </c>
      <c r="DF38" s="430">
        <v>0</v>
      </c>
      <c r="DG38" s="431">
        <v>0</v>
      </c>
      <c r="DH38" s="426">
        <v>0</v>
      </c>
      <c r="DI38" s="427">
        <v>0</v>
      </c>
      <c r="DJ38" s="428">
        <v>0</v>
      </c>
      <c r="DK38" s="429">
        <v>0</v>
      </c>
      <c r="DL38" s="427">
        <v>44853</v>
      </c>
      <c r="DM38" s="427">
        <v>106081</v>
      </c>
      <c r="DN38" s="427">
        <v>512873</v>
      </c>
      <c r="DO38" s="427">
        <v>527609</v>
      </c>
      <c r="DP38" s="427">
        <v>332491</v>
      </c>
      <c r="DQ38" s="430">
        <v>1523907</v>
      </c>
      <c r="DR38" s="433">
        <v>1523907</v>
      </c>
      <c r="DS38" s="426">
        <v>0</v>
      </c>
      <c r="DT38" s="427">
        <v>0</v>
      </c>
      <c r="DU38" s="428">
        <v>0</v>
      </c>
      <c r="DV38" s="432"/>
      <c r="DW38" s="427">
        <v>14550</v>
      </c>
      <c r="DX38" s="427">
        <v>29100</v>
      </c>
      <c r="DY38" s="427">
        <v>425940</v>
      </c>
      <c r="DZ38" s="427">
        <v>470310</v>
      </c>
      <c r="EA38" s="427">
        <v>285120</v>
      </c>
      <c r="EB38" s="430">
        <v>1225020</v>
      </c>
      <c r="EC38" s="431">
        <v>1225020</v>
      </c>
      <c r="ED38" s="426">
        <v>0</v>
      </c>
      <c r="EE38" s="427">
        <v>0</v>
      </c>
      <c r="EF38" s="428">
        <v>0</v>
      </c>
      <c r="EG38" s="432"/>
      <c r="EH38" s="427">
        <v>11762</v>
      </c>
      <c r="EI38" s="427">
        <v>3073</v>
      </c>
      <c r="EJ38" s="427">
        <v>12780</v>
      </c>
      <c r="EK38" s="427">
        <v>1869</v>
      </c>
      <c r="EL38" s="427">
        <v>2095</v>
      </c>
      <c r="EM38" s="430">
        <v>31579</v>
      </c>
      <c r="EN38" s="431">
        <v>31579</v>
      </c>
      <c r="EO38" s="426">
        <v>0</v>
      </c>
      <c r="EP38" s="427">
        <v>0</v>
      </c>
      <c r="EQ38" s="428">
        <v>0</v>
      </c>
      <c r="ER38" s="432">
        <v>0</v>
      </c>
      <c r="ES38" s="427">
        <v>0</v>
      </c>
      <c r="ET38" s="427">
        <v>0</v>
      </c>
      <c r="EU38" s="427">
        <v>0</v>
      </c>
      <c r="EV38" s="427">
        <v>0</v>
      </c>
      <c r="EW38" s="427">
        <v>0</v>
      </c>
      <c r="EX38" s="430">
        <v>0</v>
      </c>
      <c r="EY38" s="431">
        <v>0</v>
      </c>
      <c r="EZ38" s="426">
        <v>0</v>
      </c>
      <c r="FA38" s="427">
        <v>0</v>
      </c>
      <c r="FB38" s="428">
        <v>0</v>
      </c>
      <c r="FC38" s="432"/>
      <c r="FD38" s="427">
        <v>11744</v>
      </c>
      <c r="FE38" s="427">
        <v>0</v>
      </c>
      <c r="FF38" s="427">
        <v>11520</v>
      </c>
      <c r="FG38" s="427">
        <v>22858</v>
      </c>
      <c r="FH38" s="427">
        <v>34602</v>
      </c>
      <c r="FI38" s="430">
        <v>80724</v>
      </c>
      <c r="FJ38" s="431">
        <v>80724</v>
      </c>
      <c r="FK38" s="426">
        <v>0</v>
      </c>
      <c r="FL38" s="427">
        <v>0</v>
      </c>
      <c r="FM38" s="428">
        <v>0</v>
      </c>
      <c r="FN38" s="432">
        <v>0</v>
      </c>
      <c r="FO38" s="427">
        <v>0</v>
      </c>
      <c r="FP38" s="427">
        <v>0</v>
      </c>
      <c r="FQ38" s="427">
        <v>0</v>
      </c>
      <c r="FR38" s="427">
        <v>0</v>
      </c>
      <c r="FS38" s="427">
        <v>0</v>
      </c>
      <c r="FT38" s="430">
        <v>0</v>
      </c>
      <c r="FU38" s="431">
        <v>0</v>
      </c>
      <c r="FV38" s="426">
        <v>0</v>
      </c>
      <c r="FW38" s="427">
        <v>0</v>
      </c>
      <c r="FX38" s="428">
        <v>0</v>
      </c>
      <c r="FY38" s="429">
        <v>0</v>
      </c>
      <c r="FZ38" s="427">
        <v>6790</v>
      </c>
      <c r="GA38" s="427">
        <v>73908</v>
      </c>
      <c r="GB38" s="427">
        <v>62633</v>
      </c>
      <c r="GC38" s="427">
        <v>32572</v>
      </c>
      <c r="GD38" s="427">
        <v>10674</v>
      </c>
      <c r="GE38" s="430">
        <v>186577</v>
      </c>
      <c r="GF38" s="431">
        <v>186577</v>
      </c>
      <c r="GG38" s="426">
        <v>0</v>
      </c>
      <c r="GH38" s="427">
        <v>0</v>
      </c>
      <c r="GI38" s="428">
        <v>0</v>
      </c>
      <c r="GJ38" s="429">
        <v>0</v>
      </c>
      <c r="GK38" s="427">
        <v>7</v>
      </c>
      <c r="GL38" s="427">
        <v>0</v>
      </c>
      <c r="GM38" s="427">
        <v>0</v>
      </c>
      <c r="GN38" s="427">
        <v>0</v>
      </c>
      <c r="GO38" s="427">
        <v>0</v>
      </c>
      <c r="GP38" s="430">
        <v>7</v>
      </c>
      <c r="GQ38" s="431">
        <v>7</v>
      </c>
      <c r="GR38" s="426">
        <v>0</v>
      </c>
      <c r="GS38" s="427">
        <v>0</v>
      </c>
      <c r="GT38" s="428">
        <v>0</v>
      </c>
      <c r="GU38" s="429">
        <v>0</v>
      </c>
      <c r="GV38" s="427">
        <v>0</v>
      </c>
      <c r="GW38" s="427">
        <v>0</v>
      </c>
      <c r="GX38" s="427">
        <v>0</v>
      </c>
      <c r="GY38" s="427">
        <v>0</v>
      </c>
      <c r="GZ38" s="427">
        <v>0</v>
      </c>
      <c r="HA38" s="430">
        <v>0</v>
      </c>
      <c r="HB38" s="431">
        <v>0</v>
      </c>
      <c r="HC38" s="426">
        <v>0</v>
      </c>
      <c r="HD38" s="427">
        <v>0</v>
      </c>
      <c r="HE38" s="428">
        <v>0</v>
      </c>
      <c r="HF38" s="432"/>
      <c r="HG38" s="427">
        <v>0</v>
      </c>
      <c r="HH38" s="427">
        <v>0</v>
      </c>
      <c r="HI38" s="427">
        <v>0</v>
      </c>
      <c r="HJ38" s="427">
        <v>0</v>
      </c>
      <c r="HK38" s="427">
        <v>0</v>
      </c>
      <c r="HL38" s="430">
        <v>0</v>
      </c>
      <c r="HM38" s="431">
        <v>0</v>
      </c>
      <c r="HN38" s="426">
        <v>0</v>
      </c>
      <c r="HO38" s="427">
        <v>0</v>
      </c>
      <c r="HP38" s="428">
        <v>0</v>
      </c>
      <c r="HQ38" s="429">
        <v>0</v>
      </c>
      <c r="HR38" s="427">
        <v>251718</v>
      </c>
      <c r="HS38" s="427">
        <v>484201</v>
      </c>
      <c r="HT38" s="427">
        <v>1095190</v>
      </c>
      <c r="HU38" s="427">
        <v>1391475</v>
      </c>
      <c r="HV38" s="427">
        <v>799048</v>
      </c>
      <c r="HW38" s="430">
        <v>4021632</v>
      </c>
      <c r="HX38" s="431">
        <v>4021632</v>
      </c>
    </row>
    <row r="39" spans="1:232" ht="16.5" customHeight="1" x14ac:dyDescent="0.2">
      <c r="A39" s="208" t="s">
        <v>36</v>
      </c>
      <c r="B39" s="426">
        <v>0</v>
      </c>
      <c r="C39" s="427">
        <v>0</v>
      </c>
      <c r="D39" s="428">
        <v>0</v>
      </c>
      <c r="E39" s="429">
        <v>0</v>
      </c>
      <c r="F39" s="427">
        <v>269945</v>
      </c>
      <c r="G39" s="427">
        <v>259705</v>
      </c>
      <c r="H39" s="427">
        <v>689130</v>
      </c>
      <c r="I39" s="427">
        <v>637590</v>
      </c>
      <c r="J39" s="427">
        <v>759300</v>
      </c>
      <c r="K39" s="430">
        <v>2615670</v>
      </c>
      <c r="L39" s="431">
        <v>2615670</v>
      </c>
      <c r="M39" s="426">
        <v>0</v>
      </c>
      <c r="N39" s="427">
        <v>0</v>
      </c>
      <c r="O39" s="428">
        <v>0</v>
      </c>
      <c r="P39" s="432"/>
      <c r="Q39" s="427">
        <v>0</v>
      </c>
      <c r="R39" s="427">
        <v>31650</v>
      </c>
      <c r="S39" s="427">
        <v>426710</v>
      </c>
      <c r="T39" s="427">
        <v>487370</v>
      </c>
      <c r="U39" s="427">
        <v>553340</v>
      </c>
      <c r="V39" s="430">
        <v>1499070</v>
      </c>
      <c r="W39" s="431">
        <v>1499070</v>
      </c>
      <c r="X39" s="426">
        <v>0</v>
      </c>
      <c r="Y39" s="427">
        <v>0</v>
      </c>
      <c r="Z39" s="428">
        <v>0</v>
      </c>
      <c r="AA39" s="432"/>
      <c r="AB39" s="427">
        <v>255240</v>
      </c>
      <c r="AC39" s="427">
        <v>213600</v>
      </c>
      <c r="AD39" s="427">
        <v>205890</v>
      </c>
      <c r="AE39" s="427">
        <v>103940</v>
      </c>
      <c r="AF39" s="427">
        <v>175710</v>
      </c>
      <c r="AG39" s="430">
        <v>954380</v>
      </c>
      <c r="AH39" s="431">
        <v>954380</v>
      </c>
      <c r="AI39" s="426">
        <v>0</v>
      </c>
      <c r="AJ39" s="427">
        <v>0</v>
      </c>
      <c r="AK39" s="428">
        <v>0</v>
      </c>
      <c r="AL39" s="432"/>
      <c r="AM39" s="427">
        <v>0</v>
      </c>
      <c r="AN39" s="427">
        <v>0</v>
      </c>
      <c r="AO39" s="427">
        <v>0</v>
      </c>
      <c r="AP39" s="427">
        <v>0</v>
      </c>
      <c r="AQ39" s="427">
        <v>0</v>
      </c>
      <c r="AR39" s="430">
        <v>0</v>
      </c>
      <c r="AS39" s="431">
        <v>0</v>
      </c>
      <c r="AT39" s="426">
        <v>0</v>
      </c>
      <c r="AU39" s="427">
        <v>0</v>
      </c>
      <c r="AV39" s="428">
        <v>0</v>
      </c>
      <c r="AW39" s="432"/>
      <c r="AX39" s="427">
        <v>0</v>
      </c>
      <c r="AY39" s="427">
        <v>0</v>
      </c>
      <c r="AZ39" s="427">
        <v>0</v>
      </c>
      <c r="BA39" s="427">
        <v>28185</v>
      </c>
      <c r="BB39" s="427">
        <v>0</v>
      </c>
      <c r="BC39" s="430">
        <v>28185</v>
      </c>
      <c r="BD39" s="431">
        <v>28185</v>
      </c>
      <c r="BE39" s="426">
        <v>0</v>
      </c>
      <c r="BF39" s="427">
        <v>0</v>
      </c>
      <c r="BG39" s="428">
        <v>0</v>
      </c>
      <c r="BH39" s="432"/>
      <c r="BI39" s="427">
        <v>0</v>
      </c>
      <c r="BJ39" s="427">
        <v>0</v>
      </c>
      <c r="BK39" s="427">
        <v>0</v>
      </c>
      <c r="BL39" s="427">
        <v>0</v>
      </c>
      <c r="BM39" s="427">
        <v>0</v>
      </c>
      <c r="BN39" s="430">
        <v>0</v>
      </c>
      <c r="BO39" s="431">
        <v>0</v>
      </c>
      <c r="BP39" s="426">
        <v>0</v>
      </c>
      <c r="BQ39" s="427">
        <v>0</v>
      </c>
      <c r="BR39" s="428">
        <v>0</v>
      </c>
      <c r="BS39" s="429">
        <v>0</v>
      </c>
      <c r="BT39" s="427">
        <v>14705</v>
      </c>
      <c r="BU39" s="427">
        <v>14455</v>
      </c>
      <c r="BV39" s="427">
        <v>56530</v>
      </c>
      <c r="BW39" s="427">
        <v>18095</v>
      </c>
      <c r="BX39" s="427">
        <v>30250</v>
      </c>
      <c r="BY39" s="430">
        <v>134035</v>
      </c>
      <c r="BZ39" s="431">
        <v>134035</v>
      </c>
      <c r="CA39" s="426">
        <v>0</v>
      </c>
      <c r="CB39" s="427">
        <v>0</v>
      </c>
      <c r="CC39" s="428">
        <v>0</v>
      </c>
      <c r="CD39" s="429">
        <v>0</v>
      </c>
      <c r="CE39" s="427">
        <v>0</v>
      </c>
      <c r="CF39" s="427">
        <v>0</v>
      </c>
      <c r="CG39" s="427">
        <v>0</v>
      </c>
      <c r="CH39" s="427">
        <v>0</v>
      </c>
      <c r="CI39" s="427">
        <v>0</v>
      </c>
      <c r="CJ39" s="430">
        <v>0</v>
      </c>
      <c r="CK39" s="431">
        <v>0</v>
      </c>
      <c r="CL39" s="426">
        <v>0</v>
      </c>
      <c r="CM39" s="427">
        <v>0</v>
      </c>
      <c r="CN39" s="428">
        <v>0</v>
      </c>
      <c r="CO39" s="429">
        <v>0</v>
      </c>
      <c r="CP39" s="427">
        <v>0</v>
      </c>
      <c r="CQ39" s="427">
        <v>0</v>
      </c>
      <c r="CR39" s="427">
        <v>0</v>
      </c>
      <c r="CS39" s="427">
        <v>0</v>
      </c>
      <c r="CT39" s="427">
        <v>0</v>
      </c>
      <c r="CU39" s="430">
        <v>0</v>
      </c>
      <c r="CV39" s="431">
        <v>0</v>
      </c>
      <c r="CW39" s="426">
        <v>0</v>
      </c>
      <c r="CX39" s="427">
        <v>0</v>
      </c>
      <c r="CY39" s="428">
        <v>0</v>
      </c>
      <c r="CZ39" s="432"/>
      <c r="DA39" s="427">
        <v>0</v>
      </c>
      <c r="DB39" s="427">
        <v>0</v>
      </c>
      <c r="DC39" s="427">
        <v>0</v>
      </c>
      <c r="DD39" s="427">
        <v>0</v>
      </c>
      <c r="DE39" s="427">
        <v>0</v>
      </c>
      <c r="DF39" s="430">
        <v>0</v>
      </c>
      <c r="DG39" s="431">
        <v>0</v>
      </c>
      <c r="DH39" s="426">
        <v>0</v>
      </c>
      <c r="DI39" s="427">
        <v>0</v>
      </c>
      <c r="DJ39" s="428">
        <v>0</v>
      </c>
      <c r="DK39" s="429">
        <v>0</v>
      </c>
      <c r="DL39" s="427">
        <v>30281</v>
      </c>
      <c r="DM39" s="427">
        <v>57420</v>
      </c>
      <c r="DN39" s="427">
        <v>496796</v>
      </c>
      <c r="DO39" s="427">
        <v>582523</v>
      </c>
      <c r="DP39" s="427">
        <v>731017</v>
      </c>
      <c r="DQ39" s="430">
        <v>1898037</v>
      </c>
      <c r="DR39" s="433">
        <v>1898037</v>
      </c>
      <c r="DS39" s="426">
        <v>0</v>
      </c>
      <c r="DT39" s="427">
        <v>0</v>
      </c>
      <c r="DU39" s="428">
        <v>0</v>
      </c>
      <c r="DV39" s="432"/>
      <c r="DW39" s="427">
        <v>0</v>
      </c>
      <c r="DX39" s="427">
        <v>14550</v>
      </c>
      <c r="DY39" s="427">
        <v>395620</v>
      </c>
      <c r="DZ39" s="427">
        <v>534502</v>
      </c>
      <c r="EA39" s="427">
        <v>709575</v>
      </c>
      <c r="EB39" s="430">
        <v>1654247</v>
      </c>
      <c r="EC39" s="431">
        <v>1654247</v>
      </c>
      <c r="ED39" s="426">
        <v>0</v>
      </c>
      <c r="EE39" s="427">
        <v>0</v>
      </c>
      <c r="EF39" s="428">
        <v>0</v>
      </c>
      <c r="EG39" s="432"/>
      <c r="EH39" s="427">
        <v>13893</v>
      </c>
      <c r="EI39" s="427">
        <v>25140</v>
      </c>
      <c r="EJ39" s="427">
        <v>3864</v>
      </c>
      <c r="EK39" s="427">
        <v>23456</v>
      </c>
      <c r="EL39" s="427">
        <v>2247</v>
      </c>
      <c r="EM39" s="430">
        <v>68600</v>
      </c>
      <c r="EN39" s="431">
        <v>68600</v>
      </c>
      <c r="EO39" s="426">
        <v>0</v>
      </c>
      <c r="EP39" s="427">
        <v>0</v>
      </c>
      <c r="EQ39" s="428">
        <v>0</v>
      </c>
      <c r="ER39" s="432">
        <v>0</v>
      </c>
      <c r="ES39" s="427">
        <v>0</v>
      </c>
      <c r="ET39" s="427">
        <v>0</v>
      </c>
      <c r="EU39" s="427">
        <v>0</v>
      </c>
      <c r="EV39" s="427">
        <v>0</v>
      </c>
      <c r="EW39" s="427">
        <v>0</v>
      </c>
      <c r="EX39" s="430">
        <v>0</v>
      </c>
      <c r="EY39" s="431">
        <v>0</v>
      </c>
      <c r="EZ39" s="426">
        <v>0</v>
      </c>
      <c r="FA39" s="427">
        <v>0</v>
      </c>
      <c r="FB39" s="428">
        <v>0</v>
      </c>
      <c r="FC39" s="432"/>
      <c r="FD39" s="427">
        <v>0</v>
      </c>
      <c r="FE39" s="427">
        <v>0</v>
      </c>
      <c r="FF39" s="427">
        <v>0</v>
      </c>
      <c r="FG39" s="427">
        <v>567</v>
      </c>
      <c r="FH39" s="427">
        <v>0</v>
      </c>
      <c r="FI39" s="430">
        <v>567</v>
      </c>
      <c r="FJ39" s="431">
        <v>567</v>
      </c>
      <c r="FK39" s="426">
        <v>0</v>
      </c>
      <c r="FL39" s="427">
        <v>0</v>
      </c>
      <c r="FM39" s="428">
        <v>0</v>
      </c>
      <c r="FN39" s="432">
        <v>0</v>
      </c>
      <c r="FO39" s="427">
        <v>0</v>
      </c>
      <c r="FP39" s="427">
        <v>0</v>
      </c>
      <c r="FQ39" s="427">
        <v>0</v>
      </c>
      <c r="FR39" s="427">
        <v>0</v>
      </c>
      <c r="FS39" s="427">
        <v>0</v>
      </c>
      <c r="FT39" s="430">
        <v>0</v>
      </c>
      <c r="FU39" s="431">
        <v>0</v>
      </c>
      <c r="FV39" s="426">
        <v>0</v>
      </c>
      <c r="FW39" s="427">
        <v>0</v>
      </c>
      <c r="FX39" s="428">
        <v>0</v>
      </c>
      <c r="FY39" s="429">
        <v>0</v>
      </c>
      <c r="FZ39" s="427">
        <v>16388</v>
      </c>
      <c r="GA39" s="427">
        <v>17730</v>
      </c>
      <c r="GB39" s="427">
        <v>97312</v>
      </c>
      <c r="GC39" s="427">
        <v>23998</v>
      </c>
      <c r="GD39" s="427">
        <v>19195</v>
      </c>
      <c r="GE39" s="430">
        <v>174623</v>
      </c>
      <c r="GF39" s="431">
        <v>174623</v>
      </c>
      <c r="GG39" s="426">
        <v>0</v>
      </c>
      <c r="GH39" s="427">
        <v>0</v>
      </c>
      <c r="GI39" s="428">
        <v>0</v>
      </c>
      <c r="GJ39" s="429">
        <v>0</v>
      </c>
      <c r="GK39" s="427">
        <v>0</v>
      </c>
      <c r="GL39" s="427">
        <v>0</v>
      </c>
      <c r="GM39" s="427">
        <v>0</v>
      </c>
      <c r="GN39" s="427">
        <v>0</v>
      </c>
      <c r="GO39" s="427">
        <v>0</v>
      </c>
      <c r="GP39" s="430">
        <v>0</v>
      </c>
      <c r="GQ39" s="431">
        <v>0</v>
      </c>
      <c r="GR39" s="426">
        <v>0</v>
      </c>
      <c r="GS39" s="427">
        <v>0</v>
      </c>
      <c r="GT39" s="428">
        <v>0</v>
      </c>
      <c r="GU39" s="429">
        <v>0</v>
      </c>
      <c r="GV39" s="427">
        <v>0</v>
      </c>
      <c r="GW39" s="427">
        <v>0</v>
      </c>
      <c r="GX39" s="427">
        <v>0</v>
      </c>
      <c r="GY39" s="427">
        <v>0</v>
      </c>
      <c r="GZ39" s="427">
        <v>0</v>
      </c>
      <c r="HA39" s="430">
        <v>0</v>
      </c>
      <c r="HB39" s="431">
        <v>0</v>
      </c>
      <c r="HC39" s="426">
        <v>0</v>
      </c>
      <c r="HD39" s="427">
        <v>0</v>
      </c>
      <c r="HE39" s="428">
        <v>0</v>
      </c>
      <c r="HF39" s="432"/>
      <c r="HG39" s="427">
        <v>0</v>
      </c>
      <c r="HH39" s="427">
        <v>0</v>
      </c>
      <c r="HI39" s="427">
        <v>0</v>
      </c>
      <c r="HJ39" s="427">
        <v>0</v>
      </c>
      <c r="HK39" s="427">
        <v>0</v>
      </c>
      <c r="HL39" s="430">
        <v>0</v>
      </c>
      <c r="HM39" s="431">
        <v>0</v>
      </c>
      <c r="HN39" s="426">
        <v>0</v>
      </c>
      <c r="HO39" s="427">
        <v>0</v>
      </c>
      <c r="HP39" s="428">
        <v>0</v>
      </c>
      <c r="HQ39" s="429">
        <v>0</v>
      </c>
      <c r="HR39" s="427">
        <v>300226</v>
      </c>
      <c r="HS39" s="427">
        <v>317125</v>
      </c>
      <c r="HT39" s="427">
        <v>1185926</v>
      </c>
      <c r="HU39" s="427">
        <v>1220113</v>
      </c>
      <c r="HV39" s="427">
        <v>1490317</v>
      </c>
      <c r="HW39" s="430">
        <v>4513707</v>
      </c>
      <c r="HX39" s="431">
        <v>4513707</v>
      </c>
    </row>
    <row r="40" spans="1:232" ht="16.5" customHeight="1" thickBot="1" x14ac:dyDescent="0.25">
      <c r="A40" s="209" t="s">
        <v>37</v>
      </c>
      <c r="B40" s="434">
        <v>0</v>
      </c>
      <c r="C40" s="435">
        <v>0</v>
      </c>
      <c r="D40" s="436">
        <v>0</v>
      </c>
      <c r="E40" s="437">
        <v>0</v>
      </c>
      <c r="F40" s="435">
        <v>0</v>
      </c>
      <c r="G40" s="435">
        <v>2805</v>
      </c>
      <c r="H40" s="435">
        <v>42125</v>
      </c>
      <c r="I40" s="435">
        <v>38450</v>
      </c>
      <c r="J40" s="435">
        <v>34200</v>
      </c>
      <c r="K40" s="438">
        <v>117580</v>
      </c>
      <c r="L40" s="439">
        <v>117580</v>
      </c>
      <c r="M40" s="434">
        <v>0</v>
      </c>
      <c r="N40" s="435">
        <v>0</v>
      </c>
      <c r="O40" s="436">
        <v>0</v>
      </c>
      <c r="P40" s="440"/>
      <c r="Q40" s="435">
        <v>0</v>
      </c>
      <c r="R40" s="435">
        <v>0</v>
      </c>
      <c r="S40" s="435">
        <v>36750</v>
      </c>
      <c r="T40" s="435">
        <v>38450</v>
      </c>
      <c r="U40" s="435">
        <v>34200</v>
      </c>
      <c r="V40" s="438">
        <v>109400</v>
      </c>
      <c r="W40" s="439">
        <v>109400</v>
      </c>
      <c r="X40" s="434">
        <v>0</v>
      </c>
      <c r="Y40" s="435">
        <v>0</v>
      </c>
      <c r="Z40" s="436">
        <v>0</v>
      </c>
      <c r="AA40" s="440"/>
      <c r="AB40" s="435">
        <v>0</v>
      </c>
      <c r="AC40" s="435">
        <v>2550</v>
      </c>
      <c r="AD40" s="435">
        <v>2550</v>
      </c>
      <c r="AE40" s="435">
        <v>0</v>
      </c>
      <c r="AF40" s="435">
        <v>0</v>
      </c>
      <c r="AG40" s="438">
        <v>5100</v>
      </c>
      <c r="AH40" s="439">
        <v>5100</v>
      </c>
      <c r="AI40" s="434">
        <v>0</v>
      </c>
      <c r="AJ40" s="435">
        <v>0</v>
      </c>
      <c r="AK40" s="436">
        <v>0</v>
      </c>
      <c r="AL40" s="440"/>
      <c r="AM40" s="435">
        <v>0</v>
      </c>
      <c r="AN40" s="435">
        <v>0</v>
      </c>
      <c r="AO40" s="435">
        <v>0</v>
      </c>
      <c r="AP40" s="435">
        <v>0</v>
      </c>
      <c r="AQ40" s="435">
        <v>0</v>
      </c>
      <c r="AR40" s="438">
        <v>0</v>
      </c>
      <c r="AS40" s="439">
        <v>0</v>
      </c>
      <c r="AT40" s="434">
        <v>0</v>
      </c>
      <c r="AU40" s="435">
        <v>0</v>
      </c>
      <c r="AV40" s="436">
        <v>0</v>
      </c>
      <c r="AW40" s="440"/>
      <c r="AX40" s="435">
        <v>0</v>
      </c>
      <c r="AY40" s="435">
        <v>0</v>
      </c>
      <c r="AZ40" s="435">
        <v>0</v>
      </c>
      <c r="BA40" s="435">
        <v>0</v>
      </c>
      <c r="BB40" s="435">
        <v>0</v>
      </c>
      <c r="BC40" s="438">
        <v>0</v>
      </c>
      <c r="BD40" s="439">
        <v>0</v>
      </c>
      <c r="BE40" s="434">
        <v>0</v>
      </c>
      <c r="BF40" s="435">
        <v>0</v>
      </c>
      <c r="BG40" s="436">
        <v>0</v>
      </c>
      <c r="BH40" s="440"/>
      <c r="BI40" s="435">
        <v>0</v>
      </c>
      <c r="BJ40" s="435">
        <v>0</v>
      </c>
      <c r="BK40" s="435">
        <v>0</v>
      </c>
      <c r="BL40" s="435">
        <v>0</v>
      </c>
      <c r="BM40" s="435">
        <v>0</v>
      </c>
      <c r="BN40" s="438">
        <v>0</v>
      </c>
      <c r="BO40" s="439">
        <v>0</v>
      </c>
      <c r="BP40" s="434">
        <v>0</v>
      </c>
      <c r="BQ40" s="435">
        <v>0</v>
      </c>
      <c r="BR40" s="436">
        <v>0</v>
      </c>
      <c r="BS40" s="437">
        <v>0</v>
      </c>
      <c r="BT40" s="435">
        <v>0</v>
      </c>
      <c r="BU40" s="435">
        <v>255</v>
      </c>
      <c r="BV40" s="435">
        <v>600</v>
      </c>
      <c r="BW40" s="435">
        <v>0</v>
      </c>
      <c r="BX40" s="435">
        <v>0</v>
      </c>
      <c r="BY40" s="438">
        <v>855</v>
      </c>
      <c r="BZ40" s="439">
        <v>855</v>
      </c>
      <c r="CA40" s="434">
        <v>0</v>
      </c>
      <c r="CB40" s="435">
        <v>0</v>
      </c>
      <c r="CC40" s="436">
        <v>0</v>
      </c>
      <c r="CD40" s="437">
        <v>0</v>
      </c>
      <c r="CE40" s="435">
        <v>0</v>
      </c>
      <c r="CF40" s="435">
        <v>0</v>
      </c>
      <c r="CG40" s="435">
        <v>2225</v>
      </c>
      <c r="CH40" s="435">
        <v>0</v>
      </c>
      <c r="CI40" s="435">
        <v>0</v>
      </c>
      <c r="CJ40" s="438">
        <v>2225</v>
      </c>
      <c r="CK40" s="439">
        <v>2225</v>
      </c>
      <c r="CL40" s="434">
        <v>0</v>
      </c>
      <c r="CM40" s="435">
        <v>0</v>
      </c>
      <c r="CN40" s="436">
        <v>0</v>
      </c>
      <c r="CO40" s="437">
        <v>0</v>
      </c>
      <c r="CP40" s="435">
        <v>0</v>
      </c>
      <c r="CQ40" s="435">
        <v>0</v>
      </c>
      <c r="CR40" s="435">
        <v>0</v>
      </c>
      <c r="CS40" s="435">
        <v>0</v>
      </c>
      <c r="CT40" s="435">
        <v>0</v>
      </c>
      <c r="CU40" s="438">
        <v>0</v>
      </c>
      <c r="CV40" s="439">
        <v>0</v>
      </c>
      <c r="CW40" s="434">
        <v>0</v>
      </c>
      <c r="CX40" s="435">
        <v>0</v>
      </c>
      <c r="CY40" s="436">
        <v>0</v>
      </c>
      <c r="CZ40" s="440"/>
      <c r="DA40" s="435">
        <v>0</v>
      </c>
      <c r="DB40" s="435">
        <v>0</v>
      </c>
      <c r="DC40" s="435">
        <v>0</v>
      </c>
      <c r="DD40" s="435">
        <v>0</v>
      </c>
      <c r="DE40" s="435">
        <v>0</v>
      </c>
      <c r="DF40" s="438">
        <v>0</v>
      </c>
      <c r="DG40" s="439">
        <v>0</v>
      </c>
      <c r="DH40" s="434">
        <v>0</v>
      </c>
      <c r="DI40" s="435">
        <v>0</v>
      </c>
      <c r="DJ40" s="436">
        <v>0</v>
      </c>
      <c r="DK40" s="437">
        <v>0</v>
      </c>
      <c r="DL40" s="435">
        <v>0</v>
      </c>
      <c r="DM40" s="435">
        <v>1263</v>
      </c>
      <c r="DN40" s="435">
        <v>51195</v>
      </c>
      <c r="DO40" s="435">
        <v>74380</v>
      </c>
      <c r="DP40" s="435">
        <v>29100</v>
      </c>
      <c r="DQ40" s="438">
        <v>155938</v>
      </c>
      <c r="DR40" s="441">
        <v>155938</v>
      </c>
      <c r="DS40" s="434">
        <v>0</v>
      </c>
      <c r="DT40" s="435">
        <v>0</v>
      </c>
      <c r="DU40" s="436">
        <v>0</v>
      </c>
      <c r="DV40" s="440"/>
      <c r="DW40" s="435">
        <v>0</v>
      </c>
      <c r="DX40" s="435">
        <v>0</v>
      </c>
      <c r="DY40" s="435">
        <v>49980</v>
      </c>
      <c r="DZ40" s="435">
        <v>74380</v>
      </c>
      <c r="EA40" s="435">
        <v>29100</v>
      </c>
      <c r="EB40" s="438">
        <v>153460</v>
      </c>
      <c r="EC40" s="439">
        <v>153460</v>
      </c>
      <c r="ED40" s="434">
        <v>0</v>
      </c>
      <c r="EE40" s="435">
        <v>0</v>
      </c>
      <c r="EF40" s="436">
        <v>0</v>
      </c>
      <c r="EG40" s="440"/>
      <c r="EH40" s="435">
        <v>0</v>
      </c>
      <c r="EI40" s="435">
        <v>210</v>
      </c>
      <c r="EJ40" s="435">
        <v>210</v>
      </c>
      <c r="EK40" s="435">
        <v>0</v>
      </c>
      <c r="EL40" s="435">
        <v>0</v>
      </c>
      <c r="EM40" s="438">
        <v>420</v>
      </c>
      <c r="EN40" s="439">
        <v>420</v>
      </c>
      <c r="EO40" s="434">
        <v>0</v>
      </c>
      <c r="EP40" s="435">
        <v>0</v>
      </c>
      <c r="EQ40" s="436">
        <v>0</v>
      </c>
      <c r="ER40" s="440">
        <v>0</v>
      </c>
      <c r="ES40" s="435">
        <v>0</v>
      </c>
      <c r="ET40" s="435">
        <v>0</v>
      </c>
      <c r="EU40" s="435">
        <v>0</v>
      </c>
      <c r="EV40" s="435">
        <v>0</v>
      </c>
      <c r="EW40" s="435">
        <v>0</v>
      </c>
      <c r="EX40" s="438">
        <v>0</v>
      </c>
      <c r="EY40" s="439">
        <v>0</v>
      </c>
      <c r="EZ40" s="434">
        <v>0</v>
      </c>
      <c r="FA40" s="435">
        <v>0</v>
      </c>
      <c r="FB40" s="436">
        <v>0</v>
      </c>
      <c r="FC40" s="440"/>
      <c r="FD40" s="435">
        <v>0</v>
      </c>
      <c r="FE40" s="435">
        <v>0</v>
      </c>
      <c r="FF40" s="435">
        <v>0</v>
      </c>
      <c r="FG40" s="435">
        <v>0</v>
      </c>
      <c r="FH40" s="435">
        <v>0</v>
      </c>
      <c r="FI40" s="438">
        <v>0</v>
      </c>
      <c r="FJ40" s="439">
        <v>0</v>
      </c>
      <c r="FK40" s="434">
        <v>0</v>
      </c>
      <c r="FL40" s="435">
        <v>0</v>
      </c>
      <c r="FM40" s="436">
        <v>0</v>
      </c>
      <c r="FN40" s="440">
        <v>0</v>
      </c>
      <c r="FO40" s="435">
        <v>0</v>
      </c>
      <c r="FP40" s="435">
        <v>0</v>
      </c>
      <c r="FQ40" s="435">
        <v>0</v>
      </c>
      <c r="FR40" s="435">
        <v>0</v>
      </c>
      <c r="FS40" s="435">
        <v>0</v>
      </c>
      <c r="FT40" s="438">
        <v>0</v>
      </c>
      <c r="FU40" s="439">
        <v>0</v>
      </c>
      <c r="FV40" s="434">
        <v>0</v>
      </c>
      <c r="FW40" s="435">
        <v>0</v>
      </c>
      <c r="FX40" s="436">
        <v>0</v>
      </c>
      <c r="FY40" s="437">
        <v>0</v>
      </c>
      <c r="FZ40" s="435">
        <v>0</v>
      </c>
      <c r="GA40" s="435">
        <v>1053</v>
      </c>
      <c r="GB40" s="435">
        <v>970</v>
      </c>
      <c r="GC40" s="435">
        <v>0</v>
      </c>
      <c r="GD40" s="435">
        <v>0</v>
      </c>
      <c r="GE40" s="438">
        <v>2023</v>
      </c>
      <c r="GF40" s="439">
        <v>2023</v>
      </c>
      <c r="GG40" s="434">
        <v>0</v>
      </c>
      <c r="GH40" s="435">
        <v>0</v>
      </c>
      <c r="GI40" s="436">
        <v>0</v>
      </c>
      <c r="GJ40" s="437">
        <v>0</v>
      </c>
      <c r="GK40" s="435">
        <v>0</v>
      </c>
      <c r="GL40" s="435">
        <v>0</v>
      </c>
      <c r="GM40" s="435">
        <v>35</v>
      </c>
      <c r="GN40" s="435">
        <v>0</v>
      </c>
      <c r="GO40" s="435">
        <v>0</v>
      </c>
      <c r="GP40" s="438">
        <v>35</v>
      </c>
      <c r="GQ40" s="439">
        <v>35</v>
      </c>
      <c r="GR40" s="434">
        <v>0</v>
      </c>
      <c r="GS40" s="435">
        <v>0</v>
      </c>
      <c r="GT40" s="436">
        <v>0</v>
      </c>
      <c r="GU40" s="437">
        <v>0</v>
      </c>
      <c r="GV40" s="435">
        <v>0</v>
      </c>
      <c r="GW40" s="435">
        <v>0</v>
      </c>
      <c r="GX40" s="435">
        <v>0</v>
      </c>
      <c r="GY40" s="435">
        <v>0</v>
      </c>
      <c r="GZ40" s="435">
        <v>0</v>
      </c>
      <c r="HA40" s="438">
        <v>0</v>
      </c>
      <c r="HB40" s="439">
        <v>0</v>
      </c>
      <c r="HC40" s="434">
        <v>0</v>
      </c>
      <c r="HD40" s="435">
        <v>0</v>
      </c>
      <c r="HE40" s="436">
        <v>0</v>
      </c>
      <c r="HF40" s="440"/>
      <c r="HG40" s="435">
        <v>0</v>
      </c>
      <c r="HH40" s="435">
        <v>0</v>
      </c>
      <c r="HI40" s="435">
        <v>0</v>
      </c>
      <c r="HJ40" s="435">
        <v>0</v>
      </c>
      <c r="HK40" s="435">
        <v>0</v>
      </c>
      <c r="HL40" s="438">
        <v>0</v>
      </c>
      <c r="HM40" s="439">
        <v>0</v>
      </c>
      <c r="HN40" s="434">
        <v>0</v>
      </c>
      <c r="HO40" s="435">
        <v>0</v>
      </c>
      <c r="HP40" s="436">
        <v>0</v>
      </c>
      <c r="HQ40" s="437">
        <v>0</v>
      </c>
      <c r="HR40" s="435">
        <v>0</v>
      </c>
      <c r="HS40" s="435">
        <v>4068</v>
      </c>
      <c r="HT40" s="435">
        <v>93320</v>
      </c>
      <c r="HU40" s="435">
        <v>112830</v>
      </c>
      <c r="HV40" s="435">
        <v>63300</v>
      </c>
      <c r="HW40" s="438">
        <v>273518</v>
      </c>
      <c r="HX40" s="439">
        <v>273518</v>
      </c>
    </row>
    <row r="41" spans="1:232" x14ac:dyDescent="0.2">
      <c r="A41" s="1" t="s">
        <v>84</v>
      </c>
    </row>
  </sheetData>
  <mergeCells count="88">
    <mergeCell ref="HC4:HM4"/>
    <mergeCell ref="DH3:HM3"/>
    <mergeCell ref="EO4:EY4"/>
    <mergeCell ref="FK4:FU4"/>
    <mergeCell ref="HN3:HX4"/>
    <mergeCell ref="ED4:EN4"/>
    <mergeCell ref="FV4:GF4"/>
    <mergeCell ref="GG4:GQ4"/>
    <mergeCell ref="GR4:HB4"/>
    <mergeCell ref="CW4:DG4"/>
    <mergeCell ref="B3:DG3"/>
    <mergeCell ref="EZ4:FJ4"/>
    <mergeCell ref="DH4:DR4"/>
    <mergeCell ref="DS4:EC4"/>
    <mergeCell ref="B4:L4"/>
    <mergeCell ref="M4:W4"/>
    <mergeCell ref="X4:AH4"/>
    <mergeCell ref="AI4:AS4"/>
    <mergeCell ref="BE4:BO4"/>
    <mergeCell ref="AT4:BD4"/>
    <mergeCell ref="B5:D5"/>
    <mergeCell ref="E5:K5"/>
    <mergeCell ref="L5:L6"/>
    <mergeCell ref="M5:O5"/>
    <mergeCell ref="P5:V5"/>
    <mergeCell ref="F1:G1"/>
    <mergeCell ref="A3:A6"/>
    <mergeCell ref="BP4:BZ4"/>
    <mergeCell ref="CA4:CK4"/>
    <mergeCell ref="CL4:CV4"/>
    <mergeCell ref="BS5:BY5"/>
    <mergeCell ref="W5:W6"/>
    <mergeCell ref="X5:Z5"/>
    <mergeCell ref="AA5:AG5"/>
    <mergeCell ref="AH5:AH6"/>
    <mergeCell ref="AI5:AK5"/>
    <mergeCell ref="AL5:AR5"/>
    <mergeCell ref="AS5:AS6"/>
    <mergeCell ref="BE5:BG5"/>
    <mergeCell ref="BH5:BN5"/>
    <mergeCell ref="BO5:BO6"/>
    <mergeCell ref="BP5:BR5"/>
    <mergeCell ref="AT5:AV5"/>
    <mergeCell ref="AW5:BC5"/>
    <mergeCell ref="BD5:BD6"/>
    <mergeCell ref="DV5:EB5"/>
    <mergeCell ref="BZ5:BZ6"/>
    <mergeCell ref="CA5:CC5"/>
    <mergeCell ref="CD5:CJ5"/>
    <mergeCell ref="CK5:CK6"/>
    <mergeCell ref="CL5:CN5"/>
    <mergeCell ref="CO5:CU5"/>
    <mergeCell ref="CV5:CV6"/>
    <mergeCell ref="DH5:DJ5"/>
    <mergeCell ref="DK5:DQ5"/>
    <mergeCell ref="DR5:DR6"/>
    <mergeCell ref="DS5:DU5"/>
    <mergeCell ref="CW5:CY5"/>
    <mergeCell ref="CZ5:DF5"/>
    <mergeCell ref="DG5:DG6"/>
    <mergeCell ref="FY5:GE5"/>
    <mergeCell ref="EC5:EC6"/>
    <mergeCell ref="ED5:EF5"/>
    <mergeCell ref="EG5:EM5"/>
    <mergeCell ref="EN5:EN6"/>
    <mergeCell ref="EO5:EQ5"/>
    <mergeCell ref="ER5:EX5"/>
    <mergeCell ref="EY5:EY6"/>
    <mergeCell ref="FK5:FM5"/>
    <mergeCell ref="FN5:FT5"/>
    <mergeCell ref="FU5:FU6"/>
    <mergeCell ref="FV5:FX5"/>
    <mergeCell ref="EZ5:FB5"/>
    <mergeCell ref="FC5:FI5"/>
    <mergeCell ref="FJ5:FJ6"/>
    <mergeCell ref="HB5:HB6"/>
    <mergeCell ref="HN5:HP5"/>
    <mergeCell ref="HQ5:HW5"/>
    <mergeCell ref="HX5:HX6"/>
    <mergeCell ref="GF5:GF6"/>
    <mergeCell ref="GG5:GI5"/>
    <mergeCell ref="GJ5:GP5"/>
    <mergeCell ref="GQ5:GQ6"/>
    <mergeCell ref="GR5:GT5"/>
    <mergeCell ref="GU5:HA5"/>
    <mergeCell ref="HC5:HE5"/>
    <mergeCell ref="HF5:HL5"/>
    <mergeCell ref="HM5:HM6"/>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3" max="1048575" man="1"/>
    <brk id="56" max="1048575" man="1"/>
    <brk id="78" max="1048575" man="1"/>
    <brk id="111" max="1048575" man="1"/>
    <brk id="133" max="1048575" man="1"/>
    <brk id="166" max="1048575" man="1"/>
    <brk id="188" max="1048575" man="1"/>
    <brk id="221"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2" customWidth="1"/>
    <col min="2" max="10" width="7.88671875" style="41" customWidth="1"/>
    <col min="11" max="12" width="8.77734375" style="41" customWidth="1"/>
    <col min="13" max="32" width="7.88671875" style="41" customWidth="1"/>
    <col min="33" max="33" width="9.109375" style="41" customWidth="1"/>
    <col min="34" max="34" width="8.44140625" style="41" customWidth="1"/>
    <col min="35" max="54" width="7.88671875" style="41" customWidth="1"/>
    <col min="55" max="55" width="9.109375" style="41" customWidth="1"/>
    <col min="56" max="56" width="8.44140625" style="41" customWidth="1"/>
    <col min="57" max="76" width="7.88671875" style="41" customWidth="1"/>
    <col min="77" max="77" width="9.109375" style="41" customWidth="1"/>
    <col min="78" max="78" width="8.44140625" style="41" customWidth="1"/>
    <col min="79" max="85" width="7.88671875" style="41" customWidth="1"/>
    <col min="86" max="92" width="9" style="41"/>
    <col min="93" max="93" width="8.44140625" style="41" customWidth="1"/>
    <col min="94" max="101" width="9" style="41"/>
    <col min="102" max="103" width="9" style="42"/>
    <col min="104" max="104" width="7.77734375" style="42" customWidth="1"/>
    <col min="105" max="114" width="9" style="42"/>
    <col min="115" max="115" width="7.77734375" style="42" customWidth="1"/>
    <col min="116" max="125" width="9" style="42"/>
    <col min="126" max="126" width="7.77734375" style="42" customWidth="1"/>
    <col min="127" max="136" width="9" style="42"/>
    <col min="137" max="137" width="8" style="42" customWidth="1"/>
    <col min="138" max="147" width="9" style="42"/>
    <col min="148" max="148" width="7.77734375" style="42" customWidth="1"/>
    <col min="149" max="158" width="9" style="42"/>
    <col min="159" max="159" width="7.44140625" style="42" customWidth="1"/>
    <col min="160" max="169" width="9" style="42"/>
    <col min="170" max="170" width="7.88671875" style="42" customWidth="1"/>
    <col min="171" max="180" width="9" style="42"/>
    <col min="181" max="181" width="7.21875" style="42" customWidth="1"/>
    <col min="182" max="191" width="9" style="42"/>
    <col min="192" max="192" width="8" style="42" customWidth="1"/>
    <col min="193" max="202" width="9" style="42"/>
    <col min="203" max="203" width="7.88671875" style="42" customWidth="1"/>
    <col min="204" max="213" width="9" style="42"/>
    <col min="214" max="214" width="7.88671875" style="42" customWidth="1"/>
    <col min="215" max="224" width="9" style="42"/>
    <col min="225" max="225" width="7.33203125" style="42" customWidth="1"/>
    <col min="226" max="235" width="9" style="42"/>
    <col min="236" max="236" width="7.6640625" style="42" customWidth="1"/>
    <col min="237" max="246" width="9" style="42"/>
    <col min="247" max="247" width="8" style="42" customWidth="1"/>
    <col min="248" max="257" width="9" style="42"/>
    <col min="258" max="258" width="8" style="42" customWidth="1"/>
    <col min="259" max="268" width="9" style="42"/>
    <col min="269" max="269" width="8" style="42" customWidth="1"/>
    <col min="270" max="279" width="9" style="42"/>
    <col min="280" max="280" width="8" style="42" customWidth="1"/>
    <col min="281" max="290" width="9" style="42"/>
    <col min="291" max="291" width="8.109375" style="42" customWidth="1"/>
    <col min="292" max="16384" width="9" style="42"/>
  </cols>
  <sheetData>
    <row r="1" spans="1:298" ht="17.25" customHeight="1" x14ac:dyDescent="0.2">
      <c r="A1" s="12" t="s">
        <v>121</v>
      </c>
      <c r="E1" s="483">
        <f>第１表!F2</f>
        <v>4</v>
      </c>
      <c r="F1" s="483"/>
      <c r="G1" s="163">
        <f>第１表!G2</f>
        <v>1</v>
      </c>
      <c r="H1" s="482">
        <f>G1</f>
        <v>1</v>
      </c>
      <c r="I1" s="482"/>
    </row>
    <row r="2" spans="1:298" ht="16.5" customHeight="1" thickBot="1" x14ac:dyDescent="0.25">
      <c r="A2" s="19" t="s">
        <v>132</v>
      </c>
    </row>
    <row r="3" spans="1:298" ht="22.5" customHeight="1" thickBot="1" x14ac:dyDescent="0.25">
      <c r="A3" s="469" t="s">
        <v>38</v>
      </c>
      <c r="B3" s="464" t="s">
        <v>96</v>
      </c>
      <c r="C3" s="464"/>
      <c r="D3" s="464"/>
      <c r="E3" s="464"/>
      <c r="F3" s="464"/>
      <c r="G3" s="464"/>
      <c r="H3" s="464"/>
      <c r="I3" s="464"/>
      <c r="J3" s="464"/>
      <c r="K3" s="464"/>
      <c r="L3" s="464"/>
      <c r="M3" s="464"/>
      <c r="N3" s="464"/>
      <c r="O3" s="464"/>
      <c r="P3" s="464"/>
      <c r="Q3" s="464"/>
      <c r="R3" s="464"/>
      <c r="S3" s="464"/>
      <c r="T3" s="464"/>
      <c r="U3" s="464"/>
      <c r="V3" s="464"/>
      <c r="W3" s="464"/>
      <c r="X3" s="464"/>
      <c r="Y3" s="464"/>
      <c r="Z3" s="464"/>
      <c r="AA3" s="464"/>
      <c r="AB3" s="464"/>
      <c r="AC3" s="464"/>
      <c r="AD3" s="464"/>
      <c r="AE3" s="464"/>
      <c r="AF3" s="464"/>
      <c r="AG3" s="464"/>
      <c r="AH3" s="464"/>
      <c r="AI3" s="464"/>
      <c r="AJ3" s="464"/>
      <c r="AK3" s="464"/>
      <c r="AL3" s="464"/>
      <c r="AM3" s="464"/>
      <c r="AN3" s="464"/>
      <c r="AO3" s="464"/>
      <c r="AP3" s="464"/>
      <c r="AQ3" s="464"/>
      <c r="AR3" s="464"/>
      <c r="AS3" s="464"/>
      <c r="AT3" s="464"/>
      <c r="AU3" s="464"/>
      <c r="AV3" s="464"/>
      <c r="AW3" s="464"/>
      <c r="AX3" s="464"/>
      <c r="AY3" s="464"/>
      <c r="AZ3" s="464"/>
      <c r="BA3" s="464"/>
      <c r="BB3" s="464"/>
      <c r="BC3" s="464"/>
      <c r="BD3" s="464"/>
      <c r="BE3" s="464"/>
      <c r="BF3" s="464"/>
      <c r="BG3" s="464"/>
      <c r="BH3" s="464"/>
      <c r="BI3" s="464"/>
      <c r="BJ3" s="464"/>
      <c r="BK3" s="464"/>
      <c r="BL3" s="464"/>
      <c r="BM3" s="464"/>
      <c r="BN3" s="464"/>
      <c r="BO3" s="464"/>
      <c r="BP3" s="464"/>
      <c r="BQ3" s="464"/>
      <c r="BR3" s="464"/>
      <c r="BS3" s="464"/>
      <c r="BT3" s="464"/>
      <c r="BU3" s="464"/>
      <c r="BV3" s="464"/>
      <c r="BW3" s="464"/>
      <c r="BX3" s="464"/>
      <c r="BY3" s="464"/>
      <c r="BZ3" s="464"/>
      <c r="CA3" s="464"/>
      <c r="CB3" s="464"/>
      <c r="CC3" s="464"/>
      <c r="CD3" s="464"/>
      <c r="CE3" s="464"/>
      <c r="CF3" s="464"/>
      <c r="CG3" s="464"/>
      <c r="CH3" s="464"/>
      <c r="CI3" s="464"/>
      <c r="CJ3" s="464"/>
      <c r="CK3" s="464"/>
      <c r="CL3" s="464"/>
      <c r="CM3" s="464"/>
      <c r="CN3" s="464"/>
      <c r="CO3" s="464"/>
      <c r="CP3" s="464"/>
      <c r="CQ3" s="464"/>
      <c r="CR3" s="464"/>
      <c r="CS3" s="464"/>
      <c r="CT3" s="464"/>
      <c r="CU3" s="464"/>
      <c r="CV3" s="465"/>
      <c r="CW3" s="464" t="s">
        <v>103</v>
      </c>
      <c r="CX3" s="464"/>
      <c r="CY3" s="464"/>
      <c r="CZ3" s="464"/>
      <c r="DA3" s="464"/>
      <c r="DB3" s="464"/>
      <c r="DC3" s="464"/>
      <c r="DD3" s="464"/>
      <c r="DE3" s="464"/>
      <c r="DF3" s="464"/>
      <c r="DG3" s="464"/>
      <c r="DH3" s="464"/>
      <c r="DI3" s="464"/>
      <c r="DJ3" s="464"/>
      <c r="DK3" s="464"/>
      <c r="DL3" s="464"/>
      <c r="DM3" s="464"/>
      <c r="DN3" s="464"/>
      <c r="DO3" s="464"/>
      <c r="DP3" s="464"/>
      <c r="DQ3" s="464"/>
      <c r="DR3" s="464"/>
      <c r="DS3" s="464"/>
      <c r="DT3" s="464"/>
      <c r="DU3" s="464"/>
      <c r="DV3" s="464"/>
      <c r="DW3" s="464"/>
      <c r="DX3" s="464"/>
      <c r="DY3" s="464"/>
      <c r="DZ3" s="464"/>
      <c r="EA3" s="464"/>
      <c r="EB3" s="464"/>
      <c r="EC3" s="464"/>
      <c r="ED3" s="464"/>
      <c r="EE3" s="464"/>
      <c r="EF3" s="464"/>
      <c r="EG3" s="464"/>
      <c r="EH3" s="464"/>
      <c r="EI3" s="464"/>
      <c r="EJ3" s="464"/>
      <c r="EK3" s="464"/>
      <c r="EL3" s="464"/>
      <c r="EM3" s="464"/>
      <c r="EN3" s="464"/>
      <c r="EO3" s="464"/>
      <c r="EP3" s="464"/>
      <c r="EQ3" s="464"/>
      <c r="ER3" s="464"/>
      <c r="ES3" s="464"/>
      <c r="ET3" s="464"/>
      <c r="EU3" s="464"/>
      <c r="EV3" s="464"/>
      <c r="EW3" s="464"/>
      <c r="EX3" s="464"/>
      <c r="EY3" s="464"/>
      <c r="EZ3" s="464"/>
      <c r="FA3" s="464"/>
      <c r="FB3" s="464"/>
      <c r="FC3" s="464"/>
      <c r="FD3" s="464"/>
      <c r="FE3" s="464"/>
      <c r="FF3" s="464"/>
      <c r="FG3" s="464"/>
      <c r="FH3" s="464"/>
      <c r="FI3" s="464"/>
      <c r="FJ3" s="464"/>
      <c r="FK3" s="464"/>
      <c r="FL3" s="464"/>
      <c r="FM3" s="464"/>
      <c r="FN3" s="464"/>
      <c r="FO3" s="464"/>
      <c r="FP3" s="464"/>
      <c r="FQ3" s="464"/>
      <c r="FR3" s="464"/>
      <c r="FS3" s="464"/>
      <c r="FT3" s="464"/>
      <c r="FU3" s="464"/>
      <c r="FV3" s="464"/>
      <c r="FW3" s="464"/>
      <c r="FX3" s="464"/>
      <c r="FY3" s="464"/>
      <c r="FZ3" s="464"/>
      <c r="GA3" s="464"/>
      <c r="GB3" s="464"/>
      <c r="GC3" s="464"/>
      <c r="GD3" s="464"/>
      <c r="GE3" s="464"/>
      <c r="GF3" s="464"/>
      <c r="GG3" s="464"/>
      <c r="GH3" s="464"/>
      <c r="GI3" s="464"/>
      <c r="GJ3" s="464"/>
      <c r="GK3" s="464"/>
      <c r="GL3" s="464"/>
      <c r="GM3" s="464"/>
      <c r="GN3" s="464"/>
      <c r="GO3" s="464"/>
      <c r="GP3" s="464"/>
      <c r="GQ3" s="465"/>
      <c r="GR3" s="464" t="s">
        <v>104</v>
      </c>
      <c r="GS3" s="464"/>
      <c r="GT3" s="464"/>
      <c r="GU3" s="464"/>
      <c r="GV3" s="464"/>
      <c r="GW3" s="464"/>
      <c r="GX3" s="464"/>
      <c r="GY3" s="464"/>
      <c r="GZ3" s="464"/>
      <c r="HA3" s="464"/>
      <c r="HB3" s="464"/>
      <c r="HC3" s="464"/>
      <c r="HD3" s="464"/>
      <c r="HE3" s="464"/>
      <c r="HF3" s="464"/>
      <c r="HG3" s="464"/>
      <c r="HH3" s="464"/>
      <c r="HI3" s="464"/>
      <c r="HJ3" s="464"/>
      <c r="HK3" s="464"/>
      <c r="HL3" s="464"/>
      <c r="HM3" s="464"/>
      <c r="HN3" s="464"/>
      <c r="HO3" s="464"/>
      <c r="HP3" s="464"/>
      <c r="HQ3" s="464"/>
      <c r="HR3" s="464"/>
      <c r="HS3" s="464"/>
      <c r="HT3" s="464"/>
      <c r="HU3" s="464"/>
      <c r="HV3" s="464"/>
      <c r="HW3" s="464"/>
      <c r="HX3" s="464"/>
      <c r="HY3" s="464"/>
      <c r="HZ3" s="464"/>
      <c r="IA3" s="464"/>
      <c r="IB3" s="464"/>
      <c r="IC3" s="464"/>
      <c r="ID3" s="464"/>
      <c r="IE3" s="464"/>
      <c r="IF3" s="464"/>
      <c r="IG3" s="464"/>
      <c r="IH3" s="464"/>
      <c r="II3" s="464"/>
      <c r="IJ3" s="464"/>
      <c r="IK3" s="464"/>
      <c r="IL3" s="464"/>
      <c r="IM3" s="464"/>
      <c r="IN3" s="464"/>
      <c r="IO3" s="464"/>
      <c r="IP3" s="464"/>
      <c r="IQ3" s="464"/>
      <c r="IR3" s="464"/>
      <c r="IS3" s="464"/>
      <c r="IT3" s="464"/>
      <c r="IU3" s="464"/>
      <c r="IV3" s="464"/>
      <c r="IW3" s="464"/>
      <c r="IX3" s="464"/>
      <c r="IY3" s="464"/>
      <c r="IZ3" s="464"/>
      <c r="JA3" s="464"/>
      <c r="JB3" s="464"/>
      <c r="JC3" s="464"/>
      <c r="JD3" s="464"/>
      <c r="JE3" s="464"/>
      <c r="JF3" s="464"/>
      <c r="JG3" s="464"/>
      <c r="JH3" s="464"/>
      <c r="JI3" s="464"/>
      <c r="JJ3" s="464"/>
      <c r="JK3" s="464"/>
      <c r="JL3" s="464"/>
      <c r="JM3" s="464"/>
      <c r="JN3" s="464"/>
      <c r="JO3" s="464"/>
      <c r="JP3" s="464"/>
      <c r="JQ3" s="464"/>
      <c r="JR3" s="464"/>
      <c r="JS3" s="464"/>
      <c r="JT3" s="464"/>
      <c r="JU3" s="464"/>
      <c r="JV3" s="464"/>
      <c r="JW3" s="464"/>
      <c r="JX3" s="464"/>
      <c r="JY3" s="464"/>
      <c r="JZ3" s="464"/>
      <c r="KA3" s="464"/>
      <c r="KB3" s="464"/>
      <c r="KC3" s="464"/>
      <c r="KD3" s="464"/>
      <c r="KE3" s="464"/>
      <c r="KF3" s="464"/>
      <c r="KG3" s="464"/>
      <c r="KH3" s="464"/>
      <c r="KI3" s="464"/>
      <c r="KJ3" s="464"/>
      <c r="KK3" s="464"/>
      <c r="KL3" s="465"/>
    </row>
    <row r="4" spans="1:298" ht="27.75" customHeight="1" thickBot="1" x14ac:dyDescent="0.25">
      <c r="A4" s="481"/>
      <c r="B4" s="466" t="s">
        <v>39</v>
      </c>
      <c r="C4" s="467"/>
      <c r="D4" s="467"/>
      <c r="E4" s="467"/>
      <c r="F4" s="467"/>
      <c r="G4" s="467"/>
      <c r="H4" s="467"/>
      <c r="I4" s="467"/>
      <c r="J4" s="467"/>
      <c r="K4" s="467"/>
      <c r="L4" s="467"/>
      <c r="M4" s="467"/>
      <c r="N4" s="467"/>
      <c r="O4" s="467"/>
      <c r="P4" s="467"/>
      <c r="Q4" s="467"/>
      <c r="R4" s="467"/>
      <c r="S4" s="467"/>
      <c r="T4" s="467"/>
      <c r="U4" s="467"/>
      <c r="V4" s="467"/>
      <c r="W4" s="467"/>
      <c r="X4" s="467"/>
      <c r="Y4" s="467"/>
      <c r="Z4" s="467"/>
      <c r="AA4" s="467"/>
      <c r="AB4" s="467"/>
      <c r="AC4" s="467"/>
      <c r="AD4" s="467"/>
      <c r="AE4" s="467"/>
      <c r="AF4" s="467"/>
      <c r="AG4" s="467"/>
      <c r="AH4" s="467"/>
      <c r="AI4" s="467"/>
      <c r="AJ4" s="467"/>
      <c r="AK4" s="467"/>
      <c r="AL4" s="467"/>
      <c r="AM4" s="467"/>
      <c r="AN4" s="467"/>
      <c r="AO4" s="467"/>
      <c r="AP4" s="467"/>
      <c r="AQ4" s="467"/>
      <c r="AR4" s="467"/>
      <c r="AS4" s="467"/>
      <c r="AT4" s="467"/>
      <c r="AU4" s="467"/>
      <c r="AV4" s="467"/>
      <c r="AW4" s="467"/>
      <c r="AX4" s="467"/>
      <c r="AY4" s="467"/>
      <c r="AZ4" s="467"/>
      <c r="BA4" s="467"/>
      <c r="BB4" s="467"/>
      <c r="BC4" s="467"/>
      <c r="BD4" s="467"/>
      <c r="BE4" s="467"/>
      <c r="BF4" s="467"/>
      <c r="BG4" s="467"/>
      <c r="BH4" s="467"/>
      <c r="BI4" s="467"/>
      <c r="BJ4" s="467"/>
      <c r="BK4" s="467"/>
      <c r="BL4" s="467"/>
      <c r="BM4" s="467"/>
      <c r="BN4" s="467"/>
      <c r="BO4" s="467"/>
      <c r="BP4" s="467"/>
      <c r="BQ4" s="467"/>
      <c r="BR4" s="467"/>
      <c r="BS4" s="467"/>
      <c r="BT4" s="467"/>
      <c r="BU4" s="467"/>
      <c r="BV4" s="467"/>
      <c r="BW4" s="467"/>
      <c r="BX4" s="467"/>
      <c r="BY4" s="467"/>
      <c r="BZ4" s="468"/>
      <c r="CA4" s="469" t="s">
        <v>40</v>
      </c>
      <c r="CB4" s="470"/>
      <c r="CC4" s="470"/>
      <c r="CD4" s="470"/>
      <c r="CE4" s="470"/>
      <c r="CF4" s="470"/>
      <c r="CG4" s="470"/>
      <c r="CH4" s="470"/>
      <c r="CI4" s="470"/>
      <c r="CJ4" s="470"/>
      <c r="CK4" s="471"/>
      <c r="CL4" s="469" t="s">
        <v>41</v>
      </c>
      <c r="CM4" s="470"/>
      <c r="CN4" s="470"/>
      <c r="CO4" s="470"/>
      <c r="CP4" s="470"/>
      <c r="CQ4" s="470"/>
      <c r="CR4" s="470"/>
      <c r="CS4" s="470"/>
      <c r="CT4" s="470"/>
      <c r="CU4" s="470"/>
      <c r="CV4" s="471"/>
      <c r="CW4" s="466" t="s">
        <v>39</v>
      </c>
      <c r="CX4" s="467"/>
      <c r="CY4" s="467"/>
      <c r="CZ4" s="467"/>
      <c r="DA4" s="467"/>
      <c r="DB4" s="467"/>
      <c r="DC4" s="467"/>
      <c r="DD4" s="467"/>
      <c r="DE4" s="467"/>
      <c r="DF4" s="467"/>
      <c r="DG4" s="467"/>
      <c r="DH4" s="467"/>
      <c r="DI4" s="467"/>
      <c r="DJ4" s="467"/>
      <c r="DK4" s="467"/>
      <c r="DL4" s="467"/>
      <c r="DM4" s="467"/>
      <c r="DN4" s="467"/>
      <c r="DO4" s="467"/>
      <c r="DP4" s="467"/>
      <c r="DQ4" s="467"/>
      <c r="DR4" s="467"/>
      <c r="DS4" s="467"/>
      <c r="DT4" s="467"/>
      <c r="DU4" s="467"/>
      <c r="DV4" s="467"/>
      <c r="DW4" s="467"/>
      <c r="DX4" s="467"/>
      <c r="DY4" s="467"/>
      <c r="DZ4" s="467"/>
      <c r="EA4" s="467"/>
      <c r="EB4" s="467"/>
      <c r="EC4" s="467"/>
      <c r="ED4" s="467"/>
      <c r="EE4" s="467"/>
      <c r="EF4" s="467"/>
      <c r="EG4" s="467"/>
      <c r="EH4" s="467"/>
      <c r="EI4" s="467"/>
      <c r="EJ4" s="467"/>
      <c r="EK4" s="467"/>
      <c r="EL4" s="467"/>
      <c r="EM4" s="467"/>
      <c r="EN4" s="467"/>
      <c r="EO4" s="467"/>
      <c r="EP4" s="467"/>
      <c r="EQ4" s="467"/>
      <c r="ER4" s="467"/>
      <c r="ES4" s="467"/>
      <c r="ET4" s="467"/>
      <c r="EU4" s="467"/>
      <c r="EV4" s="467"/>
      <c r="EW4" s="467"/>
      <c r="EX4" s="467"/>
      <c r="EY4" s="467"/>
      <c r="EZ4" s="467"/>
      <c r="FA4" s="467"/>
      <c r="FB4" s="467"/>
      <c r="FC4" s="467"/>
      <c r="FD4" s="467"/>
      <c r="FE4" s="467"/>
      <c r="FF4" s="467"/>
      <c r="FG4" s="467"/>
      <c r="FH4" s="467"/>
      <c r="FI4" s="467"/>
      <c r="FJ4" s="467"/>
      <c r="FK4" s="467"/>
      <c r="FL4" s="467"/>
      <c r="FM4" s="467"/>
      <c r="FN4" s="467"/>
      <c r="FO4" s="467"/>
      <c r="FP4" s="467"/>
      <c r="FQ4" s="467"/>
      <c r="FR4" s="467"/>
      <c r="FS4" s="467"/>
      <c r="FT4" s="467"/>
      <c r="FU4" s="468"/>
      <c r="FV4" s="469" t="s">
        <v>40</v>
      </c>
      <c r="FW4" s="470"/>
      <c r="FX4" s="470"/>
      <c r="FY4" s="470"/>
      <c r="FZ4" s="470"/>
      <c r="GA4" s="470"/>
      <c r="GB4" s="470"/>
      <c r="GC4" s="470"/>
      <c r="GD4" s="470"/>
      <c r="GE4" s="470"/>
      <c r="GF4" s="471"/>
      <c r="GG4" s="469" t="s">
        <v>41</v>
      </c>
      <c r="GH4" s="470"/>
      <c r="GI4" s="470"/>
      <c r="GJ4" s="470"/>
      <c r="GK4" s="470"/>
      <c r="GL4" s="470"/>
      <c r="GM4" s="470"/>
      <c r="GN4" s="470"/>
      <c r="GO4" s="470"/>
      <c r="GP4" s="470"/>
      <c r="GQ4" s="471"/>
      <c r="GR4" s="466" t="s">
        <v>39</v>
      </c>
      <c r="GS4" s="467"/>
      <c r="GT4" s="467"/>
      <c r="GU4" s="467"/>
      <c r="GV4" s="467"/>
      <c r="GW4" s="467"/>
      <c r="GX4" s="467"/>
      <c r="GY4" s="467"/>
      <c r="GZ4" s="467"/>
      <c r="HA4" s="467"/>
      <c r="HB4" s="467"/>
      <c r="HC4" s="467"/>
      <c r="HD4" s="467"/>
      <c r="HE4" s="467"/>
      <c r="HF4" s="467"/>
      <c r="HG4" s="467"/>
      <c r="HH4" s="467"/>
      <c r="HI4" s="467"/>
      <c r="HJ4" s="467"/>
      <c r="HK4" s="467"/>
      <c r="HL4" s="467"/>
      <c r="HM4" s="467"/>
      <c r="HN4" s="467"/>
      <c r="HO4" s="467"/>
      <c r="HP4" s="467"/>
      <c r="HQ4" s="467"/>
      <c r="HR4" s="467"/>
      <c r="HS4" s="467"/>
      <c r="HT4" s="467"/>
      <c r="HU4" s="467"/>
      <c r="HV4" s="467"/>
      <c r="HW4" s="467"/>
      <c r="HX4" s="467"/>
      <c r="HY4" s="467"/>
      <c r="HZ4" s="467"/>
      <c r="IA4" s="467"/>
      <c r="IB4" s="467"/>
      <c r="IC4" s="467"/>
      <c r="ID4" s="467"/>
      <c r="IE4" s="467"/>
      <c r="IF4" s="467"/>
      <c r="IG4" s="467"/>
      <c r="IH4" s="467"/>
      <c r="II4" s="467"/>
      <c r="IJ4" s="467"/>
      <c r="IK4" s="467"/>
      <c r="IL4" s="467"/>
      <c r="IM4" s="467"/>
      <c r="IN4" s="467"/>
      <c r="IO4" s="467"/>
      <c r="IP4" s="467"/>
      <c r="IQ4" s="467"/>
      <c r="IR4" s="467"/>
      <c r="IS4" s="467"/>
      <c r="IT4" s="467"/>
      <c r="IU4" s="467"/>
      <c r="IV4" s="467"/>
      <c r="IW4" s="467"/>
      <c r="IX4" s="467"/>
      <c r="IY4" s="467"/>
      <c r="IZ4" s="467"/>
      <c r="JA4" s="467"/>
      <c r="JB4" s="467"/>
      <c r="JC4" s="467"/>
      <c r="JD4" s="467"/>
      <c r="JE4" s="467"/>
      <c r="JF4" s="467"/>
      <c r="JG4" s="467"/>
      <c r="JH4" s="467"/>
      <c r="JI4" s="467"/>
      <c r="JJ4" s="467"/>
      <c r="JK4" s="467"/>
      <c r="JL4" s="467"/>
      <c r="JM4" s="467"/>
      <c r="JN4" s="467"/>
      <c r="JO4" s="467"/>
      <c r="JP4" s="468"/>
      <c r="JQ4" s="469" t="s">
        <v>40</v>
      </c>
      <c r="JR4" s="470"/>
      <c r="JS4" s="470"/>
      <c r="JT4" s="470"/>
      <c r="JU4" s="470"/>
      <c r="JV4" s="470"/>
      <c r="JW4" s="470"/>
      <c r="JX4" s="470"/>
      <c r="JY4" s="470"/>
      <c r="JZ4" s="470"/>
      <c r="KA4" s="471"/>
      <c r="KB4" s="469" t="s">
        <v>41</v>
      </c>
      <c r="KC4" s="470"/>
      <c r="KD4" s="470"/>
      <c r="KE4" s="470"/>
      <c r="KF4" s="470"/>
      <c r="KG4" s="470"/>
      <c r="KH4" s="470"/>
      <c r="KI4" s="470"/>
      <c r="KJ4" s="470"/>
      <c r="KK4" s="470"/>
      <c r="KL4" s="471"/>
    </row>
    <row r="5" spans="1:298" ht="27.75" customHeight="1" thickBot="1" x14ac:dyDescent="0.25">
      <c r="A5" s="475"/>
      <c r="B5" s="475"/>
      <c r="C5" s="476"/>
      <c r="D5" s="476"/>
      <c r="E5" s="476"/>
      <c r="F5" s="476"/>
      <c r="G5" s="476"/>
      <c r="H5" s="476"/>
      <c r="I5" s="476"/>
      <c r="J5" s="476"/>
      <c r="K5" s="476"/>
      <c r="L5" s="477"/>
      <c r="M5" s="478" t="s">
        <v>97</v>
      </c>
      <c r="N5" s="479"/>
      <c r="O5" s="479"/>
      <c r="P5" s="479"/>
      <c r="Q5" s="479"/>
      <c r="R5" s="479"/>
      <c r="S5" s="479"/>
      <c r="T5" s="479"/>
      <c r="U5" s="479"/>
      <c r="V5" s="479"/>
      <c r="W5" s="480"/>
      <c r="X5" s="478" t="s">
        <v>98</v>
      </c>
      <c r="Y5" s="479"/>
      <c r="Z5" s="479"/>
      <c r="AA5" s="479"/>
      <c r="AB5" s="479"/>
      <c r="AC5" s="479"/>
      <c r="AD5" s="479"/>
      <c r="AE5" s="479"/>
      <c r="AF5" s="479"/>
      <c r="AG5" s="479"/>
      <c r="AH5" s="480"/>
      <c r="AI5" s="478" t="s">
        <v>99</v>
      </c>
      <c r="AJ5" s="479"/>
      <c r="AK5" s="479"/>
      <c r="AL5" s="479"/>
      <c r="AM5" s="479"/>
      <c r="AN5" s="479"/>
      <c r="AO5" s="479"/>
      <c r="AP5" s="479"/>
      <c r="AQ5" s="479"/>
      <c r="AR5" s="479"/>
      <c r="AS5" s="480"/>
      <c r="AT5" s="478" t="s">
        <v>100</v>
      </c>
      <c r="AU5" s="479"/>
      <c r="AV5" s="479"/>
      <c r="AW5" s="479"/>
      <c r="AX5" s="479"/>
      <c r="AY5" s="479"/>
      <c r="AZ5" s="479"/>
      <c r="BA5" s="479"/>
      <c r="BB5" s="479"/>
      <c r="BC5" s="479"/>
      <c r="BD5" s="480"/>
      <c r="BE5" s="478" t="s">
        <v>101</v>
      </c>
      <c r="BF5" s="479"/>
      <c r="BG5" s="479"/>
      <c r="BH5" s="479"/>
      <c r="BI5" s="479"/>
      <c r="BJ5" s="479"/>
      <c r="BK5" s="479"/>
      <c r="BL5" s="479"/>
      <c r="BM5" s="479"/>
      <c r="BN5" s="479"/>
      <c r="BO5" s="480"/>
      <c r="BP5" s="478" t="s">
        <v>102</v>
      </c>
      <c r="BQ5" s="479"/>
      <c r="BR5" s="479"/>
      <c r="BS5" s="479"/>
      <c r="BT5" s="479"/>
      <c r="BU5" s="479"/>
      <c r="BV5" s="479"/>
      <c r="BW5" s="479"/>
      <c r="BX5" s="479"/>
      <c r="BY5" s="479"/>
      <c r="BZ5" s="480"/>
      <c r="CA5" s="472"/>
      <c r="CB5" s="473"/>
      <c r="CC5" s="473"/>
      <c r="CD5" s="473"/>
      <c r="CE5" s="473"/>
      <c r="CF5" s="473"/>
      <c r="CG5" s="473"/>
      <c r="CH5" s="473"/>
      <c r="CI5" s="473"/>
      <c r="CJ5" s="473"/>
      <c r="CK5" s="474"/>
      <c r="CL5" s="472"/>
      <c r="CM5" s="473"/>
      <c r="CN5" s="473"/>
      <c r="CO5" s="473"/>
      <c r="CP5" s="473"/>
      <c r="CQ5" s="473"/>
      <c r="CR5" s="473"/>
      <c r="CS5" s="473"/>
      <c r="CT5" s="473"/>
      <c r="CU5" s="473"/>
      <c r="CV5" s="474"/>
      <c r="CW5" s="475"/>
      <c r="CX5" s="476"/>
      <c r="CY5" s="476"/>
      <c r="CZ5" s="476"/>
      <c r="DA5" s="476"/>
      <c r="DB5" s="476"/>
      <c r="DC5" s="476"/>
      <c r="DD5" s="476"/>
      <c r="DE5" s="476"/>
      <c r="DF5" s="476"/>
      <c r="DG5" s="477"/>
      <c r="DH5" s="478" t="s">
        <v>97</v>
      </c>
      <c r="DI5" s="479"/>
      <c r="DJ5" s="479"/>
      <c r="DK5" s="479"/>
      <c r="DL5" s="479"/>
      <c r="DM5" s="479"/>
      <c r="DN5" s="479"/>
      <c r="DO5" s="479"/>
      <c r="DP5" s="479"/>
      <c r="DQ5" s="479"/>
      <c r="DR5" s="480"/>
      <c r="DS5" s="478" t="s">
        <v>98</v>
      </c>
      <c r="DT5" s="479"/>
      <c r="DU5" s="479"/>
      <c r="DV5" s="479"/>
      <c r="DW5" s="479"/>
      <c r="DX5" s="479"/>
      <c r="DY5" s="479"/>
      <c r="DZ5" s="479"/>
      <c r="EA5" s="479"/>
      <c r="EB5" s="479"/>
      <c r="EC5" s="480"/>
      <c r="ED5" s="478" t="s">
        <v>99</v>
      </c>
      <c r="EE5" s="479"/>
      <c r="EF5" s="479"/>
      <c r="EG5" s="479"/>
      <c r="EH5" s="479"/>
      <c r="EI5" s="479"/>
      <c r="EJ5" s="479"/>
      <c r="EK5" s="479"/>
      <c r="EL5" s="479"/>
      <c r="EM5" s="479"/>
      <c r="EN5" s="480"/>
      <c r="EO5" s="478" t="s">
        <v>100</v>
      </c>
      <c r="EP5" s="479"/>
      <c r="EQ5" s="479"/>
      <c r="ER5" s="479"/>
      <c r="ES5" s="479"/>
      <c r="ET5" s="479"/>
      <c r="EU5" s="479"/>
      <c r="EV5" s="479"/>
      <c r="EW5" s="479"/>
      <c r="EX5" s="479"/>
      <c r="EY5" s="480"/>
      <c r="EZ5" s="478" t="s">
        <v>101</v>
      </c>
      <c r="FA5" s="479"/>
      <c r="FB5" s="479"/>
      <c r="FC5" s="479"/>
      <c r="FD5" s="479"/>
      <c r="FE5" s="479"/>
      <c r="FF5" s="479"/>
      <c r="FG5" s="479"/>
      <c r="FH5" s="479"/>
      <c r="FI5" s="479"/>
      <c r="FJ5" s="480"/>
      <c r="FK5" s="478" t="s">
        <v>102</v>
      </c>
      <c r="FL5" s="479"/>
      <c r="FM5" s="479"/>
      <c r="FN5" s="479"/>
      <c r="FO5" s="479"/>
      <c r="FP5" s="479"/>
      <c r="FQ5" s="479"/>
      <c r="FR5" s="479"/>
      <c r="FS5" s="479"/>
      <c r="FT5" s="479"/>
      <c r="FU5" s="480"/>
      <c r="FV5" s="472"/>
      <c r="FW5" s="473"/>
      <c r="FX5" s="473"/>
      <c r="FY5" s="473"/>
      <c r="FZ5" s="473"/>
      <c r="GA5" s="473"/>
      <c r="GB5" s="473"/>
      <c r="GC5" s="473"/>
      <c r="GD5" s="473"/>
      <c r="GE5" s="473"/>
      <c r="GF5" s="474"/>
      <c r="GG5" s="472"/>
      <c r="GH5" s="473"/>
      <c r="GI5" s="473"/>
      <c r="GJ5" s="473"/>
      <c r="GK5" s="473"/>
      <c r="GL5" s="473"/>
      <c r="GM5" s="473"/>
      <c r="GN5" s="473"/>
      <c r="GO5" s="473"/>
      <c r="GP5" s="473"/>
      <c r="GQ5" s="474"/>
      <c r="GR5" s="475"/>
      <c r="GS5" s="476"/>
      <c r="GT5" s="476"/>
      <c r="GU5" s="476"/>
      <c r="GV5" s="476"/>
      <c r="GW5" s="476"/>
      <c r="GX5" s="476"/>
      <c r="GY5" s="476"/>
      <c r="GZ5" s="476"/>
      <c r="HA5" s="476"/>
      <c r="HB5" s="477"/>
      <c r="HC5" s="478" t="s">
        <v>97</v>
      </c>
      <c r="HD5" s="479"/>
      <c r="HE5" s="479"/>
      <c r="HF5" s="479"/>
      <c r="HG5" s="479"/>
      <c r="HH5" s="479"/>
      <c r="HI5" s="479"/>
      <c r="HJ5" s="479"/>
      <c r="HK5" s="479"/>
      <c r="HL5" s="479"/>
      <c r="HM5" s="480"/>
      <c r="HN5" s="478" t="s">
        <v>98</v>
      </c>
      <c r="HO5" s="479"/>
      <c r="HP5" s="479"/>
      <c r="HQ5" s="479"/>
      <c r="HR5" s="479"/>
      <c r="HS5" s="479"/>
      <c r="HT5" s="479"/>
      <c r="HU5" s="479"/>
      <c r="HV5" s="479"/>
      <c r="HW5" s="479"/>
      <c r="HX5" s="480"/>
      <c r="HY5" s="478" t="s">
        <v>99</v>
      </c>
      <c r="HZ5" s="479"/>
      <c r="IA5" s="479"/>
      <c r="IB5" s="479"/>
      <c r="IC5" s="479"/>
      <c r="ID5" s="479"/>
      <c r="IE5" s="479"/>
      <c r="IF5" s="479"/>
      <c r="IG5" s="479"/>
      <c r="IH5" s="479"/>
      <c r="II5" s="480"/>
      <c r="IJ5" s="478" t="s">
        <v>100</v>
      </c>
      <c r="IK5" s="479"/>
      <c r="IL5" s="479"/>
      <c r="IM5" s="479"/>
      <c r="IN5" s="479"/>
      <c r="IO5" s="479"/>
      <c r="IP5" s="479"/>
      <c r="IQ5" s="479"/>
      <c r="IR5" s="479"/>
      <c r="IS5" s="479"/>
      <c r="IT5" s="480"/>
      <c r="IU5" s="478" t="s">
        <v>101</v>
      </c>
      <c r="IV5" s="479"/>
      <c r="IW5" s="479"/>
      <c r="IX5" s="479"/>
      <c r="IY5" s="479"/>
      <c r="IZ5" s="479"/>
      <c r="JA5" s="479"/>
      <c r="JB5" s="479"/>
      <c r="JC5" s="479"/>
      <c r="JD5" s="479"/>
      <c r="JE5" s="480"/>
      <c r="JF5" s="478" t="s">
        <v>102</v>
      </c>
      <c r="JG5" s="479"/>
      <c r="JH5" s="479"/>
      <c r="JI5" s="479"/>
      <c r="JJ5" s="479"/>
      <c r="JK5" s="479"/>
      <c r="JL5" s="479"/>
      <c r="JM5" s="479"/>
      <c r="JN5" s="479"/>
      <c r="JO5" s="479"/>
      <c r="JP5" s="480"/>
      <c r="JQ5" s="472"/>
      <c r="JR5" s="473"/>
      <c r="JS5" s="473"/>
      <c r="JT5" s="473"/>
      <c r="JU5" s="473"/>
      <c r="JV5" s="473"/>
      <c r="JW5" s="473"/>
      <c r="JX5" s="473"/>
      <c r="JY5" s="473"/>
      <c r="JZ5" s="473"/>
      <c r="KA5" s="474"/>
      <c r="KB5" s="472"/>
      <c r="KC5" s="473"/>
      <c r="KD5" s="473"/>
      <c r="KE5" s="473"/>
      <c r="KF5" s="473"/>
      <c r="KG5" s="473"/>
      <c r="KH5" s="473"/>
      <c r="KI5" s="473"/>
      <c r="KJ5" s="473"/>
      <c r="KK5" s="473"/>
      <c r="KL5" s="474"/>
    </row>
    <row r="6" spans="1:298" ht="44.25" customHeight="1" thickBot="1" x14ac:dyDescent="0.25">
      <c r="A6" s="217" t="s">
        <v>42</v>
      </c>
      <c r="B6" s="49" t="s">
        <v>43</v>
      </c>
      <c r="C6" s="45" t="s">
        <v>44</v>
      </c>
      <c r="D6" s="46" t="s">
        <v>45</v>
      </c>
      <c r="E6" s="50" t="s">
        <v>46</v>
      </c>
      <c r="F6" s="45" t="s">
        <v>47</v>
      </c>
      <c r="G6" s="45" t="s">
        <v>48</v>
      </c>
      <c r="H6" s="45" t="s">
        <v>49</v>
      </c>
      <c r="I6" s="45" t="s">
        <v>50</v>
      </c>
      <c r="J6" s="45" t="s">
        <v>51</v>
      </c>
      <c r="K6" s="46" t="s">
        <v>45</v>
      </c>
      <c r="L6" s="51" t="s">
        <v>52</v>
      </c>
      <c r="M6" s="240" t="s">
        <v>43</v>
      </c>
      <c r="N6" s="241" t="s">
        <v>44</v>
      </c>
      <c r="O6" s="242" t="s">
        <v>45</v>
      </c>
      <c r="P6" s="243" t="s">
        <v>46</v>
      </c>
      <c r="Q6" s="241" t="s">
        <v>47</v>
      </c>
      <c r="R6" s="241" t="s">
        <v>48</v>
      </c>
      <c r="S6" s="241" t="s">
        <v>49</v>
      </c>
      <c r="T6" s="241" t="s">
        <v>50</v>
      </c>
      <c r="U6" s="241" t="s">
        <v>51</v>
      </c>
      <c r="V6" s="242" t="s">
        <v>45</v>
      </c>
      <c r="W6" s="239" t="s">
        <v>52</v>
      </c>
      <c r="X6" s="240" t="s">
        <v>43</v>
      </c>
      <c r="Y6" s="241" t="s">
        <v>44</v>
      </c>
      <c r="Z6" s="242" t="s">
        <v>45</v>
      </c>
      <c r="AA6" s="243" t="s">
        <v>46</v>
      </c>
      <c r="AB6" s="241" t="s">
        <v>47</v>
      </c>
      <c r="AC6" s="241" t="s">
        <v>48</v>
      </c>
      <c r="AD6" s="241" t="s">
        <v>49</v>
      </c>
      <c r="AE6" s="241" t="s">
        <v>50</v>
      </c>
      <c r="AF6" s="241" t="s">
        <v>51</v>
      </c>
      <c r="AG6" s="242" t="s">
        <v>45</v>
      </c>
      <c r="AH6" s="244" t="s">
        <v>52</v>
      </c>
      <c r="AI6" s="240" t="s">
        <v>43</v>
      </c>
      <c r="AJ6" s="241" t="s">
        <v>44</v>
      </c>
      <c r="AK6" s="242" t="s">
        <v>45</v>
      </c>
      <c r="AL6" s="243" t="s">
        <v>46</v>
      </c>
      <c r="AM6" s="241" t="s">
        <v>47</v>
      </c>
      <c r="AN6" s="241" t="s">
        <v>48</v>
      </c>
      <c r="AO6" s="241" t="s">
        <v>49</v>
      </c>
      <c r="AP6" s="241" t="s">
        <v>50</v>
      </c>
      <c r="AQ6" s="241" t="s">
        <v>51</v>
      </c>
      <c r="AR6" s="242" t="s">
        <v>45</v>
      </c>
      <c r="AS6" s="244" t="s">
        <v>52</v>
      </c>
      <c r="AT6" s="240" t="s">
        <v>43</v>
      </c>
      <c r="AU6" s="241" t="s">
        <v>44</v>
      </c>
      <c r="AV6" s="242" t="s">
        <v>45</v>
      </c>
      <c r="AW6" s="243" t="s">
        <v>46</v>
      </c>
      <c r="AX6" s="241" t="s">
        <v>47</v>
      </c>
      <c r="AY6" s="241" t="s">
        <v>48</v>
      </c>
      <c r="AZ6" s="241" t="s">
        <v>49</v>
      </c>
      <c r="BA6" s="241" t="s">
        <v>50</v>
      </c>
      <c r="BB6" s="241" t="s">
        <v>51</v>
      </c>
      <c r="BC6" s="242" t="s">
        <v>45</v>
      </c>
      <c r="BD6" s="244" t="s">
        <v>52</v>
      </c>
      <c r="BE6" s="240" t="s">
        <v>43</v>
      </c>
      <c r="BF6" s="241" t="s">
        <v>44</v>
      </c>
      <c r="BG6" s="242" t="s">
        <v>45</v>
      </c>
      <c r="BH6" s="243" t="s">
        <v>46</v>
      </c>
      <c r="BI6" s="241" t="s">
        <v>47</v>
      </c>
      <c r="BJ6" s="241" t="s">
        <v>48</v>
      </c>
      <c r="BK6" s="241" t="s">
        <v>49</v>
      </c>
      <c r="BL6" s="241" t="s">
        <v>50</v>
      </c>
      <c r="BM6" s="241" t="s">
        <v>51</v>
      </c>
      <c r="BN6" s="242" t="s">
        <v>45</v>
      </c>
      <c r="BO6" s="244" t="s">
        <v>52</v>
      </c>
      <c r="BP6" s="240" t="s">
        <v>43</v>
      </c>
      <c r="BQ6" s="241" t="s">
        <v>44</v>
      </c>
      <c r="BR6" s="242" t="s">
        <v>45</v>
      </c>
      <c r="BS6" s="243" t="s">
        <v>46</v>
      </c>
      <c r="BT6" s="241" t="s">
        <v>47</v>
      </c>
      <c r="BU6" s="241" t="s">
        <v>48</v>
      </c>
      <c r="BV6" s="241" t="s">
        <v>49</v>
      </c>
      <c r="BW6" s="241" t="s">
        <v>50</v>
      </c>
      <c r="BX6" s="241" t="s">
        <v>51</v>
      </c>
      <c r="BY6" s="242" t="s">
        <v>45</v>
      </c>
      <c r="BZ6" s="244" t="s">
        <v>52</v>
      </c>
      <c r="CA6" s="240" t="s">
        <v>43</v>
      </c>
      <c r="CB6" s="241" t="s">
        <v>44</v>
      </c>
      <c r="CC6" s="242" t="s">
        <v>45</v>
      </c>
      <c r="CD6" s="243" t="s">
        <v>46</v>
      </c>
      <c r="CE6" s="241" t="s">
        <v>47</v>
      </c>
      <c r="CF6" s="241" t="s">
        <v>48</v>
      </c>
      <c r="CG6" s="241" t="s">
        <v>49</v>
      </c>
      <c r="CH6" s="241" t="s">
        <v>50</v>
      </c>
      <c r="CI6" s="241" t="s">
        <v>51</v>
      </c>
      <c r="CJ6" s="242" t="s">
        <v>45</v>
      </c>
      <c r="CK6" s="244" t="s">
        <v>52</v>
      </c>
      <c r="CL6" s="240" t="s">
        <v>43</v>
      </c>
      <c r="CM6" s="241" t="s">
        <v>44</v>
      </c>
      <c r="CN6" s="242" t="s">
        <v>45</v>
      </c>
      <c r="CO6" s="243" t="s">
        <v>46</v>
      </c>
      <c r="CP6" s="241" t="s">
        <v>47</v>
      </c>
      <c r="CQ6" s="241" t="s">
        <v>48</v>
      </c>
      <c r="CR6" s="241" t="s">
        <v>49</v>
      </c>
      <c r="CS6" s="241" t="s">
        <v>50</v>
      </c>
      <c r="CT6" s="241" t="s">
        <v>51</v>
      </c>
      <c r="CU6" s="242" t="s">
        <v>45</v>
      </c>
      <c r="CV6" s="244" t="s">
        <v>52</v>
      </c>
      <c r="CW6" s="49" t="s">
        <v>43</v>
      </c>
      <c r="CX6" s="45" t="s">
        <v>44</v>
      </c>
      <c r="CY6" s="46" t="s">
        <v>45</v>
      </c>
      <c r="CZ6" s="50" t="s">
        <v>46</v>
      </c>
      <c r="DA6" s="45" t="s">
        <v>47</v>
      </c>
      <c r="DB6" s="45" t="s">
        <v>48</v>
      </c>
      <c r="DC6" s="45" t="s">
        <v>49</v>
      </c>
      <c r="DD6" s="45" t="s">
        <v>50</v>
      </c>
      <c r="DE6" s="45" t="s">
        <v>51</v>
      </c>
      <c r="DF6" s="46" t="s">
        <v>45</v>
      </c>
      <c r="DG6" s="51" t="s">
        <v>52</v>
      </c>
      <c r="DH6" s="240" t="s">
        <v>43</v>
      </c>
      <c r="DI6" s="241" t="s">
        <v>44</v>
      </c>
      <c r="DJ6" s="242" t="s">
        <v>45</v>
      </c>
      <c r="DK6" s="243" t="s">
        <v>46</v>
      </c>
      <c r="DL6" s="241" t="s">
        <v>47</v>
      </c>
      <c r="DM6" s="241" t="s">
        <v>48</v>
      </c>
      <c r="DN6" s="241" t="s">
        <v>49</v>
      </c>
      <c r="DO6" s="241" t="s">
        <v>50</v>
      </c>
      <c r="DP6" s="241" t="s">
        <v>51</v>
      </c>
      <c r="DQ6" s="242" t="s">
        <v>45</v>
      </c>
      <c r="DR6" s="244" t="s">
        <v>52</v>
      </c>
      <c r="DS6" s="240" t="s">
        <v>43</v>
      </c>
      <c r="DT6" s="241" t="s">
        <v>44</v>
      </c>
      <c r="DU6" s="242" t="s">
        <v>45</v>
      </c>
      <c r="DV6" s="243" t="s">
        <v>46</v>
      </c>
      <c r="DW6" s="241" t="s">
        <v>47</v>
      </c>
      <c r="DX6" s="241" t="s">
        <v>48</v>
      </c>
      <c r="DY6" s="241" t="s">
        <v>49</v>
      </c>
      <c r="DZ6" s="241" t="s">
        <v>50</v>
      </c>
      <c r="EA6" s="241" t="s">
        <v>51</v>
      </c>
      <c r="EB6" s="242" t="s">
        <v>45</v>
      </c>
      <c r="EC6" s="244" t="s">
        <v>52</v>
      </c>
      <c r="ED6" s="240" t="s">
        <v>43</v>
      </c>
      <c r="EE6" s="241" t="s">
        <v>44</v>
      </c>
      <c r="EF6" s="242" t="s">
        <v>45</v>
      </c>
      <c r="EG6" s="243" t="s">
        <v>46</v>
      </c>
      <c r="EH6" s="241" t="s">
        <v>47</v>
      </c>
      <c r="EI6" s="241" t="s">
        <v>48</v>
      </c>
      <c r="EJ6" s="241" t="s">
        <v>49</v>
      </c>
      <c r="EK6" s="241" t="s">
        <v>50</v>
      </c>
      <c r="EL6" s="241" t="s">
        <v>51</v>
      </c>
      <c r="EM6" s="242" t="s">
        <v>45</v>
      </c>
      <c r="EN6" s="244" t="s">
        <v>52</v>
      </c>
      <c r="EO6" s="240" t="s">
        <v>43</v>
      </c>
      <c r="EP6" s="241" t="s">
        <v>44</v>
      </c>
      <c r="EQ6" s="242" t="s">
        <v>45</v>
      </c>
      <c r="ER6" s="243" t="s">
        <v>46</v>
      </c>
      <c r="ES6" s="241" t="s">
        <v>47</v>
      </c>
      <c r="ET6" s="241" t="s">
        <v>48</v>
      </c>
      <c r="EU6" s="241" t="s">
        <v>49</v>
      </c>
      <c r="EV6" s="241" t="s">
        <v>50</v>
      </c>
      <c r="EW6" s="241" t="s">
        <v>51</v>
      </c>
      <c r="EX6" s="242" t="s">
        <v>45</v>
      </c>
      <c r="EY6" s="244" t="s">
        <v>52</v>
      </c>
      <c r="EZ6" s="240" t="s">
        <v>43</v>
      </c>
      <c r="FA6" s="241" t="s">
        <v>44</v>
      </c>
      <c r="FB6" s="242" t="s">
        <v>45</v>
      </c>
      <c r="FC6" s="243" t="s">
        <v>46</v>
      </c>
      <c r="FD6" s="241" t="s">
        <v>47</v>
      </c>
      <c r="FE6" s="241" t="s">
        <v>48</v>
      </c>
      <c r="FF6" s="241" t="s">
        <v>49</v>
      </c>
      <c r="FG6" s="241" t="s">
        <v>50</v>
      </c>
      <c r="FH6" s="241" t="s">
        <v>51</v>
      </c>
      <c r="FI6" s="242" t="s">
        <v>45</v>
      </c>
      <c r="FJ6" s="244" t="s">
        <v>52</v>
      </c>
      <c r="FK6" s="240" t="s">
        <v>43</v>
      </c>
      <c r="FL6" s="241" t="s">
        <v>44</v>
      </c>
      <c r="FM6" s="242" t="s">
        <v>45</v>
      </c>
      <c r="FN6" s="243" t="s">
        <v>46</v>
      </c>
      <c r="FO6" s="241" t="s">
        <v>47</v>
      </c>
      <c r="FP6" s="241" t="s">
        <v>48</v>
      </c>
      <c r="FQ6" s="241" t="s">
        <v>49</v>
      </c>
      <c r="FR6" s="241" t="s">
        <v>50</v>
      </c>
      <c r="FS6" s="241" t="s">
        <v>51</v>
      </c>
      <c r="FT6" s="242" t="s">
        <v>45</v>
      </c>
      <c r="FU6" s="244" t="s">
        <v>52</v>
      </c>
      <c r="FV6" s="240" t="s">
        <v>43</v>
      </c>
      <c r="FW6" s="241" t="s">
        <v>44</v>
      </c>
      <c r="FX6" s="242" t="s">
        <v>45</v>
      </c>
      <c r="FY6" s="243" t="s">
        <v>46</v>
      </c>
      <c r="FZ6" s="241" t="s">
        <v>47</v>
      </c>
      <c r="GA6" s="241" t="s">
        <v>48</v>
      </c>
      <c r="GB6" s="241" t="s">
        <v>49</v>
      </c>
      <c r="GC6" s="241" t="s">
        <v>50</v>
      </c>
      <c r="GD6" s="241" t="s">
        <v>51</v>
      </c>
      <c r="GE6" s="242" t="s">
        <v>45</v>
      </c>
      <c r="GF6" s="244" t="s">
        <v>52</v>
      </c>
      <c r="GG6" s="240" t="s">
        <v>43</v>
      </c>
      <c r="GH6" s="241" t="s">
        <v>44</v>
      </c>
      <c r="GI6" s="242" t="s">
        <v>45</v>
      </c>
      <c r="GJ6" s="243" t="s">
        <v>46</v>
      </c>
      <c r="GK6" s="241" t="s">
        <v>47</v>
      </c>
      <c r="GL6" s="241" t="s">
        <v>48</v>
      </c>
      <c r="GM6" s="241" t="s">
        <v>49</v>
      </c>
      <c r="GN6" s="241" t="s">
        <v>50</v>
      </c>
      <c r="GO6" s="241" t="s">
        <v>51</v>
      </c>
      <c r="GP6" s="242" t="s">
        <v>45</v>
      </c>
      <c r="GQ6" s="244" t="s">
        <v>52</v>
      </c>
      <c r="GR6" s="49" t="s">
        <v>43</v>
      </c>
      <c r="GS6" s="45" t="s">
        <v>44</v>
      </c>
      <c r="GT6" s="46" t="s">
        <v>45</v>
      </c>
      <c r="GU6" s="50" t="s">
        <v>46</v>
      </c>
      <c r="GV6" s="45" t="s">
        <v>47</v>
      </c>
      <c r="GW6" s="45" t="s">
        <v>48</v>
      </c>
      <c r="GX6" s="45" t="s">
        <v>49</v>
      </c>
      <c r="GY6" s="45" t="s">
        <v>50</v>
      </c>
      <c r="GZ6" s="45" t="s">
        <v>51</v>
      </c>
      <c r="HA6" s="46" t="s">
        <v>45</v>
      </c>
      <c r="HB6" s="51" t="s">
        <v>52</v>
      </c>
      <c r="HC6" s="240" t="s">
        <v>43</v>
      </c>
      <c r="HD6" s="241" t="s">
        <v>44</v>
      </c>
      <c r="HE6" s="242" t="s">
        <v>45</v>
      </c>
      <c r="HF6" s="243" t="s">
        <v>46</v>
      </c>
      <c r="HG6" s="241" t="s">
        <v>47</v>
      </c>
      <c r="HH6" s="241" t="s">
        <v>48</v>
      </c>
      <c r="HI6" s="241" t="s">
        <v>49</v>
      </c>
      <c r="HJ6" s="241" t="s">
        <v>50</v>
      </c>
      <c r="HK6" s="241" t="s">
        <v>51</v>
      </c>
      <c r="HL6" s="242" t="s">
        <v>45</v>
      </c>
      <c r="HM6" s="244" t="s">
        <v>52</v>
      </c>
      <c r="HN6" s="240" t="s">
        <v>43</v>
      </c>
      <c r="HO6" s="241" t="s">
        <v>44</v>
      </c>
      <c r="HP6" s="242" t="s">
        <v>45</v>
      </c>
      <c r="HQ6" s="243" t="s">
        <v>46</v>
      </c>
      <c r="HR6" s="241" t="s">
        <v>47</v>
      </c>
      <c r="HS6" s="241" t="s">
        <v>48</v>
      </c>
      <c r="HT6" s="241" t="s">
        <v>49</v>
      </c>
      <c r="HU6" s="241" t="s">
        <v>50</v>
      </c>
      <c r="HV6" s="241" t="s">
        <v>51</v>
      </c>
      <c r="HW6" s="242" t="s">
        <v>45</v>
      </c>
      <c r="HX6" s="244" t="s">
        <v>52</v>
      </c>
      <c r="HY6" s="240" t="s">
        <v>43</v>
      </c>
      <c r="HZ6" s="241" t="s">
        <v>44</v>
      </c>
      <c r="IA6" s="242" t="s">
        <v>45</v>
      </c>
      <c r="IB6" s="243" t="s">
        <v>46</v>
      </c>
      <c r="IC6" s="241" t="s">
        <v>47</v>
      </c>
      <c r="ID6" s="241" t="s">
        <v>48</v>
      </c>
      <c r="IE6" s="241" t="s">
        <v>49</v>
      </c>
      <c r="IF6" s="241" t="s">
        <v>50</v>
      </c>
      <c r="IG6" s="241" t="s">
        <v>51</v>
      </c>
      <c r="IH6" s="242" t="s">
        <v>45</v>
      </c>
      <c r="II6" s="244" t="s">
        <v>52</v>
      </c>
      <c r="IJ6" s="240" t="s">
        <v>43</v>
      </c>
      <c r="IK6" s="241" t="s">
        <v>44</v>
      </c>
      <c r="IL6" s="242" t="s">
        <v>45</v>
      </c>
      <c r="IM6" s="243" t="s">
        <v>46</v>
      </c>
      <c r="IN6" s="241" t="s">
        <v>47</v>
      </c>
      <c r="IO6" s="241" t="s">
        <v>48</v>
      </c>
      <c r="IP6" s="241" t="s">
        <v>49</v>
      </c>
      <c r="IQ6" s="241" t="s">
        <v>50</v>
      </c>
      <c r="IR6" s="241" t="s">
        <v>51</v>
      </c>
      <c r="IS6" s="242" t="s">
        <v>45</v>
      </c>
      <c r="IT6" s="244" t="s">
        <v>52</v>
      </c>
      <c r="IU6" s="240" t="s">
        <v>43</v>
      </c>
      <c r="IV6" s="241" t="s">
        <v>44</v>
      </c>
      <c r="IW6" s="242" t="s">
        <v>45</v>
      </c>
      <c r="IX6" s="243" t="s">
        <v>46</v>
      </c>
      <c r="IY6" s="241" t="s">
        <v>47</v>
      </c>
      <c r="IZ6" s="241" t="s">
        <v>48</v>
      </c>
      <c r="JA6" s="241" t="s">
        <v>49</v>
      </c>
      <c r="JB6" s="241" t="s">
        <v>50</v>
      </c>
      <c r="JC6" s="241" t="s">
        <v>51</v>
      </c>
      <c r="JD6" s="242" t="s">
        <v>45</v>
      </c>
      <c r="JE6" s="244" t="s">
        <v>52</v>
      </c>
      <c r="JF6" s="240" t="s">
        <v>43</v>
      </c>
      <c r="JG6" s="241" t="s">
        <v>44</v>
      </c>
      <c r="JH6" s="242" t="s">
        <v>45</v>
      </c>
      <c r="JI6" s="243" t="s">
        <v>46</v>
      </c>
      <c r="JJ6" s="241" t="s">
        <v>47</v>
      </c>
      <c r="JK6" s="241" t="s">
        <v>48</v>
      </c>
      <c r="JL6" s="241" t="s">
        <v>49</v>
      </c>
      <c r="JM6" s="241" t="s">
        <v>50</v>
      </c>
      <c r="JN6" s="241" t="s">
        <v>51</v>
      </c>
      <c r="JO6" s="242" t="s">
        <v>45</v>
      </c>
      <c r="JP6" s="244" t="s">
        <v>52</v>
      </c>
      <c r="JQ6" s="240" t="s">
        <v>43</v>
      </c>
      <c r="JR6" s="241" t="s">
        <v>44</v>
      </c>
      <c r="JS6" s="242" t="s">
        <v>45</v>
      </c>
      <c r="JT6" s="243" t="s">
        <v>46</v>
      </c>
      <c r="JU6" s="241" t="s">
        <v>47</v>
      </c>
      <c r="JV6" s="241" t="s">
        <v>48</v>
      </c>
      <c r="JW6" s="241" t="s">
        <v>49</v>
      </c>
      <c r="JX6" s="241" t="s">
        <v>50</v>
      </c>
      <c r="JY6" s="241" t="s">
        <v>51</v>
      </c>
      <c r="JZ6" s="242" t="s">
        <v>45</v>
      </c>
      <c r="KA6" s="244" t="s">
        <v>52</v>
      </c>
      <c r="KB6" s="240" t="s">
        <v>43</v>
      </c>
      <c r="KC6" s="241" t="s">
        <v>44</v>
      </c>
      <c r="KD6" s="242" t="s">
        <v>45</v>
      </c>
      <c r="KE6" s="243" t="s">
        <v>46</v>
      </c>
      <c r="KF6" s="241" t="s">
        <v>47</v>
      </c>
      <c r="KG6" s="241" t="s">
        <v>48</v>
      </c>
      <c r="KH6" s="241" t="s">
        <v>49</v>
      </c>
      <c r="KI6" s="241" t="s">
        <v>50</v>
      </c>
      <c r="KJ6" s="241" t="s">
        <v>51</v>
      </c>
      <c r="KK6" s="242" t="s">
        <v>45</v>
      </c>
      <c r="KL6" s="244" t="s">
        <v>52</v>
      </c>
    </row>
    <row r="7" spans="1:298" ht="19.5" customHeight="1" x14ac:dyDescent="0.2">
      <c r="A7" s="110" t="s">
        <v>4</v>
      </c>
      <c r="B7" s="214">
        <v>4406</v>
      </c>
      <c r="C7" s="76">
        <v>4075</v>
      </c>
      <c r="D7" s="77">
        <v>8481</v>
      </c>
      <c r="E7" s="158"/>
      <c r="F7" s="76">
        <v>5923</v>
      </c>
      <c r="G7" s="76">
        <v>5311</v>
      </c>
      <c r="H7" s="76">
        <v>3532</v>
      </c>
      <c r="I7" s="76">
        <v>2934</v>
      </c>
      <c r="J7" s="76">
        <v>1607</v>
      </c>
      <c r="K7" s="78">
        <v>19307</v>
      </c>
      <c r="L7" s="79">
        <v>27788</v>
      </c>
      <c r="M7" s="64">
        <v>61</v>
      </c>
      <c r="N7" s="65">
        <v>66</v>
      </c>
      <c r="O7" s="66">
        <v>127</v>
      </c>
      <c r="P7" s="158"/>
      <c r="Q7" s="65">
        <v>81</v>
      </c>
      <c r="R7" s="65">
        <v>112</v>
      </c>
      <c r="S7" s="65">
        <v>51</v>
      </c>
      <c r="T7" s="65">
        <v>47</v>
      </c>
      <c r="U7" s="65">
        <v>42</v>
      </c>
      <c r="V7" s="66">
        <v>333</v>
      </c>
      <c r="W7" s="67">
        <v>460</v>
      </c>
      <c r="X7" s="64">
        <v>178</v>
      </c>
      <c r="Y7" s="65">
        <v>200</v>
      </c>
      <c r="Z7" s="66">
        <v>378</v>
      </c>
      <c r="AA7" s="158"/>
      <c r="AB7" s="65">
        <v>240</v>
      </c>
      <c r="AC7" s="65">
        <v>245</v>
      </c>
      <c r="AD7" s="65">
        <v>175</v>
      </c>
      <c r="AE7" s="65">
        <v>155</v>
      </c>
      <c r="AF7" s="65">
        <v>110</v>
      </c>
      <c r="AG7" s="66">
        <v>925</v>
      </c>
      <c r="AH7" s="67">
        <v>1303</v>
      </c>
      <c r="AI7" s="64">
        <v>361</v>
      </c>
      <c r="AJ7" s="65">
        <v>343</v>
      </c>
      <c r="AK7" s="66">
        <v>704</v>
      </c>
      <c r="AL7" s="158"/>
      <c r="AM7" s="65">
        <v>439</v>
      </c>
      <c r="AN7" s="65">
        <v>423</v>
      </c>
      <c r="AO7" s="65">
        <v>266</v>
      </c>
      <c r="AP7" s="65">
        <v>217</v>
      </c>
      <c r="AQ7" s="65">
        <v>162</v>
      </c>
      <c r="AR7" s="66">
        <v>1507</v>
      </c>
      <c r="AS7" s="67">
        <v>2211</v>
      </c>
      <c r="AT7" s="64">
        <v>928</v>
      </c>
      <c r="AU7" s="65">
        <v>791</v>
      </c>
      <c r="AV7" s="66">
        <v>1719</v>
      </c>
      <c r="AW7" s="158"/>
      <c r="AX7" s="65">
        <v>1156</v>
      </c>
      <c r="AY7" s="65">
        <v>991</v>
      </c>
      <c r="AZ7" s="65">
        <v>585</v>
      </c>
      <c r="BA7" s="65">
        <v>473</v>
      </c>
      <c r="BB7" s="65">
        <v>304</v>
      </c>
      <c r="BC7" s="66">
        <v>3509</v>
      </c>
      <c r="BD7" s="67">
        <v>5228</v>
      </c>
      <c r="BE7" s="64">
        <v>1600</v>
      </c>
      <c r="BF7" s="65">
        <v>1398</v>
      </c>
      <c r="BG7" s="66">
        <v>2998</v>
      </c>
      <c r="BH7" s="158"/>
      <c r="BI7" s="65">
        <v>2043</v>
      </c>
      <c r="BJ7" s="65">
        <v>1677</v>
      </c>
      <c r="BK7" s="65">
        <v>1108</v>
      </c>
      <c r="BL7" s="65">
        <v>890</v>
      </c>
      <c r="BM7" s="65">
        <v>464</v>
      </c>
      <c r="BN7" s="66">
        <v>6182</v>
      </c>
      <c r="BO7" s="67">
        <v>9180</v>
      </c>
      <c r="BP7" s="64">
        <v>1278</v>
      </c>
      <c r="BQ7" s="65">
        <v>1277</v>
      </c>
      <c r="BR7" s="66">
        <v>2555</v>
      </c>
      <c r="BS7" s="158"/>
      <c r="BT7" s="65">
        <v>1964</v>
      </c>
      <c r="BU7" s="65">
        <v>1863</v>
      </c>
      <c r="BV7" s="65">
        <v>1347</v>
      </c>
      <c r="BW7" s="65">
        <v>1152</v>
      </c>
      <c r="BX7" s="65">
        <v>525</v>
      </c>
      <c r="BY7" s="66">
        <v>6851</v>
      </c>
      <c r="BZ7" s="67">
        <v>9406</v>
      </c>
      <c r="CA7" s="64">
        <v>0</v>
      </c>
      <c r="CB7" s="65">
        <v>0</v>
      </c>
      <c r="CC7" s="66">
        <v>0</v>
      </c>
      <c r="CD7" s="158"/>
      <c r="CE7" s="65">
        <v>0</v>
      </c>
      <c r="CF7" s="65">
        <v>0</v>
      </c>
      <c r="CG7" s="65">
        <v>0</v>
      </c>
      <c r="CH7" s="65">
        <v>0</v>
      </c>
      <c r="CI7" s="65">
        <v>0</v>
      </c>
      <c r="CJ7" s="66">
        <v>0</v>
      </c>
      <c r="CK7" s="67">
        <v>0</v>
      </c>
      <c r="CL7" s="64">
        <v>4406</v>
      </c>
      <c r="CM7" s="65">
        <v>4075</v>
      </c>
      <c r="CN7" s="66">
        <v>8481</v>
      </c>
      <c r="CO7" s="158"/>
      <c r="CP7" s="65">
        <v>5923</v>
      </c>
      <c r="CQ7" s="65">
        <v>5311</v>
      </c>
      <c r="CR7" s="65">
        <v>3532</v>
      </c>
      <c r="CS7" s="65">
        <v>2934</v>
      </c>
      <c r="CT7" s="65">
        <v>1607</v>
      </c>
      <c r="CU7" s="66">
        <v>19307</v>
      </c>
      <c r="CV7" s="67">
        <v>27788</v>
      </c>
      <c r="CW7" s="107">
        <v>608</v>
      </c>
      <c r="CX7" s="76">
        <v>666</v>
      </c>
      <c r="CY7" s="77">
        <v>1274</v>
      </c>
      <c r="CZ7" s="158"/>
      <c r="DA7" s="76">
        <v>803</v>
      </c>
      <c r="DB7" s="76">
        <v>756</v>
      </c>
      <c r="DC7" s="76">
        <v>539</v>
      </c>
      <c r="DD7" s="76">
        <v>510</v>
      </c>
      <c r="DE7" s="76">
        <v>359</v>
      </c>
      <c r="DF7" s="78">
        <v>2967</v>
      </c>
      <c r="DG7" s="79">
        <v>4241</v>
      </c>
      <c r="DH7" s="64">
        <v>10</v>
      </c>
      <c r="DI7" s="65">
        <v>16</v>
      </c>
      <c r="DJ7" s="66">
        <v>26</v>
      </c>
      <c r="DK7" s="158"/>
      <c r="DL7" s="65">
        <v>12</v>
      </c>
      <c r="DM7" s="65">
        <v>15</v>
      </c>
      <c r="DN7" s="65">
        <v>11</v>
      </c>
      <c r="DO7" s="65">
        <v>5</v>
      </c>
      <c r="DP7" s="65">
        <v>7</v>
      </c>
      <c r="DQ7" s="66">
        <v>50</v>
      </c>
      <c r="DR7" s="67">
        <v>76</v>
      </c>
      <c r="DS7" s="64">
        <v>48</v>
      </c>
      <c r="DT7" s="65">
        <v>56</v>
      </c>
      <c r="DU7" s="66">
        <v>104</v>
      </c>
      <c r="DV7" s="158"/>
      <c r="DW7" s="65">
        <v>31</v>
      </c>
      <c r="DX7" s="65">
        <v>34</v>
      </c>
      <c r="DY7" s="65">
        <v>11</v>
      </c>
      <c r="DZ7" s="65">
        <v>18</v>
      </c>
      <c r="EA7" s="65">
        <v>11</v>
      </c>
      <c r="EB7" s="66">
        <v>105</v>
      </c>
      <c r="EC7" s="67">
        <v>209</v>
      </c>
      <c r="ED7" s="64">
        <v>71</v>
      </c>
      <c r="EE7" s="65">
        <v>75</v>
      </c>
      <c r="EF7" s="66">
        <v>146</v>
      </c>
      <c r="EG7" s="158"/>
      <c r="EH7" s="65">
        <v>77</v>
      </c>
      <c r="EI7" s="65">
        <v>59</v>
      </c>
      <c r="EJ7" s="65">
        <v>35</v>
      </c>
      <c r="EK7" s="65">
        <v>27</v>
      </c>
      <c r="EL7" s="65">
        <v>23</v>
      </c>
      <c r="EM7" s="66">
        <v>221</v>
      </c>
      <c r="EN7" s="67">
        <v>367</v>
      </c>
      <c r="EO7" s="64">
        <v>165</v>
      </c>
      <c r="EP7" s="65">
        <v>166</v>
      </c>
      <c r="EQ7" s="66">
        <v>331</v>
      </c>
      <c r="ER7" s="158"/>
      <c r="ES7" s="65">
        <v>136</v>
      </c>
      <c r="ET7" s="65">
        <v>109</v>
      </c>
      <c r="EU7" s="65">
        <v>82</v>
      </c>
      <c r="EV7" s="65">
        <v>66</v>
      </c>
      <c r="EW7" s="65">
        <v>43</v>
      </c>
      <c r="EX7" s="66">
        <v>436</v>
      </c>
      <c r="EY7" s="67">
        <v>767</v>
      </c>
      <c r="EZ7" s="64">
        <v>187</v>
      </c>
      <c r="FA7" s="65">
        <v>191</v>
      </c>
      <c r="FB7" s="66">
        <v>378</v>
      </c>
      <c r="FC7" s="158"/>
      <c r="FD7" s="65">
        <v>256</v>
      </c>
      <c r="FE7" s="65">
        <v>208</v>
      </c>
      <c r="FF7" s="65">
        <v>140</v>
      </c>
      <c r="FG7" s="65">
        <v>132</v>
      </c>
      <c r="FH7" s="65">
        <v>95</v>
      </c>
      <c r="FI7" s="66">
        <v>831</v>
      </c>
      <c r="FJ7" s="67">
        <v>1209</v>
      </c>
      <c r="FK7" s="64">
        <v>127</v>
      </c>
      <c r="FL7" s="65">
        <v>162</v>
      </c>
      <c r="FM7" s="66">
        <v>289</v>
      </c>
      <c r="FN7" s="158"/>
      <c r="FO7" s="65">
        <v>291</v>
      </c>
      <c r="FP7" s="65">
        <v>331</v>
      </c>
      <c r="FQ7" s="65">
        <v>260</v>
      </c>
      <c r="FR7" s="65">
        <v>262</v>
      </c>
      <c r="FS7" s="65">
        <v>180</v>
      </c>
      <c r="FT7" s="66">
        <v>1324</v>
      </c>
      <c r="FU7" s="67">
        <v>1613</v>
      </c>
      <c r="FV7" s="64">
        <v>0</v>
      </c>
      <c r="FW7" s="65">
        <v>0</v>
      </c>
      <c r="FX7" s="66">
        <v>0</v>
      </c>
      <c r="FY7" s="158"/>
      <c r="FZ7" s="65">
        <v>0</v>
      </c>
      <c r="GA7" s="65">
        <v>0</v>
      </c>
      <c r="GB7" s="65">
        <v>0</v>
      </c>
      <c r="GC7" s="65">
        <v>0</v>
      </c>
      <c r="GD7" s="65">
        <v>0</v>
      </c>
      <c r="GE7" s="66">
        <v>0</v>
      </c>
      <c r="GF7" s="67">
        <v>0</v>
      </c>
      <c r="GG7" s="64">
        <v>608</v>
      </c>
      <c r="GH7" s="65">
        <v>666</v>
      </c>
      <c r="GI7" s="66">
        <v>1274</v>
      </c>
      <c r="GJ7" s="158"/>
      <c r="GK7" s="65">
        <v>803</v>
      </c>
      <c r="GL7" s="65">
        <v>756</v>
      </c>
      <c r="GM7" s="65">
        <v>539</v>
      </c>
      <c r="GN7" s="65">
        <v>510</v>
      </c>
      <c r="GO7" s="65">
        <v>359</v>
      </c>
      <c r="GP7" s="66">
        <v>2967</v>
      </c>
      <c r="GQ7" s="67">
        <v>4241</v>
      </c>
      <c r="GR7" s="107">
        <v>5014</v>
      </c>
      <c r="GS7" s="76">
        <v>4741</v>
      </c>
      <c r="GT7" s="77">
        <v>9755</v>
      </c>
      <c r="GU7" s="158"/>
      <c r="GV7" s="76">
        <v>6726</v>
      </c>
      <c r="GW7" s="76">
        <v>6067</v>
      </c>
      <c r="GX7" s="76">
        <v>4071</v>
      </c>
      <c r="GY7" s="76">
        <v>3444</v>
      </c>
      <c r="GZ7" s="76">
        <v>1966</v>
      </c>
      <c r="HA7" s="78">
        <v>22274</v>
      </c>
      <c r="HB7" s="79">
        <v>32029</v>
      </c>
      <c r="HC7" s="64">
        <v>71</v>
      </c>
      <c r="HD7" s="65">
        <v>82</v>
      </c>
      <c r="HE7" s="66">
        <v>153</v>
      </c>
      <c r="HF7" s="158"/>
      <c r="HG7" s="65">
        <v>93</v>
      </c>
      <c r="HH7" s="65">
        <v>127</v>
      </c>
      <c r="HI7" s="65">
        <v>62</v>
      </c>
      <c r="HJ7" s="65">
        <v>52</v>
      </c>
      <c r="HK7" s="65">
        <v>49</v>
      </c>
      <c r="HL7" s="66">
        <v>383</v>
      </c>
      <c r="HM7" s="67">
        <v>536</v>
      </c>
      <c r="HN7" s="64">
        <v>226</v>
      </c>
      <c r="HO7" s="65">
        <v>256</v>
      </c>
      <c r="HP7" s="66">
        <v>482</v>
      </c>
      <c r="HQ7" s="158"/>
      <c r="HR7" s="65">
        <v>271</v>
      </c>
      <c r="HS7" s="65">
        <v>279</v>
      </c>
      <c r="HT7" s="65">
        <v>186</v>
      </c>
      <c r="HU7" s="65">
        <v>173</v>
      </c>
      <c r="HV7" s="65">
        <v>121</v>
      </c>
      <c r="HW7" s="66">
        <v>1030</v>
      </c>
      <c r="HX7" s="67">
        <v>1512</v>
      </c>
      <c r="HY7" s="64">
        <v>432</v>
      </c>
      <c r="HZ7" s="65">
        <v>418</v>
      </c>
      <c r="IA7" s="66">
        <v>850</v>
      </c>
      <c r="IB7" s="158"/>
      <c r="IC7" s="65">
        <v>516</v>
      </c>
      <c r="ID7" s="65">
        <v>482</v>
      </c>
      <c r="IE7" s="65">
        <v>301</v>
      </c>
      <c r="IF7" s="65">
        <v>244</v>
      </c>
      <c r="IG7" s="65">
        <v>185</v>
      </c>
      <c r="IH7" s="66">
        <v>1728</v>
      </c>
      <c r="II7" s="67">
        <v>2578</v>
      </c>
      <c r="IJ7" s="64">
        <v>1093</v>
      </c>
      <c r="IK7" s="65">
        <v>957</v>
      </c>
      <c r="IL7" s="66">
        <v>2050</v>
      </c>
      <c r="IM7" s="158"/>
      <c r="IN7" s="65">
        <v>1292</v>
      </c>
      <c r="IO7" s="65">
        <v>1100</v>
      </c>
      <c r="IP7" s="65">
        <v>667</v>
      </c>
      <c r="IQ7" s="65">
        <v>539</v>
      </c>
      <c r="IR7" s="65">
        <v>347</v>
      </c>
      <c r="IS7" s="66">
        <v>3945</v>
      </c>
      <c r="IT7" s="67">
        <v>5995</v>
      </c>
      <c r="IU7" s="64">
        <v>1787</v>
      </c>
      <c r="IV7" s="65">
        <v>1589</v>
      </c>
      <c r="IW7" s="66">
        <v>3376</v>
      </c>
      <c r="IX7" s="158"/>
      <c r="IY7" s="65">
        <v>2299</v>
      </c>
      <c r="IZ7" s="65">
        <v>1885</v>
      </c>
      <c r="JA7" s="65">
        <v>1248</v>
      </c>
      <c r="JB7" s="65">
        <v>1022</v>
      </c>
      <c r="JC7" s="65">
        <v>559</v>
      </c>
      <c r="JD7" s="66">
        <v>7013</v>
      </c>
      <c r="JE7" s="67">
        <v>10389</v>
      </c>
      <c r="JF7" s="64">
        <v>1405</v>
      </c>
      <c r="JG7" s="65">
        <v>1439</v>
      </c>
      <c r="JH7" s="66">
        <v>2844</v>
      </c>
      <c r="JI7" s="158"/>
      <c r="JJ7" s="65">
        <v>2255</v>
      </c>
      <c r="JK7" s="65">
        <v>2194</v>
      </c>
      <c r="JL7" s="65">
        <v>1607</v>
      </c>
      <c r="JM7" s="65">
        <v>1414</v>
      </c>
      <c r="JN7" s="65">
        <v>705</v>
      </c>
      <c r="JO7" s="66">
        <v>8175</v>
      </c>
      <c r="JP7" s="67">
        <v>11019</v>
      </c>
      <c r="JQ7" s="64">
        <v>0</v>
      </c>
      <c r="JR7" s="65">
        <v>0</v>
      </c>
      <c r="JS7" s="66">
        <v>0</v>
      </c>
      <c r="JT7" s="158"/>
      <c r="JU7" s="65">
        <v>0</v>
      </c>
      <c r="JV7" s="65">
        <v>0</v>
      </c>
      <c r="JW7" s="65">
        <v>0</v>
      </c>
      <c r="JX7" s="65">
        <v>0</v>
      </c>
      <c r="JY7" s="65">
        <v>0</v>
      </c>
      <c r="JZ7" s="66">
        <v>0</v>
      </c>
      <c r="KA7" s="67">
        <v>0</v>
      </c>
      <c r="KB7" s="64">
        <v>5014</v>
      </c>
      <c r="KC7" s="65">
        <v>4741</v>
      </c>
      <c r="KD7" s="66">
        <v>9755</v>
      </c>
      <c r="KE7" s="158"/>
      <c r="KF7" s="65">
        <v>6726</v>
      </c>
      <c r="KG7" s="65">
        <v>6067</v>
      </c>
      <c r="KH7" s="65">
        <v>4071</v>
      </c>
      <c r="KI7" s="65">
        <v>3444</v>
      </c>
      <c r="KJ7" s="65">
        <v>1966</v>
      </c>
      <c r="KK7" s="66">
        <v>22274</v>
      </c>
      <c r="KL7" s="67">
        <v>32029</v>
      </c>
    </row>
    <row r="8" spans="1:298" ht="19.5" customHeight="1" x14ac:dyDescent="0.2">
      <c r="A8" s="111" t="s">
        <v>5</v>
      </c>
      <c r="B8" s="215">
        <v>1967</v>
      </c>
      <c r="C8" s="80">
        <v>2034</v>
      </c>
      <c r="D8" s="81">
        <v>4001</v>
      </c>
      <c r="E8" s="159"/>
      <c r="F8" s="80">
        <v>2125</v>
      </c>
      <c r="G8" s="80">
        <v>2503</v>
      </c>
      <c r="H8" s="80">
        <v>1609</v>
      </c>
      <c r="I8" s="80">
        <v>1269</v>
      </c>
      <c r="J8" s="80">
        <v>720</v>
      </c>
      <c r="K8" s="82">
        <v>8226</v>
      </c>
      <c r="L8" s="83">
        <v>12227</v>
      </c>
      <c r="M8" s="68">
        <v>24</v>
      </c>
      <c r="N8" s="69">
        <v>31</v>
      </c>
      <c r="O8" s="70">
        <v>55</v>
      </c>
      <c r="P8" s="159"/>
      <c r="Q8" s="69">
        <v>24</v>
      </c>
      <c r="R8" s="69">
        <v>54</v>
      </c>
      <c r="S8" s="69">
        <v>16</v>
      </c>
      <c r="T8" s="69">
        <v>23</v>
      </c>
      <c r="U8" s="69">
        <v>20</v>
      </c>
      <c r="V8" s="70">
        <v>137</v>
      </c>
      <c r="W8" s="71">
        <v>192</v>
      </c>
      <c r="X8" s="68">
        <v>66</v>
      </c>
      <c r="Y8" s="69">
        <v>91</v>
      </c>
      <c r="Z8" s="70">
        <v>157</v>
      </c>
      <c r="AA8" s="159"/>
      <c r="AB8" s="69">
        <v>84</v>
      </c>
      <c r="AC8" s="69">
        <v>114</v>
      </c>
      <c r="AD8" s="69">
        <v>79</v>
      </c>
      <c r="AE8" s="69">
        <v>58</v>
      </c>
      <c r="AF8" s="69">
        <v>48</v>
      </c>
      <c r="AG8" s="70">
        <v>383</v>
      </c>
      <c r="AH8" s="71">
        <v>540</v>
      </c>
      <c r="AI8" s="68">
        <v>143</v>
      </c>
      <c r="AJ8" s="69">
        <v>169</v>
      </c>
      <c r="AK8" s="70">
        <v>312</v>
      </c>
      <c r="AL8" s="159"/>
      <c r="AM8" s="69">
        <v>137</v>
      </c>
      <c r="AN8" s="69">
        <v>183</v>
      </c>
      <c r="AO8" s="69">
        <v>109</v>
      </c>
      <c r="AP8" s="69">
        <v>78</v>
      </c>
      <c r="AQ8" s="69">
        <v>67</v>
      </c>
      <c r="AR8" s="70">
        <v>574</v>
      </c>
      <c r="AS8" s="71">
        <v>886</v>
      </c>
      <c r="AT8" s="68">
        <v>415</v>
      </c>
      <c r="AU8" s="69">
        <v>383</v>
      </c>
      <c r="AV8" s="70">
        <v>798</v>
      </c>
      <c r="AW8" s="159"/>
      <c r="AX8" s="69">
        <v>407</v>
      </c>
      <c r="AY8" s="69">
        <v>420</v>
      </c>
      <c r="AZ8" s="69">
        <v>254</v>
      </c>
      <c r="BA8" s="69">
        <v>205</v>
      </c>
      <c r="BB8" s="69">
        <v>127</v>
      </c>
      <c r="BC8" s="70">
        <v>1413</v>
      </c>
      <c r="BD8" s="71">
        <v>2211</v>
      </c>
      <c r="BE8" s="68">
        <v>761</v>
      </c>
      <c r="BF8" s="69">
        <v>718</v>
      </c>
      <c r="BG8" s="70">
        <v>1479</v>
      </c>
      <c r="BH8" s="159"/>
      <c r="BI8" s="69">
        <v>779</v>
      </c>
      <c r="BJ8" s="69">
        <v>794</v>
      </c>
      <c r="BK8" s="69">
        <v>504</v>
      </c>
      <c r="BL8" s="69">
        <v>394</v>
      </c>
      <c r="BM8" s="69">
        <v>213</v>
      </c>
      <c r="BN8" s="70">
        <v>2684</v>
      </c>
      <c r="BO8" s="71">
        <v>4163</v>
      </c>
      <c r="BP8" s="68">
        <v>558</v>
      </c>
      <c r="BQ8" s="69">
        <v>642</v>
      </c>
      <c r="BR8" s="70">
        <v>1200</v>
      </c>
      <c r="BS8" s="159"/>
      <c r="BT8" s="69">
        <v>694</v>
      </c>
      <c r="BU8" s="69">
        <v>938</v>
      </c>
      <c r="BV8" s="69">
        <v>647</v>
      </c>
      <c r="BW8" s="69">
        <v>511</v>
      </c>
      <c r="BX8" s="69">
        <v>245</v>
      </c>
      <c r="BY8" s="70">
        <v>3035</v>
      </c>
      <c r="BZ8" s="71">
        <v>4235</v>
      </c>
      <c r="CA8" s="68">
        <v>0</v>
      </c>
      <c r="CB8" s="69">
        <v>0</v>
      </c>
      <c r="CC8" s="70">
        <v>0</v>
      </c>
      <c r="CD8" s="159"/>
      <c r="CE8" s="69">
        <v>0</v>
      </c>
      <c r="CF8" s="69">
        <v>0</v>
      </c>
      <c r="CG8" s="69">
        <v>0</v>
      </c>
      <c r="CH8" s="69">
        <v>0</v>
      </c>
      <c r="CI8" s="69">
        <v>0</v>
      </c>
      <c r="CJ8" s="70">
        <v>0</v>
      </c>
      <c r="CK8" s="71">
        <v>0</v>
      </c>
      <c r="CL8" s="68">
        <v>1967</v>
      </c>
      <c r="CM8" s="69">
        <v>2034</v>
      </c>
      <c r="CN8" s="70">
        <v>4001</v>
      </c>
      <c r="CO8" s="159"/>
      <c r="CP8" s="69">
        <v>2125</v>
      </c>
      <c r="CQ8" s="69">
        <v>2503</v>
      </c>
      <c r="CR8" s="69">
        <v>1609</v>
      </c>
      <c r="CS8" s="69">
        <v>1269</v>
      </c>
      <c r="CT8" s="69">
        <v>720</v>
      </c>
      <c r="CU8" s="70">
        <v>8226</v>
      </c>
      <c r="CV8" s="71">
        <v>12227</v>
      </c>
      <c r="CW8" s="108">
        <v>246</v>
      </c>
      <c r="CX8" s="80">
        <v>324</v>
      </c>
      <c r="CY8" s="81">
        <v>570</v>
      </c>
      <c r="CZ8" s="159"/>
      <c r="DA8" s="80">
        <v>305</v>
      </c>
      <c r="DB8" s="80">
        <v>339</v>
      </c>
      <c r="DC8" s="80">
        <v>240</v>
      </c>
      <c r="DD8" s="80">
        <v>236</v>
      </c>
      <c r="DE8" s="80">
        <v>151</v>
      </c>
      <c r="DF8" s="82">
        <v>1271</v>
      </c>
      <c r="DG8" s="83">
        <v>1841</v>
      </c>
      <c r="DH8" s="68">
        <v>5</v>
      </c>
      <c r="DI8" s="69">
        <v>7</v>
      </c>
      <c r="DJ8" s="70">
        <v>12</v>
      </c>
      <c r="DK8" s="159"/>
      <c r="DL8" s="69">
        <v>5</v>
      </c>
      <c r="DM8" s="69">
        <v>10</v>
      </c>
      <c r="DN8" s="69">
        <v>3</v>
      </c>
      <c r="DO8" s="69">
        <v>2</v>
      </c>
      <c r="DP8" s="69">
        <v>1</v>
      </c>
      <c r="DQ8" s="70">
        <v>21</v>
      </c>
      <c r="DR8" s="71">
        <v>33</v>
      </c>
      <c r="DS8" s="68">
        <v>19</v>
      </c>
      <c r="DT8" s="69">
        <v>25</v>
      </c>
      <c r="DU8" s="70">
        <v>44</v>
      </c>
      <c r="DV8" s="159"/>
      <c r="DW8" s="69">
        <v>11</v>
      </c>
      <c r="DX8" s="69">
        <v>12</v>
      </c>
      <c r="DY8" s="69">
        <v>2</v>
      </c>
      <c r="DZ8" s="69">
        <v>9</v>
      </c>
      <c r="EA8" s="69">
        <v>3</v>
      </c>
      <c r="EB8" s="70">
        <v>37</v>
      </c>
      <c r="EC8" s="71">
        <v>81</v>
      </c>
      <c r="ED8" s="68">
        <v>26</v>
      </c>
      <c r="EE8" s="69">
        <v>41</v>
      </c>
      <c r="EF8" s="70">
        <v>67</v>
      </c>
      <c r="EG8" s="159"/>
      <c r="EH8" s="69">
        <v>34</v>
      </c>
      <c r="EI8" s="69">
        <v>25</v>
      </c>
      <c r="EJ8" s="69">
        <v>13</v>
      </c>
      <c r="EK8" s="69">
        <v>14</v>
      </c>
      <c r="EL8" s="69">
        <v>12</v>
      </c>
      <c r="EM8" s="70">
        <v>98</v>
      </c>
      <c r="EN8" s="71">
        <v>165</v>
      </c>
      <c r="EO8" s="68">
        <v>66</v>
      </c>
      <c r="EP8" s="69">
        <v>84</v>
      </c>
      <c r="EQ8" s="70">
        <v>150</v>
      </c>
      <c r="ER8" s="159"/>
      <c r="ES8" s="69">
        <v>56</v>
      </c>
      <c r="ET8" s="69">
        <v>46</v>
      </c>
      <c r="EU8" s="69">
        <v>33</v>
      </c>
      <c r="EV8" s="69">
        <v>35</v>
      </c>
      <c r="EW8" s="69">
        <v>21</v>
      </c>
      <c r="EX8" s="70">
        <v>191</v>
      </c>
      <c r="EY8" s="71">
        <v>341</v>
      </c>
      <c r="EZ8" s="68">
        <v>77</v>
      </c>
      <c r="FA8" s="69">
        <v>89</v>
      </c>
      <c r="FB8" s="70">
        <v>166</v>
      </c>
      <c r="FC8" s="159"/>
      <c r="FD8" s="69">
        <v>89</v>
      </c>
      <c r="FE8" s="69">
        <v>99</v>
      </c>
      <c r="FF8" s="69">
        <v>66</v>
      </c>
      <c r="FG8" s="69">
        <v>57</v>
      </c>
      <c r="FH8" s="69">
        <v>42</v>
      </c>
      <c r="FI8" s="70">
        <v>353</v>
      </c>
      <c r="FJ8" s="71">
        <v>519</v>
      </c>
      <c r="FK8" s="68">
        <v>53</v>
      </c>
      <c r="FL8" s="69">
        <v>78</v>
      </c>
      <c r="FM8" s="70">
        <v>131</v>
      </c>
      <c r="FN8" s="159"/>
      <c r="FO8" s="69">
        <v>110</v>
      </c>
      <c r="FP8" s="69">
        <v>147</v>
      </c>
      <c r="FQ8" s="69">
        <v>123</v>
      </c>
      <c r="FR8" s="69">
        <v>119</v>
      </c>
      <c r="FS8" s="69">
        <v>72</v>
      </c>
      <c r="FT8" s="70">
        <v>571</v>
      </c>
      <c r="FU8" s="71">
        <v>702</v>
      </c>
      <c r="FV8" s="68">
        <v>0</v>
      </c>
      <c r="FW8" s="69">
        <v>0</v>
      </c>
      <c r="FX8" s="70">
        <v>0</v>
      </c>
      <c r="FY8" s="159"/>
      <c r="FZ8" s="69">
        <v>0</v>
      </c>
      <c r="GA8" s="69">
        <v>0</v>
      </c>
      <c r="GB8" s="69">
        <v>0</v>
      </c>
      <c r="GC8" s="69">
        <v>0</v>
      </c>
      <c r="GD8" s="69">
        <v>0</v>
      </c>
      <c r="GE8" s="70">
        <v>0</v>
      </c>
      <c r="GF8" s="71">
        <v>0</v>
      </c>
      <c r="GG8" s="68">
        <v>246</v>
      </c>
      <c r="GH8" s="69">
        <v>324</v>
      </c>
      <c r="GI8" s="70">
        <v>570</v>
      </c>
      <c r="GJ8" s="159"/>
      <c r="GK8" s="69">
        <v>305</v>
      </c>
      <c r="GL8" s="69">
        <v>339</v>
      </c>
      <c r="GM8" s="69">
        <v>240</v>
      </c>
      <c r="GN8" s="69">
        <v>236</v>
      </c>
      <c r="GO8" s="69">
        <v>151</v>
      </c>
      <c r="GP8" s="70">
        <v>1271</v>
      </c>
      <c r="GQ8" s="71">
        <v>1841</v>
      </c>
      <c r="GR8" s="108">
        <v>2213</v>
      </c>
      <c r="GS8" s="80">
        <v>2358</v>
      </c>
      <c r="GT8" s="81">
        <v>4571</v>
      </c>
      <c r="GU8" s="159"/>
      <c r="GV8" s="80">
        <v>2430</v>
      </c>
      <c r="GW8" s="80">
        <v>2842</v>
      </c>
      <c r="GX8" s="80">
        <v>1849</v>
      </c>
      <c r="GY8" s="80">
        <v>1505</v>
      </c>
      <c r="GZ8" s="80">
        <v>871</v>
      </c>
      <c r="HA8" s="82">
        <v>9497</v>
      </c>
      <c r="HB8" s="83">
        <v>14068</v>
      </c>
      <c r="HC8" s="68">
        <v>29</v>
      </c>
      <c r="HD8" s="69">
        <v>38</v>
      </c>
      <c r="HE8" s="70">
        <v>67</v>
      </c>
      <c r="HF8" s="159"/>
      <c r="HG8" s="69">
        <v>29</v>
      </c>
      <c r="HH8" s="69">
        <v>64</v>
      </c>
      <c r="HI8" s="69">
        <v>19</v>
      </c>
      <c r="HJ8" s="69">
        <v>25</v>
      </c>
      <c r="HK8" s="69">
        <v>21</v>
      </c>
      <c r="HL8" s="70">
        <v>158</v>
      </c>
      <c r="HM8" s="71">
        <v>225</v>
      </c>
      <c r="HN8" s="68">
        <v>85</v>
      </c>
      <c r="HO8" s="69">
        <v>116</v>
      </c>
      <c r="HP8" s="70">
        <v>201</v>
      </c>
      <c r="HQ8" s="159"/>
      <c r="HR8" s="69">
        <v>95</v>
      </c>
      <c r="HS8" s="69">
        <v>126</v>
      </c>
      <c r="HT8" s="69">
        <v>81</v>
      </c>
      <c r="HU8" s="69">
        <v>67</v>
      </c>
      <c r="HV8" s="69">
        <v>51</v>
      </c>
      <c r="HW8" s="70">
        <v>420</v>
      </c>
      <c r="HX8" s="71">
        <v>621</v>
      </c>
      <c r="HY8" s="68">
        <v>169</v>
      </c>
      <c r="HZ8" s="69">
        <v>210</v>
      </c>
      <c r="IA8" s="70">
        <v>379</v>
      </c>
      <c r="IB8" s="159"/>
      <c r="IC8" s="69">
        <v>171</v>
      </c>
      <c r="ID8" s="69">
        <v>208</v>
      </c>
      <c r="IE8" s="69">
        <v>122</v>
      </c>
      <c r="IF8" s="69">
        <v>92</v>
      </c>
      <c r="IG8" s="69">
        <v>79</v>
      </c>
      <c r="IH8" s="70">
        <v>672</v>
      </c>
      <c r="II8" s="71">
        <v>1051</v>
      </c>
      <c r="IJ8" s="68">
        <v>481</v>
      </c>
      <c r="IK8" s="69">
        <v>467</v>
      </c>
      <c r="IL8" s="70">
        <v>948</v>
      </c>
      <c r="IM8" s="159"/>
      <c r="IN8" s="69">
        <v>463</v>
      </c>
      <c r="IO8" s="69">
        <v>466</v>
      </c>
      <c r="IP8" s="69">
        <v>287</v>
      </c>
      <c r="IQ8" s="69">
        <v>240</v>
      </c>
      <c r="IR8" s="69">
        <v>148</v>
      </c>
      <c r="IS8" s="70">
        <v>1604</v>
      </c>
      <c r="IT8" s="71">
        <v>2552</v>
      </c>
      <c r="IU8" s="68">
        <v>838</v>
      </c>
      <c r="IV8" s="69">
        <v>807</v>
      </c>
      <c r="IW8" s="70">
        <v>1645</v>
      </c>
      <c r="IX8" s="159"/>
      <c r="IY8" s="69">
        <v>868</v>
      </c>
      <c r="IZ8" s="69">
        <v>893</v>
      </c>
      <c r="JA8" s="69">
        <v>570</v>
      </c>
      <c r="JB8" s="69">
        <v>451</v>
      </c>
      <c r="JC8" s="69">
        <v>255</v>
      </c>
      <c r="JD8" s="70">
        <v>3037</v>
      </c>
      <c r="JE8" s="71">
        <v>4682</v>
      </c>
      <c r="JF8" s="68">
        <v>611</v>
      </c>
      <c r="JG8" s="69">
        <v>720</v>
      </c>
      <c r="JH8" s="70">
        <v>1331</v>
      </c>
      <c r="JI8" s="159"/>
      <c r="JJ8" s="69">
        <v>804</v>
      </c>
      <c r="JK8" s="69">
        <v>1085</v>
      </c>
      <c r="JL8" s="69">
        <v>770</v>
      </c>
      <c r="JM8" s="69">
        <v>630</v>
      </c>
      <c r="JN8" s="69">
        <v>317</v>
      </c>
      <c r="JO8" s="70">
        <v>3606</v>
      </c>
      <c r="JP8" s="71">
        <v>4937</v>
      </c>
      <c r="JQ8" s="68">
        <v>0</v>
      </c>
      <c r="JR8" s="69">
        <v>0</v>
      </c>
      <c r="JS8" s="70">
        <v>0</v>
      </c>
      <c r="JT8" s="159"/>
      <c r="JU8" s="69">
        <v>0</v>
      </c>
      <c r="JV8" s="69">
        <v>0</v>
      </c>
      <c r="JW8" s="69">
        <v>0</v>
      </c>
      <c r="JX8" s="69">
        <v>0</v>
      </c>
      <c r="JY8" s="69">
        <v>0</v>
      </c>
      <c r="JZ8" s="70">
        <v>0</v>
      </c>
      <c r="KA8" s="71">
        <v>0</v>
      </c>
      <c r="KB8" s="68">
        <v>2213</v>
      </c>
      <c r="KC8" s="69">
        <v>2358</v>
      </c>
      <c r="KD8" s="70">
        <v>4571</v>
      </c>
      <c r="KE8" s="159"/>
      <c r="KF8" s="69">
        <v>2430</v>
      </c>
      <c r="KG8" s="69">
        <v>2842</v>
      </c>
      <c r="KH8" s="69">
        <v>1849</v>
      </c>
      <c r="KI8" s="69">
        <v>1505</v>
      </c>
      <c r="KJ8" s="69">
        <v>871</v>
      </c>
      <c r="KK8" s="70">
        <v>9497</v>
      </c>
      <c r="KL8" s="71">
        <v>14068</v>
      </c>
    </row>
    <row r="9" spans="1:298" ht="19.5" customHeight="1" x14ac:dyDescent="0.2">
      <c r="A9" s="111" t="s">
        <v>6</v>
      </c>
      <c r="B9" s="215">
        <v>538</v>
      </c>
      <c r="C9" s="80">
        <v>389</v>
      </c>
      <c r="D9" s="81">
        <v>927</v>
      </c>
      <c r="E9" s="159"/>
      <c r="F9" s="80">
        <v>798</v>
      </c>
      <c r="G9" s="80">
        <v>579</v>
      </c>
      <c r="H9" s="80">
        <v>393</v>
      </c>
      <c r="I9" s="80">
        <v>369</v>
      </c>
      <c r="J9" s="80">
        <v>222</v>
      </c>
      <c r="K9" s="82">
        <v>2361</v>
      </c>
      <c r="L9" s="83">
        <v>3288</v>
      </c>
      <c r="M9" s="68">
        <v>11</v>
      </c>
      <c r="N9" s="69">
        <v>10</v>
      </c>
      <c r="O9" s="70">
        <v>21</v>
      </c>
      <c r="P9" s="159"/>
      <c r="Q9" s="69">
        <v>14</v>
      </c>
      <c r="R9" s="69">
        <v>17</v>
      </c>
      <c r="S9" s="69">
        <v>8</v>
      </c>
      <c r="T9" s="69">
        <v>10</v>
      </c>
      <c r="U9" s="69">
        <v>6</v>
      </c>
      <c r="V9" s="70">
        <v>55</v>
      </c>
      <c r="W9" s="71">
        <v>76</v>
      </c>
      <c r="X9" s="68">
        <v>25</v>
      </c>
      <c r="Y9" s="69">
        <v>13</v>
      </c>
      <c r="Z9" s="70">
        <v>38</v>
      </c>
      <c r="AA9" s="159"/>
      <c r="AB9" s="69">
        <v>40</v>
      </c>
      <c r="AC9" s="69">
        <v>28</v>
      </c>
      <c r="AD9" s="69">
        <v>17</v>
      </c>
      <c r="AE9" s="69">
        <v>28</v>
      </c>
      <c r="AF9" s="69">
        <v>20</v>
      </c>
      <c r="AG9" s="70">
        <v>133</v>
      </c>
      <c r="AH9" s="71">
        <v>171</v>
      </c>
      <c r="AI9" s="68">
        <v>33</v>
      </c>
      <c r="AJ9" s="69">
        <v>35</v>
      </c>
      <c r="AK9" s="70">
        <v>68</v>
      </c>
      <c r="AL9" s="159"/>
      <c r="AM9" s="69">
        <v>55</v>
      </c>
      <c r="AN9" s="69">
        <v>47</v>
      </c>
      <c r="AO9" s="69">
        <v>31</v>
      </c>
      <c r="AP9" s="69">
        <v>22</v>
      </c>
      <c r="AQ9" s="69">
        <v>16</v>
      </c>
      <c r="AR9" s="70">
        <v>171</v>
      </c>
      <c r="AS9" s="71">
        <v>239</v>
      </c>
      <c r="AT9" s="68">
        <v>111</v>
      </c>
      <c r="AU9" s="69">
        <v>59</v>
      </c>
      <c r="AV9" s="70">
        <v>170</v>
      </c>
      <c r="AW9" s="159"/>
      <c r="AX9" s="69">
        <v>141</v>
      </c>
      <c r="AY9" s="69">
        <v>98</v>
      </c>
      <c r="AZ9" s="69">
        <v>62</v>
      </c>
      <c r="BA9" s="69">
        <v>51</v>
      </c>
      <c r="BB9" s="69">
        <v>43</v>
      </c>
      <c r="BC9" s="70">
        <v>395</v>
      </c>
      <c r="BD9" s="71">
        <v>565</v>
      </c>
      <c r="BE9" s="68">
        <v>201</v>
      </c>
      <c r="BF9" s="69">
        <v>141</v>
      </c>
      <c r="BG9" s="70">
        <v>342</v>
      </c>
      <c r="BH9" s="159"/>
      <c r="BI9" s="69">
        <v>266</v>
      </c>
      <c r="BJ9" s="69">
        <v>182</v>
      </c>
      <c r="BK9" s="69">
        <v>124</v>
      </c>
      <c r="BL9" s="69">
        <v>106</v>
      </c>
      <c r="BM9" s="69">
        <v>66</v>
      </c>
      <c r="BN9" s="70">
        <v>744</v>
      </c>
      <c r="BO9" s="71">
        <v>1086</v>
      </c>
      <c r="BP9" s="68">
        <v>157</v>
      </c>
      <c r="BQ9" s="69">
        <v>131</v>
      </c>
      <c r="BR9" s="70">
        <v>288</v>
      </c>
      <c r="BS9" s="159"/>
      <c r="BT9" s="69">
        <v>282</v>
      </c>
      <c r="BU9" s="69">
        <v>207</v>
      </c>
      <c r="BV9" s="69">
        <v>151</v>
      </c>
      <c r="BW9" s="69">
        <v>152</v>
      </c>
      <c r="BX9" s="69">
        <v>71</v>
      </c>
      <c r="BY9" s="70">
        <v>863</v>
      </c>
      <c r="BZ9" s="71">
        <v>1151</v>
      </c>
      <c r="CA9" s="68">
        <v>0</v>
      </c>
      <c r="CB9" s="69">
        <v>0</v>
      </c>
      <c r="CC9" s="70">
        <v>0</v>
      </c>
      <c r="CD9" s="159"/>
      <c r="CE9" s="69">
        <v>0</v>
      </c>
      <c r="CF9" s="69">
        <v>0</v>
      </c>
      <c r="CG9" s="69">
        <v>0</v>
      </c>
      <c r="CH9" s="69">
        <v>0</v>
      </c>
      <c r="CI9" s="69">
        <v>0</v>
      </c>
      <c r="CJ9" s="70">
        <v>0</v>
      </c>
      <c r="CK9" s="71">
        <v>0</v>
      </c>
      <c r="CL9" s="68">
        <v>538</v>
      </c>
      <c r="CM9" s="69">
        <v>389</v>
      </c>
      <c r="CN9" s="70">
        <v>927</v>
      </c>
      <c r="CO9" s="159"/>
      <c r="CP9" s="69">
        <v>798</v>
      </c>
      <c r="CQ9" s="69">
        <v>579</v>
      </c>
      <c r="CR9" s="69">
        <v>393</v>
      </c>
      <c r="CS9" s="69">
        <v>369</v>
      </c>
      <c r="CT9" s="69">
        <v>222</v>
      </c>
      <c r="CU9" s="70">
        <v>2361</v>
      </c>
      <c r="CV9" s="71">
        <v>3288</v>
      </c>
      <c r="CW9" s="108">
        <v>117</v>
      </c>
      <c r="CX9" s="80">
        <v>89</v>
      </c>
      <c r="CY9" s="81">
        <v>206</v>
      </c>
      <c r="CZ9" s="159"/>
      <c r="DA9" s="80">
        <v>111</v>
      </c>
      <c r="DB9" s="80">
        <v>103</v>
      </c>
      <c r="DC9" s="80">
        <v>80</v>
      </c>
      <c r="DD9" s="80">
        <v>79</v>
      </c>
      <c r="DE9" s="80">
        <v>65</v>
      </c>
      <c r="DF9" s="82">
        <v>438</v>
      </c>
      <c r="DG9" s="83">
        <v>644</v>
      </c>
      <c r="DH9" s="68">
        <v>1</v>
      </c>
      <c r="DI9" s="69">
        <v>2</v>
      </c>
      <c r="DJ9" s="70">
        <v>3</v>
      </c>
      <c r="DK9" s="159"/>
      <c r="DL9" s="69">
        <v>2</v>
      </c>
      <c r="DM9" s="69">
        <v>2</v>
      </c>
      <c r="DN9" s="69">
        <v>2</v>
      </c>
      <c r="DO9" s="69">
        <v>2</v>
      </c>
      <c r="DP9" s="69">
        <v>4</v>
      </c>
      <c r="DQ9" s="70">
        <v>12</v>
      </c>
      <c r="DR9" s="71">
        <v>15</v>
      </c>
      <c r="DS9" s="68">
        <v>8</v>
      </c>
      <c r="DT9" s="69">
        <v>9</v>
      </c>
      <c r="DU9" s="70">
        <v>17</v>
      </c>
      <c r="DV9" s="159"/>
      <c r="DW9" s="69">
        <v>4</v>
      </c>
      <c r="DX9" s="69">
        <v>7</v>
      </c>
      <c r="DY9" s="69">
        <v>2</v>
      </c>
      <c r="DZ9" s="69">
        <v>2</v>
      </c>
      <c r="EA9" s="69">
        <v>1</v>
      </c>
      <c r="EB9" s="70">
        <v>16</v>
      </c>
      <c r="EC9" s="71">
        <v>33</v>
      </c>
      <c r="ED9" s="68">
        <v>17</v>
      </c>
      <c r="EE9" s="69">
        <v>5</v>
      </c>
      <c r="EF9" s="70">
        <v>22</v>
      </c>
      <c r="EG9" s="159"/>
      <c r="EH9" s="69">
        <v>8</v>
      </c>
      <c r="EI9" s="69">
        <v>9</v>
      </c>
      <c r="EJ9" s="69">
        <v>4</v>
      </c>
      <c r="EK9" s="69">
        <v>4</v>
      </c>
      <c r="EL9" s="69">
        <v>3</v>
      </c>
      <c r="EM9" s="70">
        <v>28</v>
      </c>
      <c r="EN9" s="71">
        <v>50</v>
      </c>
      <c r="EO9" s="68">
        <v>35</v>
      </c>
      <c r="EP9" s="69">
        <v>26</v>
      </c>
      <c r="EQ9" s="70">
        <v>61</v>
      </c>
      <c r="ER9" s="159"/>
      <c r="ES9" s="69">
        <v>17</v>
      </c>
      <c r="ET9" s="69">
        <v>13</v>
      </c>
      <c r="EU9" s="69">
        <v>19</v>
      </c>
      <c r="EV9" s="69">
        <v>9</v>
      </c>
      <c r="EW9" s="69">
        <v>8</v>
      </c>
      <c r="EX9" s="70">
        <v>66</v>
      </c>
      <c r="EY9" s="71">
        <v>127</v>
      </c>
      <c r="EZ9" s="68">
        <v>36</v>
      </c>
      <c r="FA9" s="69">
        <v>30</v>
      </c>
      <c r="FB9" s="70">
        <v>66</v>
      </c>
      <c r="FC9" s="159"/>
      <c r="FD9" s="69">
        <v>43</v>
      </c>
      <c r="FE9" s="69">
        <v>32</v>
      </c>
      <c r="FF9" s="69">
        <v>21</v>
      </c>
      <c r="FG9" s="69">
        <v>25</v>
      </c>
      <c r="FH9" s="69">
        <v>19</v>
      </c>
      <c r="FI9" s="70">
        <v>140</v>
      </c>
      <c r="FJ9" s="71">
        <v>206</v>
      </c>
      <c r="FK9" s="68">
        <v>20</v>
      </c>
      <c r="FL9" s="69">
        <v>17</v>
      </c>
      <c r="FM9" s="70">
        <v>37</v>
      </c>
      <c r="FN9" s="159"/>
      <c r="FO9" s="69">
        <v>37</v>
      </c>
      <c r="FP9" s="69">
        <v>40</v>
      </c>
      <c r="FQ9" s="69">
        <v>32</v>
      </c>
      <c r="FR9" s="69">
        <v>37</v>
      </c>
      <c r="FS9" s="69">
        <v>30</v>
      </c>
      <c r="FT9" s="70">
        <v>176</v>
      </c>
      <c r="FU9" s="71">
        <v>213</v>
      </c>
      <c r="FV9" s="68">
        <v>0</v>
      </c>
      <c r="FW9" s="69">
        <v>0</v>
      </c>
      <c r="FX9" s="70">
        <v>0</v>
      </c>
      <c r="FY9" s="159"/>
      <c r="FZ9" s="69">
        <v>0</v>
      </c>
      <c r="GA9" s="69">
        <v>0</v>
      </c>
      <c r="GB9" s="69">
        <v>0</v>
      </c>
      <c r="GC9" s="69">
        <v>0</v>
      </c>
      <c r="GD9" s="69">
        <v>0</v>
      </c>
      <c r="GE9" s="70">
        <v>0</v>
      </c>
      <c r="GF9" s="71">
        <v>0</v>
      </c>
      <c r="GG9" s="68">
        <v>117</v>
      </c>
      <c r="GH9" s="69">
        <v>89</v>
      </c>
      <c r="GI9" s="70">
        <v>206</v>
      </c>
      <c r="GJ9" s="159"/>
      <c r="GK9" s="69">
        <v>111</v>
      </c>
      <c r="GL9" s="69">
        <v>103</v>
      </c>
      <c r="GM9" s="69">
        <v>80</v>
      </c>
      <c r="GN9" s="69">
        <v>79</v>
      </c>
      <c r="GO9" s="69">
        <v>65</v>
      </c>
      <c r="GP9" s="70">
        <v>438</v>
      </c>
      <c r="GQ9" s="71">
        <v>644</v>
      </c>
      <c r="GR9" s="108">
        <v>655</v>
      </c>
      <c r="GS9" s="80">
        <v>478</v>
      </c>
      <c r="GT9" s="81">
        <v>1133</v>
      </c>
      <c r="GU9" s="159"/>
      <c r="GV9" s="80">
        <v>909</v>
      </c>
      <c r="GW9" s="80">
        <v>682</v>
      </c>
      <c r="GX9" s="80">
        <v>473</v>
      </c>
      <c r="GY9" s="80">
        <v>448</v>
      </c>
      <c r="GZ9" s="80">
        <v>287</v>
      </c>
      <c r="HA9" s="82">
        <v>2799</v>
      </c>
      <c r="HB9" s="83">
        <v>3932</v>
      </c>
      <c r="HC9" s="68">
        <v>12</v>
      </c>
      <c r="HD9" s="69">
        <v>12</v>
      </c>
      <c r="HE9" s="70">
        <v>24</v>
      </c>
      <c r="HF9" s="159"/>
      <c r="HG9" s="69">
        <v>16</v>
      </c>
      <c r="HH9" s="69">
        <v>19</v>
      </c>
      <c r="HI9" s="69">
        <v>10</v>
      </c>
      <c r="HJ9" s="69">
        <v>12</v>
      </c>
      <c r="HK9" s="69">
        <v>10</v>
      </c>
      <c r="HL9" s="70">
        <v>67</v>
      </c>
      <c r="HM9" s="71">
        <v>91</v>
      </c>
      <c r="HN9" s="68">
        <v>33</v>
      </c>
      <c r="HO9" s="69">
        <v>22</v>
      </c>
      <c r="HP9" s="70">
        <v>55</v>
      </c>
      <c r="HQ9" s="159"/>
      <c r="HR9" s="69">
        <v>44</v>
      </c>
      <c r="HS9" s="69">
        <v>35</v>
      </c>
      <c r="HT9" s="69">
        <v>19</v>
      </c>
      <c r="HU9" s="69">
        <v>30</v>
      </c>
      <c r="HV9" s="69">
        <v>21</v>
      </c>
      <c r="HW9" s="70">
        <v>149</v>
      </c>
      <c r="HX9" s="71">
        <v>204</v>
      </c>
      <c r="HY9" s="68">
        <v>50</v>
      </c>
      <c r="HZ9" s="69">
        <v>40</v>
      </c>
      <c r="IA9" s="70">
        <v>90</v>
      </c>
      <c r="IB9" s="159"/>
      <c r="IC9" s="69">
        <v>63</v>
      </c>
      <c r="ID9" s="69">
        <v>56</v>
      </c>
      <c r="IE9" s="69">
        <v>35</v>
      </c>
      <c r="IF9" s="69">
        <v>26</v>
      </c>
      <c r="IG9" s="69">
        <v>19</v>
      </c>
      <c r="IH9" s="70">
        <v>199</v>
      </c>
      <c r="II9" s="71">
        <v>289</v>
      </c>
      <c r="IJ9" s="68">
        <v>146</v>
      </c>
      <c r="IK9" s="69">
        <v>85</v>
      </c>
      <c r="IL9" s="70">
        <v>231</v>
      </c>
      <c r="IM9" s="159"/>
      <c r="IN9" s="69">
        <v>158</v>
      </c>
      <c r="IO9" s="69">
        <v>111</v>
      </c>
      <c r="IP9" s="69">
        <v>81</v>
      </c>
      <c r="IQ9" s="69">
        <v>60</v>
      </c>
      <c r="IR9" s="69">
        <v>51</v>
      </c>
      <c r="IS9" s="70">
        <v>461</v>
      </c>
      <c r="IT9" s="71">
        <v>692</v>
      </c>
      <c r="IU9" s="68">
        <v>237</v>
      </c>
      <c r="IV9" s="69">
        <v>171</v>
      </c>
      <c r="IW9" s="70">
        <v>408</v>
      </c>
      <c r="IX9" s="159"/>
      <c r="IY9" s="69">
        <v>309</v>
      </c>
      <c r="IZ9" s="69">
        <v>214</v>
      </c>
      <c r="JA9" s="69">
        <v>145</v>
      </c>
      <c r="JB9" s="69">
        <v>131</v>
      </c>
      <c r="JC9" s="69">
        <v>85</v>
      </c>
      <c r="JD9" s="70">
        <v>884</v>
      </c>
      <c r="JE9" s="71">
        <v>1292</v>
      </c>
      <c r="JF9" s="68">
        <v>177</v>
      </c>
      <c r="JG9" s="69">
        <v>148</v>
      </c>
      <c r="JH9" s="70">
        <v>325</v>
      </c>
      <c r="JI9" s="159"/>
      <c r="JJ9" s="69">
        <v>319</v>
      </c>
      <c r="JK9" s="69">
        <v>247</v>
      </c>
      <c r="JL9" s="69">
        <v>183</v>
      </c>
      <c r="JM9" s="69">
        <v>189</v>
      </c>
      <c r="JN9" s="69">
        <v>101</v>
      </c>
      <c r="JO9" s="70">
        <v>1039</v>
      </c>
      <c r="JP9" s="71">
        <v>1364</v>
      </c>
      <c r="JQ9" s="68">
        <v>0</v>
      </c>
      <c r="JR9" s="69">
        <v>0</v>
      </c>
      <c r="JS9" s="70">
        <v>0</v>
      </c>
      <c r="JT9" s="159"/>
      <c r="JU9" s="69">
        <v>0</v>
      </c>
      <c r="JV9" s="69">
        <v>0</v>
      </c>
      <c r="JW9" s="69">
        <v>0</v>
      </c>
      <c r="JX9" s="69">
        <v>0</v>
      </c>
      <c r="JY9" s="69">
        <v>0</v>
      </c>
      <c r="JZ9" s="70">
        <v>0</v>
      </c>
      <c r="KA9" s="71">
        <v>0</v>
      </c>
      <c r="KB9" s="68">
        <v>655</v>
      </c>
      <c r="KC9" s="69">
        <v>478</v>
      </c>
      <c r="KD9" s="70">
        <v>1133</v>
      </c>
      <c r="KE9" s="159"/>
      <c r="KF9" s="69">
        <v>909</v>
      </c>
      <c r="KG9" s="69">
        <v>682</v>
      </c>
      <c r="KH9" s="69">
        <v>473</v>
      </c>
      <c r="KI9" s="69">
        <v>448</v>
      </c>
      <c r="KJ9" s="69">
        <v>287</v>
      </c>
      <c r="KK9" s="70">
        <v>2799</v>
      </c>
      <c r="KL9" s="71">
        <v>3932</v>
      </c>
    </row>
    <row r="10" spans="1:298" ht="19.5" customHeight="1" x14ac:dyDescent="0.2">
      <c r="A10" s="111" t="s">
        <v>14</v>
      </c>
      <c r="B10" s="215">
        <v>297</v>
      </c>
      <c r="C10" s="80">
        <v>329</v>
      </c>
      <c r="D10" s="81">
        <v>626</v>
      </c>
      <c r="E10" s="159"/>
      <c r="F10" s="80">
        <v>432</v>
      </c>
      <c r="G10" s="80">
        <v>386</v>
      </c>
      <c r="H10" s="80">
        <v>269</v>
      </c>
      <c r="I10" s="80">
        <v>223</v>
      </c>
      <c r="J10" s="80">
        <v>125</v>
      </c>
      <c r="K10" s="82">
        <v>1435</v>
      </c>
      <c r="L10" s="83">
        <v>2061</v>
      </c>
      <c r="M10" s="68">
        <v>5</v>
      </c>
      <c r="N10" s="69">
        <v>6</v>
      </c>
      <c r="O10" s="70">
        <v>11</v>
      </c>
      <c r="P10" s="159"/>
      <c r="Q10" s="69">
        <v>4</v>
      </c>
      <c r="R10" s="69">
        <v>5</v>
      </c>
      <c r="S10" s="69">
        <v>6</v>
      </c>
      <c r="T10" s="69">
        <v>3</v>
      </c>
      <c r="U10" s="69">
        <v>3</v>
      </c>
      <c r="V10" s="70">
        <v>21</v>
      </c>
      <c r="W10" s="71">
        <v>32</v>
      </c>
      <c r="X10" s="68">
        <v>12</v>
      </c>
      <c r="Y10" s="69">
        <v>19</v>
      </c>
      <c r="Z10" s="70">
        <v>31</v>
      </c>
      <c r="AA10" s="159"/>
      <c r="AB10" s="69">
        <v>21</v>
      </c>
      <c r="AC10" s="69">
        <v>12</v>
      </c>
      <c r="AD10" s="69">
        <v>20</v>
      </c>
      <c r="AE10" s="69">
        <v>17</v>
      </c>
      <c r="AF10" s="69">
        <v>13</v>
      </c>
      <c r="AG10" s="70">
        <v>83</v>
      </c>
      <c r="AH10" s="71">
        <v>114</v>
      </c>
      <c r="AI10" s="68">
        <v>32</v>
      </c>
      <c r="AJ10" s="69">
        <v>30</v>
      </c>
      <c r="AK10" s="70">
        <v>62</v>
      </c>
      <c r="AL10" s="159"/>
      <c r="AM10" s="69">
        <v>47</v>
      </c>
      <c r="AN10" s="69">
        <v>43</v>
      </c>
      <c r="AO10" s="69">
        <v>19</v>
      </c>
      <c r="AP10" s="69">
        <v>21</v>
      </c>
      <c r="AQ10" s="69">
        <v>14</v>
      </c>
      <c r="AR10" s="70">
        <v>144</v>
      </c>
      <c r="AS10" s="71">
        <v>206</v>
      </c>
      <c r="AT10" s="68">
        <v>63</v>
      </c>
      <c r="AU10" s="69">
        <v>78</v>
      </c>
      <c r="AV10" s="70">
        <v>141</v>
      </c>
      <c r="AW10" s="159"/>
      <c r="AX10" s="69">
        <v>97</v>
      </c>
      <c r="AY10" s="69">
        <v>84</v>
      </c>
      <c r="AZ10" s="69">
        <v>59</v>
      </c>
      <c r="BA10" s="69">
        <v>41</v>
      </c>
      <c r="BB10" s="69">
        <v>16</v>
      </c>
      <c r="BC10" s="70">
        <v>297</v>
      </c>
      <c r="BD10" s="71">
        <v>438</v>
      </c>
      <c r="BE10" s="68">
        <v>99</v>
      </c>
      <c r="BF10" s="69">
        <v>95</v>
      </c>
      <c r="BG10" s="70">
        <v>194</v>
      </c>
      <c r="BH10" s="159"/>
      <c r="BI10" s="69">
        <v>126</v>
      </c>
      <c r="BJ10" s="69">
        <v>135</v>
      </c>
      <c r="BK10" s="69">
        <v>78</v>
      </c>
      <c r="BL10" s="69">
        <v>59</v>
      </c>
      <c r="BM10" s="69">
        <v>43</v>
      </c>
      <c r="BN10" s="70">
        <v>441</v>
      </c>
      <c r="BO10" s="71">
        <v>635</v>
      </c>
      <c r="BP10" s="68">
        <v>86</v>
      </c>
      <c r="BQ10" s="69">
        <v>101</v>
      </c>
      <c r="BR10" s="70">
        <v>187</v>
      </c>
      <c r="BS10" s="159"/>
      <c r="BT10" s="69">
        <v>137</v>
      </c>
      <c r="BU10" s="69">
        <v>107</v>
      </c>
      <c r="BV10" s="69">
        <v>87</v>
      </c>
      <c r="BW10" s="69">
        <v>82</v>
      </c>
      <c r="BX10" s="69">
        <v>36</v>
      </c>
      <c r="BY10" s="70">
        <v>449</v>
      </c>
      <c r="BZ10" s="71">
        <v>636</v>
      </c>
      <c r="CA10" s="68">
        <v>0</v>
      </c>
      <c r="CB10" s="69">
        <v>0</v>
      </c>
      <c r="CC10" s="70">
        <v>0</v>
      </c>
      <c r="CD10" s="159"/>
      <c r="CE10" s="69">
        <v>0</v>
      </c>
      <c r="CF10" s="69">
        <v>0</v>
      </c>
      <c r="CG10" s="69">
        <v>0</v>
      </c>
      <c r="CH10" s="69">
        <v>0</v>
      </c>
      <c r="CI10" s="69">
        <v>0</v>
      </c>
      <c r="CJ10" s="70">
        <v>0</v>
      </c>
      <c r="CK10" s="71">
        <v>0</v>
      </c>
      <c r="CL10" s="68">
        <v>297</v>
      </c>
      <c r="CM10" s="69">
        <v>329</v>
      </c>
      <c r="CN10" s="70">
        <v>626</v>
      </c>
      <c r="CO10" s="159"/>
      <c r="CP10" s="69">
        <v>432</v>
      </c>
      <c r="CQ10" s="69">
        <v>386</v>
      </c>
      <c r="CR10" s="69">
        <v>269</v>
      </c>
      <c r="CS10" s="69">
        <v>223</v>
      </c>
      <c r="CT10" s="69">
        <v>125</v>
      </c>
      <c r="CU10" s="70">
        <v>1435</v>
      </c>
      <c r="CV10" s="71">
        <v>2061</v>
      </c>
      <c r="CW10" s="108">
        <v>33</v>
      </c>
      <c r="CX10" s="80">
        <v>45</v>
      </c>
      <c r="CY10" s="81">
        <v>78</v>
      </c>
      <c r="CZ10" s="159"/>
      <c r="DA10" s="80">
        <v>44</v>
      </c>
      <c r="DB10" s="80">
        <v>44</v>
      </c>
      <c r="DC10" s="80">
        <v>30</v>
      </c>
      <c r="DD10" s="80">
        <v>30</v>
      </c>
      <c r="DE10" s="80">
        <v>15</v>
      </c>
      <c r="DF10" s="82">
        <v>163</v>
      </c>
      <c r="DG10" s="83">
        <v>241</v>
      </c>
      <c r="DH10" s="68">
        <v>0</v>
      </c>
      <c r="DI10" s="69">
        <v>2</v>
      </c>
      <c r="DJ10" s="70">
        <v>2</v>
      </c>
      <c r="DK10" s="159"/>
      <c r="DL10" s="69">
        <v>0</v>
      </c>
      <c r="DM10" s="69">
        <v>0</v>
      </c>
      <c r="DN10" s="69">
        <v>0</v>
      </c>
      <c r="DO10" s="69">
        <v>0</v>
      </c>
      <c r="DP10" s="69">
        <v>0</v>
      </c>
      <c r="DQ10" s="70">
        <v>0</v>
      </c>
      <c r="DR10" s="71">
        <v>2</v>
      </c>
      <c r="DS10" s="68">
        <v>6</v>
      </c>
      <c r="DT10" s="69">
        <v>3</v>
      </c>
      <c r="DU10" s="70">
        <v>9</v>
      </c>
      <c r="DV10" s="159"/>
      <c r="DW10" s="69">
        <v>1</v>
      </c>
      <c r="DX10" s="69">
        <v>1</v>
      </c>
      <c r="DY10" s="69">
        <v>3</v>
      </c>
      <c r="DZ10" s="69">
        <v>1</v>
      </c>
      <c r="EA10" s="69">
        <v>2</v>
      </c>
      <c r="EB10" s="70">
        <v>8</v>
      </c>
      <c r="EC10" s="71">
        <v>17</v>
      </c>
      <c r="ED10" s="68">
        <v>4</v>
      </c>
      <c r="EE10" s="69">
        <v>5</v>
      </c>
      <c r="EF10" s="70">
        <v>9</v>
      </c>
      <c r="EG10" s="159"/>
      <c r="EH10" s="69">
        <v>8</v>
      </c>
      <c r="EI10" s="69">
        <v>3</v>
      </c>
      <c r="EJ10" s="69">
        <v>1</v>
      </c>
      <c r="EK10" s="69">
        <v>4</v>
      </c>
      <c r="EL10" s="69">
        <v>0</v>
      </c>
      <c r="EM10" s="70">
        <v>16</v>
      </c>
      <c r="EN10" s="71">
        <v>25</v>
      </c>
      <c r="EO10" s="68">
        <v>8</v>
      </c>
      <c r="EP10" s="69">
        <v>12</v>
      </c>
      <c r="EQ10" s="70">
        <v>20</v>
      </c>
      <c r="ER10" s="159"/>
      <c r="ES10" s="69">
        <v>5</v>
      </c>
      <c r="ET10" s="69">
        <v>11</v>
      </c>
      <c r="EU10" s="69">
        <v>8</v>
      </c>
      <c r="EV10" s="69">
        <v>5</v>
      </c>
      <c r="EW10" s="69">
        <v>1</v>
      </c>
      <c r="EX10" s="70">
        <v>30</v>
      </c>
      <c r="EY10" s="71">
        <v>50</v>
      </c>
      <c r="EZ10" s="68">
        <v>10</v>
      </c>
      <c r="FA10" s="69">
        <v>11</v>
      </c>
      <c r="FB10" s="70">
        <v>21</v>
      </c>
      <c r="FC10" s="159"/>
      <c r="FD10" s="69">
        <v>13</v>
      </c>
      <c r="FE10" s="69">
        <v>11</v>
      </c>
      <c r="FF10" s="69">
        <v>5</v>
      </c>
      <c r="FG10" s="69">
        <v>6</v>
      </c>
      <c r="FH10" s="69">
        <v>2</v>
      </c>
      <c r="FI10" s="70">
        <v>37</v>
      </c>
      <c r="FJ10" s="71">
        <v>58</v>
      </c>
      <c r="FK10" s="68">
        <v>5</v>
      </c>
      <c r="FL10" s="69">
        <v>12</v>
      </c>
      <c r="FM10" s="70">
        <v>17</v>
      </c>
      <c r="FN10" s="159"/>
      <c r="FO10" s="69">
        <v>17</v>
      </c>
      <c r="FP10" s="69">
        <v>18</v>
      </c>
      <c r="FQ10" s="69">
        <v>13</v>
      </c>
      <c r="FR10" s="69">
        <v>14</v>
      </c>
      <c r="FS10" s="69">
        <v>10</v>
      </c>
      <c r="FT10" s="70">
        <v>72</v>
      </c>
      <c r="FU10" s="71">
        <v>89</v>
      </c>
      <c r="FV10" s="68">
        <v>0</v>
      </c>
      <c r="FW10" s="69">
        <v>0</v>
      </c>
      <c r="FX10" s="70">
        <v>0</v>
      </c>
      <c r="FY10" s="159"/>
      <c r="FZ10" s="69">
        <v>0</v>
      </c>
      <c r="GA10" s="69">
        <v>0</v>
      </c>
      <c r="GB10" s="69">
        <v>0</v>
      </c>
      <c r="GC10" s="69">
        <v>0</v>
      </c>
      <c r="GD10" s="69">
        <v>0</v>
      </c>
      <c r="GE10" s="70">
        <v>0</v>
      </c>
      <c r="GF10" s="71">
        <v>0</v>
      </c>
      <c r="GG10" s="68">
        <v>33</v>
      </c>
      <c r="GH10" s="69">
        <v>45</v>
      </c>
      <c r="GI10" s="70">
        <v>78</v>
      </c>
      <c r="GJ10" s="159"/>
      <c r="GK10" s="69">
        <v>44</v>
      </c>
      <c r="GL10" s="69">
        <v>44</v>
      </c>
      <c r="GM10" s="69">
        <v>30</v>
      </c>
      <c r="GN10" s="69">
        <v>30</v>
      </c>
      <c r="GO10" s="69">
        <v>15</v>
      </c>
      <c r="GP10" s="70">
        <v>163</v>
      </c>
      <c r="GQ10" s="71">
        <v>241</v>
      </c>
      <c r="GR10" s="108">
        <v>330</v>
      </c>
      <c r="GS10" s="80">
        <v>374</v>
      </c>
      <c r="GT10" s="81">
        <v>704</v>
      </c>
      <c r="GU10" s="159"/>
      <c r="GV10" s="80">
        <v>476</v>
      </c>
      <c r="GW10" s="80">
        <v>430</v>
      </c>
      <c r="GX10" s="80">
        <v>299</v>
      </c>
      <c r="GY10" s="80">
        <v>253</v>
      </c>
      <c r="GZ10" s="80">
        <v>140</v>
      </c>
      <c r="HA10" s="82">
        <v>1598</v>
      </c>
      <c r="HB10" s="83">
        <v>2302</v>
      </c>
      <c r="HC10" s="68">
        <v>5</v>
      </c>
      <c r="HD10" s="69">
        <v>8</v>
      </c>
      <c r="HE10" s="70">
        <v>13</v>
      </c>
      <c r="HF10" s="159"/>
      <c r="HG10" s="69">
        <v>4</v>
      </c>
      <c r="HH10" s="69">
        <v>5</v>
      </c>
      <c r="HI10" s="69">
        <v>6</v>
      </c>
      <c r="HJ10" s="69">
        <v>3</v>
      </c>
      <c r="HK10" s="69">
        <v>3</v>
      </c>
      <c r="HL10" s="70">
        <v>21</v>
      </c>
      <c r="HM10" s="71">
        <v>34</v>
      </c>
      <c r="HN10" s="68">
        <v>18</v>
      </c>
      <c r="HO10" s="69">
        <v>22</v>
      </c>
      <c r="HP10" s="70">
        <v>40</v>
      </c>
      <c r="HQ10" s="159"/>
      <c r="HR10" s="69">
        <v>22</v>
      </c>
      <c r="HS10" s="69">
        <v>13</v>
      </c>
      <c r="HT10" s="69">
        <v>23</v>
      </c>
      <c r="HU10" s="69">
        <v>18</v>
      </c>
      <c r="HV10" s="69">
        <v>15</v>
      </c>
      <c r="HW10" s="70">
        <v>91</v>
      </c>
      <c r="HX10" s="71">
        <v>131</v>
      </c>
      <c r="HY10" s="68">
        <v>36</v>
      </c>
      <c r="HZ10" s="69">
        <v>35</v>
      </c>
      <c r="IA10" s="70">
        <v>71</v>
      </c>
      <c r="IB10" s="159"/>
      <c r="IC10" s="69">
        <v>55</v>
      </c>
      <c r="ID10" s="69">
        <v>46</v>
      </c>
      <c r="IE10" s="69">
        <v>20</v>
      </c>
      <c r="IF10" s="69">
        <v>25</v>
      </c>
      <c r="IG10" s="69">
        <v>14</v>
      </c>
      <c r="IH10" s="70">
        <v>160</v>
      </c>
      <c r="II10" s="71">
        <v>231</v>
      </c>
      <c r="IJ10" s="68">
        <v>71</v>
      </c>
      <c r="IK10" s="69">
        <v>90</v>
      </c>
      <c r="IL10" s="70">
        <v>161</v>
      </c>
      <c r="IM10" s="159"/>
      <c r="IN10" s="69">
        <v>102</v>
      </c>
      <c r="IO10" s="69">
        <v>95</v>
      </c>
      <c r="IP10" s="69">
        <v>67</v>
      </c>
      <c r="IQ10" s="69">
        <v>46</v>
      </c>
      <c r="IR10" s="69">
        <v>17</v>
      </c>
      <c r="IS10" s="70">
        <v>327</v>
      </c>
      <c r="IT10" s="71">
        <v>488</v>
      </c>
      <c r="IU10" s="68">
        <v>109</v>
      </c>
      <c r="IV10" s="69">
        <v>106</v>
      </c>
      <c r="IW10" s="70">
        <v>215</v>
      </c>
      <c r="IX10" s="159"/>
      <c r="IY10" s="69">
        <v>139</v>
      </c>
      <c r="IZ10" s="69">
        <v>146</v>
      </c>
      <c r="JA10" s="69">
        <v>83</v>
      </c>
      <c r="JB10" s="69">
        <v>65</v>
      </c>
      <c r="JC10" s="69">
        <v>45</v>
      </c>
      <c r="JD10" s="70">
        <v>478</v>
      </c>
      <c r="JE10" s="71">
        <v>693</v>
      </c>
      <c r="JF10" s="68">
        <v>91</v>
      </c>
      <c r="JG10" s="69">
        <v>113</v>
      </c>
      <c r="JH10" s="70">
        <v>204</v>
      </c>
      <c r="JI10" s="159"/>
      <c r="JJ10" s="69">
        <v>154</v>
      </c>
      <c r="JK10" s="69">
        <v>125</v>
      </c>
      <c r="JL10" s="69">
        <v>100</v>
      </c>
      <c r="JM10" s="69">
        <v>96</v>
      </c>
      <c r="JN10" s="69">
        <v>46</v>
      </c>
      <c r="JO10" s="70">
        <v>521</v>
      </c>
      <c r="JP10" s="71">
        <v>725</v>
      </c>
      <c r="JQ10" s="68">
        <v>0</v>
      </c>
      <c r="JR10" s="69">
        <v>0</v>
      </c>
      <c r="JS10" s="70">
        <v>0</v>
      </c>
      <c r="JT10" s="159"/>
      <c r="JU10" s="69">
        <v>0</v>
      </c>
      <c r="JV10" s="69">
        <v>0</v>
      </c>
      <c r="JW10" s="69">
        <v>0</v>
      </c>
      <c r="JX10" s="69">
        <v>0</v>
      </c>
      <c r="JY10" s="69">
        <v>0</v>
      </c>
      <c r="JZ10" s="70">
        <v>0</v>
      </c>
      <c r="KA10" s="71">
        <v>0</v>
      </c>
      <c r="KB10" s="68">
        <v>330</v>
      </c>
      <c r="KC10" s="69">
        <v>374</v>
      </c>
      <c r="KD10" s="70">
        <v>704</v>
      </c>
      <c r="KE10" s="159"/>
      <c r="KF10" s="69">
        <v>476</v>
      </c>
      <c r="KG10" s="69">
        <v>430</v>
      </c>
      <c r="KH10" s="69">
        <v>299</v>
      </c>
      <c r="KI10" s="69">
        <v>253</v>
      </c>
      <c r="KJ10" s="69">
        <v>140</v>
      </c>
      <c r="KK10" s="70">
        <v>1598</v>
      </c>
      <c r="KL10" s="71">
        <v>2302</v>
      </c>
    </row>
    <row r="11" spans="1:298" ht="19.5" customHeight="1" x14ac:dyDescent="0.2">
      <c r="A11" s="111" t="s">
        <v>7</v>
      </c>
      <c r="B11" s="215">
        <v>249</v>
      </c>
      <c r="C11" s="80">
        <v>172</v>
      </c>
      <c r="D11" s="81">
        <v>421</v>
      </c>
      <c r="E11" s="159"/>
      <c r="F11" s="80">
        <v>525</v>
      </c>
      <c r="G11" s="80">
        <v>348</v>
      </c>
      <c r="H11" s="80">
        <v>231</v>
      </c>
      <c r="I11" s="80">
        <v>191</v>
      </c>
      <c r="J11" s="80">
        <v>90</v>
      </c>
      <c r="K11" s="82">
        <v>1385</v>
      </c>
      <c r="L11" s="83">
        <v>1806</v>
      </c>
      <c r="M11" s="68">
        <v>1</v>
      </c>
      <c r="N11" s="69">
        <v>3</v>
      </c>
      <c r="O11" s="70">
        <v>4</v>
      </c>
      <c r="P11" s="159"/>
      <c r="Q11" s="69">
        <v>4</v>
      </c>
      <c r="R11" s="69">
        <v>11</v>
      </c>
      <c r="S11" s="69">
        <v>6</v>
      </c>
      <c r="T11" s="69">
        <v>2</v>
      </c>
      <c r="U11" s="69">
        <v>1</v>
      </c>
      <c r="V11" s="70">
        <v>24</v>
      </c>
      <c r="W11" s="71">
        <v>28</v>
      </c>
      <c r="X11" s="68">
        <v>15</v>
      </c>
      <c r="Y11" s="69">
        <v>5</v>
      </c>
      <c r="Z11" s="70">
        <v>20</v>
      </c>
      <c r="AA11" s="159"/>
      <c r="AB11" s="69">
        <v>17</v>
      </c>
      <c r="AC11" s="69">
        <v>14</v>
      </c>
      <c r="AD11" s="69">
        <v>10</v>
      </c>
      <c r="AE11" s="69">
        <v>7</v>
      </c>
      <c r="AF11" s="69">
        <v>4</v>
      </c>
      <c r="AG11" s="70">
        <v>52</v>
      </c>
      <c r="AH11" s="71">
        <v>72</v>
      </c>
      <c r="AI11" s="68">
        <v>22</v>
      </c>
      <c r="AJ11" s="69">
        <v>19</v>
      </c>
      <c r="AK11" s="70">
        <v>41</v>
      </c>
      <c r="AL11" s="159"/>
      <c r="AM11" s="69">
        <v>55</v>
      </c>
      <c r="AN11" s="69">
        <v>32</v>
      </c>
      <c r="AO11" s="69">
        <v>20</v>
      </c>
      <c r="AP11" s="69">
        <v>16</v>
      </c>
      <c r="AQ11" s="69">
        <v>11</v>
      </c>
      <c r="AR11" s="70">
        <v>134</v>
      </c>
      <c r="AS11" s="71">
        <v>175</v>
      </c>
      <c r="AT11" s="68">
        <v>51</v>
      </c>
      <c r="AU11" s="69">
        <v>36</v>
      </c>
      <c r="AV11" s="70">
        <v>87</v>
      </c>
      <c r="AW11" s="159"/>
      <c r="AX11" s="69">
        <v>97</v>
      </c>
      <c r="AY11" s="69">
        <v>69</v>
      </c>
      <c r="AZ11" s="69">
        <v>40</v>
      </c>
      <c r="BA11" s="69">
        <v>30</v>
      </c>
      <c r="BB11" s="69">
        <v>24</v>
      </c>
      <c r="BC11" s="70">
        <v>260</v>
      </c>
      <c r="BD11" s="71">
        <v>347</v>
      </c>
      <c r="BE11" s="68">
        <v>90</v>
      </c>
      <c r="BF11" s="69">
        <v>57</v>
      </c>
      <c r="BG11" s="70">
        <v>147</v>
      </c>
      <c r="BH11" s="159"/>
      <c r="BI11" s="69">
        <v>168</v>
      </c>
      <c r="BJ11" s="69">
        <v>101</v>
      </c>
      <c r="BK11" s="69">
        <v>86</v>
      </c>
      <c r="BL11" s="69">
        <v>63</v>
      </c>
      <c r="BM11" s="69">
        <v>31</v>
      </c>
      <c r="BN11" s="70">
        <v>449</v>
      </c>
      <c r="BO11" s="71">
        <v>596</v>
      </c>
      <c r="BP11" s="68">
        <v>70</v>
      </c>
      <c r="BQ11" s="69">
        <v>52</v>
      </c>
      <c r="BR11" s="70">
        <v>122</v>
      </c>
      <c r="BS11" s="159"/>
      <c r="BT11" s="69">
        <v>184</v>
      </c>
      <c r="BU11" s="69">
        <v>121</v>
      </c>
      <c r="BV11" s="69">
        <v>69</v>
      </c>
      <c r="BW11" s="69">
        <v>73</v>
      </c>
      <c r="BX11" s="69">
        <v>19</v>
      </c>
      <c r="BY11" s="70">
        <v>466</v>
      </c>
      <c r="BZ11" s="71">
        <v>588</v>
      </c>
      <c r="CA11" s="68">
        <v>0</v>
      </c>
      <c r="CB11" s="69">
        <v>0</v>
      </c>
      <c r="CC11" s="70">
        <v>0</v>
      </c>
      <c r="CD11" s="159"/>
      <c r="CE11" s="69">
        <v>0</v>
      </c>
      <c r="CF11" s="69">
        <v>0</v>
      </c>
      <c r="CG11" s="69">
        <v>0</v>
      </c>
      <c r="CH11" s="69">
        <v>0</v>
      </c>
      <c r="CI11" s="69">
        <v>0</v>
      </c>
      <c r="CJ11" s="70">
        <v>0</v>
      </c>
      <c r="CK11" s="71">
        <v>0</v>
      </c>
      <c r="CL11" s="68">
        <v>249</v>
      </c>
      <c r="CM11" s="69">
        <v>172</v>
      </c>
      <c r="CN11" s="70">
        <v>421</v>
      </c>
      <c r="CO11" s="159"/>
      <c r="CP11" s="69">
        <v>525</v>
      </c>
      <c r="CQ11" s="69">
        <v>348</v>
      </c>
      <c r="CR11" s="69">
        <v>231</v>
      </c>
      <c r="CS11" s="69">
        <v>191</v>
      </c>
      <c r="CT11" s="69">
        <v>90</v>
      </c>
      <c r="CU11" s="70">
        <v>1385</v>
      </c>
      <c r="CV11" s="71">
        <v>1806</v>
      </c>
      <c r="CW11" s="108">
        <v>29</v>
      </c>
      <c r="CX11" s="80">
        <v>29</v>
      </c>
      <c r="CY11" s="81">
        <v>58</v>
      </c>
      <c r="CZ11" s="159"/>
      <c r="DA11" s="80">
        <v>66</v>
      </c>
      <c r="DB11" s="80">
        <v>45</v>
      </c>
      <c r="DC11" s="80">
        <v>32</v>
      </c>
      <c r="DD11" s="80">
        <v>22</v>
      </c>
      <c r="DE11" s="80">
        <v>18</v>
      </c>
      <c r="DF11" s="82">
        <v>183</v>
      </c>
      <c r="DG11" s="83">
        <v>241</v>
      </c>
      <c r="DH11" s="68">
        <v>0</v>
      </c>
      <c r="DI11" s="69">
        <v>1</v>
      </c>
      <c r="DJ11" s="70">
        <v>1</v>
      </c>
      <c r="DK11" s="159"/>
      <c r="DL11" s="69">
        <v>2</v>
      </c>
      <c r="DM11" s="69">
        <v>0</v>
      </c>
      <c r="DN11" s="69">
        <v>1</v>
      </c>
      <c r="DO11" s="69">
        <v>0</v>
      </c>
      <c r="DP11" s="69">
        <v>0</v>
      </c>
      <c r="DQ11" s="70">
        <v>3</v>
      </c>
      <c r="DR11" s="71">
        <v>4</v>
      </c>
      <c r="DS11" s="68">
        <v>6</v>
      </c>
      <c r="DT11" s="69">
        <v>0</v>
      </c>
      <c r="DU11" s="70">
        <v>6</v>
      </c>
      <c r="DV11" s="159"/>
      <c r="DW11" s="69">
        <v>2</v>
      </c>
      <c r="DX11" s="69">
        <v>5</v>
      </c>
      <c r="DY11" s="69">
        <v>0</v>
      </c>
      <c r="DZ11" s="69">
        <v>3</v>
      </c>
      <c r="EA11" s="69">
        <v>2</v>
      </c>
      <c r="EB11" s="70">
        <v>12</v>
      </c>
      <c r="EC11" s="71">
        <v>18</v>
      </c>
      <c r="ED11" s="68">
        <v>2</v>
      </c>
      <c r="EE11" s="69">
        <v>4</v>
      </c>
      <c r="EF11" s="70">
        <v>6</v>
      </c>
      <c r="EG11" s="159"/>
      <c r="EH11" s="69">
        <v>4</v>
      </c>
      <c r="EI11" s="69">
        <v>5</v>
      </c>
      <c r="EJ11" s="69">
        <v>4</v>
      </c>
      <c r="EK11" s="69">
        <v>1</v>
      </c>
      <c r="EL11" s="69">
        <v>3</v>
      </c>
      <c r="EM11" s="70">
        <v>17</v>
      </c>
      <c r="EN11" s="71">
        <v>23</v>
      </c>
      <c r="EO11" s="68">
        <v>6</v>
      </c>
      <c r="EP11" s="69">
        <v>8</v>
      </c>
      <c r="EQ11" s="70">
        <v>14</v>
      </c>
      <c r="ER11" s="159"/>
      <c r="ES11" s="69">
        <v>12</v>
      </c>
      <c r="ET11" s="69">
        <v>4</v>
      </c>
      <c r="EU11" s="69">
        <v>6</v>
      </c>
      <c r="EV11" s="69">
        <v>2</v>
      </c>
      <c r="EW11" s="69">
        <v>0</v>
      </c>
      <c r="EX11" s="70">
        <v>24</v>
      </c>
      <c r="EY11" s="71">
        <v>38</v>
      </c>
      <c r="EZ11" s="68">
        <v>9</v>
      </c>
      <c r="FA11" s="69">
        <v>8</v>
      </c>
      <c r="FB11" s="70">
        <v>17</v>
      </c>
      <c r="FC11" s="159"/>
      <c r="FD11" s="69">
        <v>17</v>
      </c>
      <c r="FE11" s="69">
        <v>9</v>
      </c>
      <c r="FF11" s="69">
        <v>8</v>
      </c>
      <c r="FG11" s="69">
        <v>6</v>
      </c>
      <c r="FH11" s="69">
        <v>4</v>
      </c>
      <c r="FI11" s="70">
        <v>44</v>
      </c>
      <c r="FJ11" s="71">
        <v>61</v>
      </c>
      <c r="FK11" s="68">
        <v>6</v>
      </c>
      <c r="FL11" s="69">
        <v>8</v>
      </c>
      <c r="FM11" s="70">
        <v>14</v>
      </c>
      <c r="FN11" s="159"/>
      <c r="FO11" s="69">
        <v>29</v>
      </c>
      <c r="FP11" s="69">
        <v>22</v>
      </c>
      <c r="FQ11" s="69">
        <v>13</v>
      </c>
      <c r="FR11" s="69">
        <v>10</v>
      </c>
      <c r="FS11" s="69">
        <v>9</v>
      </c>
      <c r="FT11" s="70">
        <v>83</v>
      </c>
      <c r="FU11" s="71">
        <v>97</v>
      </c>
      <c r="FV11" s="68">
        <v>0</v>
      </c>
      <c r="FW11" s="69">
        <v>0</v>
      </c>
      <c r="FX11" s="70">
        <v>0</v>
      </c>
      <c r="FY11" s="159"/>
      <c r="FZ11" s="69">
        <v>0</v>
      </c>
      <c r="GA11" s="69">
        <v>0</v>
      </c>
      <c r="GB11" s="69">
        <v>0</v>
      </c>
      <c r="GC11" s="69">
        <v>0</v>
      </c>
      <c r="GD11" s="69">
        <v>0</v>
      </c>
      <c r="GE11" s="70">
        <v>0</v>
      </c>
      <c r="GF11" s="71">
        <v>0</v>
      </c>
      <c r="GG11" s="68">
        <v>29</v>
      </c>
      <c r="GH11" s="69">
        <v>29</v>
      </c>
      <c r="GI11" s="70">
        <v>58</v>
      </c>
      <c r="GJ11" s="159"/>
      <c r="GK11" s="69">
        <v>66</v>
      </c>
      <c r="GL11" s="69">
        <v>45</v>
      </c>
      <c r="GM11" s="69">
        <v>32</v>
      </c>
      <c r="GN11" s="69">
        <v>22</v>
      </c>
      <c r="GO11" s="69">
        <v>18</v>
      </c>
      <c r="GP11" s="70">
        <v>183</v>
      </c>
      <c r="GQ11" s="71">
        <v>241</v>
      </c>
      <c r="GR11" s="108">
        <v>278</v>
      </c>
      <c r="GS11" s="80">
        <v>201</v>
      </c>
      <c r="GT11" s="81">
        <v>479</v>
      </c>
      <c r="GU11" s="159"/>
      <c r="GV11" s="80">
        <v>591</v>
      </c>
      <c r="GW11" s="80">
        <v>393</v>
      </c>
      <c r="GX11" s="80">
        <v>263</v>
      </c>
      <c r="GY11" s="80">
        <v>213</v>
      </c>
      <c r="GZ11" s="80">
        <v>108</v>
      </c>
      <c r="HA11" s="82">
        <v>1568</v>
      </c>
      <c r="HB11" s="83">
        <v>2047</v>
      </c>
      <c r="HC11" s="68">
        <v>1</v>
      </c>
      <c r="HD11" s="69">
        <v>4</v>
      </c>
      <c r="HE11" s="70">
        <v>5</v>
      </c>
      <c r="HF11" s="159"/>
      <c r="HG11" s="69">
        <v>6</v>
      </c>
      <c r="HH11" s="69">
        <v>11</v>
      </c>
      <c r="HI11" s="69">
        <v>7</v>
      </c>
      <c r="HJ11" s="69">
        <v>2</v>
      </c>
      <c r="HK11" s="69">
        <v>1</v>
      </c>
      <c r="HL11" s="70">
        <v>27</v>
      </c>
      <c r="HM11" s="71">
        <v>32</v>
      </c>
      <c r="HN11" s="68">
        <v>21</v>
      </c>
      <c r="HO11" s="69">
        <v>5</v>
      </c>
      <c r="HP11" s="70">
        <v>26</v>
      </c>
      <c r="HQ11" s="159"/>
      <c r="HR11" s="69">
        <v>19</v>
      </c>
      <c r="HS11" s="69">
        <v>19</v>
      </c>
      <c r="HT11" s="69">
        <v>10</v>
      </c>
      <c r="HU11" s="69">
        <v>10</v>
      </c>
      <c r="HV11" s="69">
        <v>6</v>
      </c>
      <c r="HW11" s="70">
        <v>64</v>
      </c>
      <c r="HX11" s="71">
        <v>90</v>
      </c>
      <c r="HY11" s="68">
        <v>24</v>
      </c>
      <c r="HZ11" s="69">
        <v>23</v>
      </c>
      <c r="IA11" s="70">
        <v>47</v>
      </c>
      <c r="IB11" s="159"/>
      <c r="IC11" s="69">
        <v>59</v>
      </c>
      <c r="ID11" s="69">
        <v>37</v>
      </c>
      <c r="IE11" s="69">
        <v>24</v>
      </c>
      <c r="IF11" s="69">
        <v>17</v>
      </c>
      <c r="IG11" s="69">
        <v>14</v>
      </c>
      <c r="IH11" s="70">
        <v>151</v>
      </c>
      <c r="II11" s="71">
        <v>198</v>
      </c>
      <c r="IJ11" s="68">
        <v>57</v>
      </c>
      <c r="IK11" s="69">
        <v>44</v>
      </c>
      <c r="IL11" s="70">
        <v>101</v>
      </c>
      <c r="IM11" s="159"/>
      <c r="IN11" s="69">
        <v>109</v>
      </c>
      <c r="IO11" s="69">
        <v>73</v>
      </c>
      <c r="IP11" s="69">
        <v>46</v>
      </c>
      <c r="IQ11" s="69">
        <v>32</v>
      </c>
      <c r="IR11" s="69">
        <v>24</v>
      </c>
      <c r="IS11" s="70">
        <v>284</v>
      </c>
      <c r="IT11" s="71">
        <v>385</v>
      </c>
      <c r="IU11" s="68">
        <v>99</v>
      </c>
      <c r="IV11" s="69">
        <v>65</v>
      </c>
      <c r="IW11" s="70">
        <v>164</v>
      </c>
      <c r="IX11" s="159"/>
      <c r="IY11" s="69">
        <v>185</v>
      </c>
      <c r="IZ11" s="69">
        <v>110</v>
      </c>
      <c r="JA11" s="69">
        <v>94</v>
      </c>
      <c r="JB11" s="69">
        <v>69</v>
      </c>
      <c r="JC11" s="69">
        <v>35</v>
      </c>
      <c r="JD11" s="70">
        <v>493</v>
      </c>
      <c r="JE11" s="71">
        <v>657</v>
      </c>
      <c r="JF11" s="68">
        <v>76</v>
      </c>
      <c r="JG11" s="69">
        <v>60</v>
      </c>
      <c r="JH11" s="70">
        <v>136</v>
      </c>
      <c r="JI11" s="159"/>
      <c r="JJ11" s="69">
        <v>213</v>
      </c>
      <c r="JK11" s="69">
        <v>143</v>
      </c>
      <c r="JL11" s="69">
        <v>82</v>
      </c>
      <c r="JM11" s="69">
        <v>83</v>
      </c>
      <c r="JN11" s="69">
        <v>28</v>
      </c>
      <c r="JO11" s="70">
        <v>549</v>
      </c>
      <c r="JP11" s="71">
        <v>685</v>
      </c>
      <c r="JQ11" s="68">
        <v>0</v>
      </c>
      <c r="JR11" s="69">
        <v>0</v>
      </c>
      <c r="JS11" s="70">
        <v>0</v>
      </c>
      <c r="JT11" s="159"/>
      <c r="JU11" s="69">
        <v>0</v>
      </c>
      <c r="JV11" s="69">
        <v>0</v>
      </c>
      <c r="JW11" s="69">
        <v>0</v>
      </c>
      <c r="JX11" s="69">
        <v>0</v>
      </c>
      <c r="JY11" s="69">
        <v>0</v>
      </c>
      <c r="JZ11" s="70">
        <v>0</v>
      </c>
      <c r="KA11" s="71">
        <v>0</v>
      </c>
      <c r="KB11" s="68">
        <v>278</v>
      </c>
      <c r="KC11" s="69">
        <v>201</v>
      </c>
      <c r="KD11" s="70">
        <v>479</v>
      </c>
      <c r="KE11" s="159"/>
      <c r="KF11" s="69">
        <v>591</v>
      </c>
      <c r="KG11" s="69">
        <v>393</v>
      </c>
      <c r="KH11" s="69">
        <v>263</v>
      </c>
      <c r="KI11" s="69">
        <v>213</v>
      </c>
      <c r="KJ11" s="69">
        <v>108</v>
      </c>
      <c r="KK11" s="70">
        <v>1568</v>
      </c>
      <c r="KL11" s="71">
        <v>2047</v>
      </c>
    </row>
    <row r="12" spans="1:298" ht="19.5" customHeight="1" x14ac:dyDescent="0.2">
      <c r="A12" s="111" t="s">
        <v>8</v>
      </c>
      <c r="B12" s="215">
        <v>100</v>
      </c>
      <c r="C12" s="80">
        <v>58</v>
      </c>
      <c r="D12" s="81">
        <v>158</v>
      </c>
      <c r="E12" s="159"/>
      <c r="F12" s="80">
        <v>157</v>
      </c>
      <c r="G12" s="80">
        <v>127</v>
      </c>
      <c r="H12" s="80">
        <v>83</v>
      </c>
      <c r="I12" s="80">
        <v>60</v>
      </c>
      <c r="J12" s="80">
        <v>31</v>
      </c>
      <c r="K12" s="82">
        <v>458</v>
      </c>
      <c r="L12" s="83">
        <v>616</v>
      </c>
      <c r="M12" s="68">
        <v>2</v>
      </c>
      <c r="N12" s="69">
        <v>3</v>
      </c>
      <c r="O12" s="70">
        <v>5</v>
      </c>
      <c r="P12" s="159"/>
      <c r="Q12" s="69">
        <v>1</v>
      </c>
      <c r="R12" s="69">
        <v>1</v>
      </c>
      <c r="S12" s="69">
        <v>1</v>
      </c>
      <c r="T12" s="69">
        <v>1</v>
      </c>
      <c r="U12" s="69">
        <v>2</v>
      </c>
      <c r="V12" s="70">
        <v>6</v>
      </c>
      <c r="W12" s="71">
        <v>11</v>
      </c>
      <c r="X12" s="68">
        <v>7</v>
      </c>
      <c r="Y12" s="69">
        <v>5</v>
      </c>
      <c r="Z12" s="70">
        <v>12</v>
      </c>
      <c r="AA12" s="159"/>
      <c r="AB12" s="69">
        <v>5</v>
      </c>
      <c r="AC12" s="69">
        <v>9</v>
      </c>
      <c r="AD12" s="69">
        <v>3</v>
      </c>
      <c r="AE12" s="69">
        <v>6</v>
      </c>
      <c r="AF12" s="69">
        <v>1</v>
      </c>
      <c r="AG12" s="70">
        <v>24</v>
      </c>
      <c r="AH12" s="71">
        <v>36</v>
      </c>
      <c r="AI12" s="68">
        <v>7</v>
      </c>
      <c r="AJ12" s="69">
        <v>3</v>
      </c>
      <c r="AK12" s="70">
        <v>10</v>
      </c>
      <c r="AL12" s="159"/>
      <c r="AM12" s="69">
        <v>13</v>
      </c>
      <c r="AN12" s="69">
        <v>13</v>
      </c>
      <c r="AO12" s="69">
        <v>5</v>
      </c>
      <c r="AP12" s="69">
        <v>3</v>
      </c>
      <c r="AQ12" s="69">
        <v>7</v>
      </c>
      <c r="AR12" s="70">
        <v>41</v>
      </c>
      <c r="AS12" s="71">
        <v>51</v>
      </c>
      <c r="AT12" s="68">
        <v>24</v>
      </c>
      <c r="AU12" s="69">
        <v>6</v>
      </c>
      <c r="AV12" s="70">
        <v>30</v>
      </c>
      <c r="AW12" s="159"/>
      <c r="AX12" s="69">
        <v>27</v>
      </c>
      <c r="AY12" s="69">
        <v>29</v>
      </c>
      <c r="AZ12" s="69">
        <v>8</v>
      </c>
      <c r="BA12" s="69">
        <v>16</v>
      </c>
      <c r="BB12" s="69">
        <v>4</v>
      </c>
      <c r="BC12" s="70">
        <v>84</v>
      </c>
      <c r="BD12" s="71">
        <v>114</v>
      </c>
      <c r="BE12" s="68">
        <v>28</v>
      </c>
      <c r="BF12" s="69">
        <v>23</v>
      </c>
      <c r="BG12" s="70">
        <v>51</v>
      </c>
      <c r="BH12" s="159"/>
      <c r="BI12" s="69">
        <v>55</v>
      </c>
      <c r="BJ12" s="69">
        <v>32</v>
      </c>
      <c r="BK12" s="69">
        <v>28</v>
      </c>
      <c r="BL12" s="69">
        <v>15</v>
      </c>
      <c r="BM12" s="69">
        <v>6</v>
      </c>
      <c r="BN12" s="70">
        <v>136</v>
      </c>
      <c r="BO12" s="71">
        <v>187</v>
      </c>
      <c r="BP12" s="68">
        <v>32</v>
      </c>
      <c r="BQ12" s="69">
        <v>18</v>
      </c>
      <c r="BR12" s="70">
        <v>50</v>
      </c>
      <c r="BS12" s="159"/>
      <c r="BT12" s="69">
        <v>56</v>
      </c>
      <c r="BU12" s="69">
        <v>43</v>
      </c>
      <c r="BV12" s="69">
        <v>38</v>
      </c>
      <c r="BW12" s="69">
        <v>19</v>
      </c>
      <c r="BX12" s="69">
        <v>11</v>
      </c>
      <c r="BY12" s="70">
        <v>167</v>
      </c>
      <c r="BZ12" s="71">
        <v>217</v>
      </c>
      <c r="CA12" s="68">
        <v>0</v>
      </c>
      <c r="CB12" s="69">
        <v>0</v>
      </c>
      <c r="CC12" s="70">
        <v>0</v>
      </c>
      <c r="CD12" s="159"/>
      <c r="CE12" s="69">
        <v>0</v>
      </c>
      <c r="CF12" s="69">
        <v>0</v>
      </c>
      <c r="CG12" s="69">
        <v>0</v>
      </c>
      <c r="CH12" s="69">
        <v>0</v>
      </c>
      <c r="CI12" s="69">
        <v>0</v>
      </c>
      <c r="CJ12" s="70">
        <v>0</v>
      </c>
      <c r="CK12" s="71">
        <v>0</v>
      </c>
      <c r="CL12" s="68">
        <v>100</v>
      </c>
      <c r="CM12" s="69">
        <v>58</v>
      </c>
      <c r="CN12" s="70">
        <v>158</v>
      </c>
      <c r="CO12" s="159"/>
      <c r="CP12" s="69">
        <v>157</v>
      </c>
      <c r="CQ12" s="69">
        <v>127</v>
      </c>
      <c r="CR12" s="69">
        <v>83</v>
      </c>
      <c r="CS12" s="69">
        <v>60</v>
      </c>
      <c r="CT12" s="69">
        <v>31</v>
      </c>
      <c r="CU12" s="70">
        <v>458</v>
      </c>
      <c r="CV12" s="71">
        <v>616</v>
      </c>
      <c r="CW12" s="108">
        <v>13</v>
      </c>
      <c r="CX12" s="80">
        <v>14</v>
      </c>
      <c r="CY12" s="81">
        <v>27</v>
      </c>
      <c r="CZ12" s="159"/>
      <c r="DA12" s="80">
        <v>20</v>
      </c>
      <c r="DB12" s="80">
        <v>26</v>
      </c>
      <c r="DC12" s="80">
        <v>14</v>
      </c>
      <c r="DD12" s="80">
        <v>6</v>
      </c>
      <c r="DE12" s="80">
        <v>8</v>
      </c>
      <c r="DF12" s="82">
        <v>74</v>
      </c>
      <c r="DG12" s="83">
        <v>101</v>
      </c>
      <c r="DH12" s="68">
        <v>1</v>
      </c>
      <c r="DI12" s="69">
        <v>0</v>
      </c>
      <c r="DJ12" s="70">
        <v>1</v>
      </c>
      <c r="DK12" s="159"/>
      <c r="DL12" s="69">
        <v>0</v>
      </c>
      <c r="DM12" s="69">
        <v>0</v>
      </c>
      <c r="DN12" s="69">
        <v>0</v>
      </c>
      <c r="DO12" s="69">
        <v>0</v>
      </c>
      <c r="DP12" s="69">
        <v>0</v>
      </c>
      <c r="DQ12" s="70">
        <v>0</v>
      </c>
      <c r="DR12" s="71">
        <v>1</v>
      </c>
      <c r="DS12" s="68">
        <v>0</v>
      </c>
      <c r="DT12" s="69">
        <v>2</v>
      </c>
      <c r="DU12" s="70">
        <v>2</v>
      </c>
      <c r="DV12" s="159"/>
      <c r="DW12" s="69">
        <v>1</v>
      </c>
      <c r="DX12" s="69">
        <v>1</v>
      </c>
      <c r="DY12" s="69">
        <v>1</v>
      </c>
      <c r="DZ12" s="69">
        <v>1</v>
      </c>
      <c r="EA12" s="69">
        <v>0</v>
      </c>
      <c r="EB12" s="70">
        <v>4</v>
      </c>
      <c r="EC12" s="71">
        <v>6</v>
      </c>
      <c r="ED12" s="68">
        <v>3</v>
      </c>
      <c r="EE12" s="69">
        <v>1</v>
      </c>
      <c r="EF12" s="70">
        <v>4</v>
      </c>
      <c r="EG12" s="159"/>
      <c r="EH12" s="69">
        <v>1</v>
      </c>
      <c r="EI12" s="69">
        <v>1</v>
      </c>
      <c r="EJ12" s="69">
        <v>2</v>
      </c>
      <c r="EK12" s="69">
        <v>1</v>
      </c>
      <c r="EL12" s="69">
        <v>0</v>
      </c>
      <c r="EM12" s="70">
        <v>5</v>
      </c>
      <c r="EN12" s="71">
        <v>9</v>
      </c>
      <c r="EO12" s="68">
        <v>3</v>
      </c>
      <c r="EP12" s="69">
        <v>2</v>
      </c>
      <c r="EQ12" s="70">
        <v>5</v>
      </c>
      <c r="ER12" s="159"/>
      <c r="ES12" s="69">
        <v>4</v>
      </c>
      <c r="ET12" s="69">
        <v>5</v>
      </c>
      <c r="EU12" s="69">
        <v>2</v>
      </c>
      <c r="EV12" s="69">
        <v>0</v>
      </c>
      <c r="EW12" s="69">
        <v>1</v>
      </c>
      <c r="EX12" s="70">
        <v>12</v>
      </c>
      <c r="EY12" s="71">
        <v>17</v>
      </c>
      <c r="EZ12" s="68">
        <v>2</v>
      </c>
      <c r="FA12" s="69">
        <v>2</v>
      </c>
      <c r="FB12" s="70">
        <v>4</v>
      </c>
      <c r="FC12" s="159"/>
      <c r="FD12" s="69">
        <v>5</v>
      </c>
      <c r="FE12" s="69">
        <v>8</v>
      </c>
      <c r="FF12" s="69">
        <v>1</v>
      </c>
      <c r="FG12" s="69">
        <v>1</v>
      </c>
      <c r="FH12" s="69">
        <v>2</v>
      </c>
      <c r="FI12" s="70">
        <v>17</v>
      </c>
      <c r="FJ12" s="71">
        <v>21</v>
      </c>
      <c r="FK12" s="68">
        <v>4</v>
      </c>
      <c r="FL12" s="69">
        <v>7</v>
      </c>
      <c r="FM12" s="70">
        <v>11</v>
      </c>
      <c r="FN12" s="159"/>
      <c r="FO12" s="69">
        <v>9</v>
      </c>
      <c r="FP12" s="69">
        <v>11</v>
      </c>
      <c r="FQ12" s="69">
        <v>8</v>
      </c>
      <c r="FR12" s="69">
        <v>3</v>
      </c>
      <c r="FS12" s="69">
        <v>5</v>
      </c>
      <c r="FT12" s="70">
        <v>36</v>
      </c>
      <c r="FU12" s="71">
        <v>47</v>
      </c>
      <c r="FV12" s="68">
        <v>0</v>
      </c>
      <c r="FW12" s="69">
        <v>0</v>
      </c>
      <c r="FX12" s="70">
        <v>0</v>
      </c>
      <c r="FY12" s="159"/>
      <c r="FZ12" s="69">
        <v>0</v>
      </c>
      <c r="GA12" s="69">
        <v>0</v>
      </c>
      <c r="GB12" s="69">
        <v>0</v>
      </c>
      <c r="GC12" s="69">
        <v>0</v>
      </c>
      <c r="GD12" s="69">
        <v>0</v>
      </c>
      <c r="GE12" s="70">
        <v>0</v>
      </c>
      <c r="GF12" s="71">
        <v>0</v>
      </c>
      <c r="GG12" s="68">
        <v>13</v>
      </c>
      <c r="GH12" s="69">
        <v>14</v>
      </c>
      <c r="GI12" s="70">
        <v>27</v>
      </c>
      <c r="GJ12" s="159"/>
      <c r="GK12" s="69">
        <v>20</v>
      </c>
      <c r="GL12" s="69">
        <v>26</v>
      </c>
      <c r="GM12" s="69">
        <v>14</v>
      </c>
      <c r="GN12" s="69">
        <v>6</v>
      </c>
      <c r="GO12" s="69">
        <v>8</v>
      </c>
      <c r="GP12" s="70">
        <v>74</v>
      </c>
      <c r="GQ12" s="71">
        <v>101</v>
      </c>
      <c r="GR12" s="108">
        <v>113</v>
      </c>
      <c r="GS12" s="80">
        <v>72</v>
      </c>
      <c r="GT12" s="81">
        <v>185</v>
      </c>
      <c r="GU12" s="159"/>
      <c r="GV12" s="80">
        <v>177</v>
      </c>
      <c r="GW12" s="80">
        <v>153</v>
      </c>
      <c r="GX12" s="80">
        <v>97</v>
      </c>
      <c r="GY12" s="80">
        <v>66</v>
      </c>
      <c r="GZ12" s="80">
        <v>39</v>
      </c>
      <c r="HA12" s="82">
        <v>532</v>
      </c>
      <c r="HB12" s="83">
        <v>717</v>
      </c>
      <c r="HC12" s="68">
        <v>3</v>
      </c>
      <c r="HD12" s="69">
        <v>3</v>
      </c>
      <c r="HE12" s="70">
        <v>6</v>
      </c>
      <c r="HF12" s="159"/>
      <c r="HG12" s="69">
        <v>1</v>
      </c>
      <c r="HH12" s="69">
        <v>1</v>
      </c>
      <c r="HI12" s="69">
        <v>1</v>
      </c>
      <c r="HJ12" s="69">
        <v>1</v>
      </c>
      <c r="HK12" s="69">
        <v>2</v>
      </c>
      <c r="HL12" s="70">
        <v>6</v>
      </c>
      <c r="HM12" s="71">
        <v>12</v>
      </c>
      <c r="HN12" s="68">
        <v>7</v>
      </c>
      <c r="HO12" s="69">
        <v>7</v>
      </c>
      <c r="HP12" s="70">
        <v>14</v>
      </c>
      <c r="HQ12" s="159"/>
      <c r="HR12" s="69">
        <v>6</v>
      </c>
      <c r="HS12" s="69">
        <v>10</v>
      </c>
      <c r="HT12" s="69">
        <v>4</v>
      </c>
      <c r="HU12" s="69">
        <v>7</v>
      </c>
      <c r="HV12" s="69">
        <v>1</v>
      </c>
      <c r="HW12" s="70">
        <v>28</v>
      </c>
      <c r="HX12" s="71">
        <v>42</v>
      </c>
      <c r="HY12" s="68">
        <v>10</v>
      </c>
      <c r="HZ12" s="69">
        <v>4</v>
      </c>
      <c r="IA12" s="70">
        <v>14</v>
      </c>
      <c r="IB12" s="159"/>
      <c r="IC12" s="69">
        <v>14</v>
      </c>
      <c r="ID12" s="69">
        <v>14</v>
      </c>
      <c r="IE12" s="69">
        <v>7</v>
      </c>
      <c r="IF12" s="69">
        <v>4</v>
      </c>
      <c r="IG12" s="69">
        <v>7</v>
      </c>
      <c r="IH12" s="70">
        <v>46</v>
      </c>
      <c r="II12" s="71">
        <v>60</v>
      </c>
      <c r="IJ12" s="68">
        <v>27</v>
      </c>
      <c r="IK12" s="69">
        <v>8</v>
      </c>
      <c r="IL12" s="70">
        <v>35</v>
      </c>
      <c r="IM12" s="159"/>
      <c r="IN12" s="69">
        <v>31</v>
      </c>
      <c r="IO12" s="69">
        <v>34</v>
      </c>
      <c r="IP12" s="69">
        <v>10</v>
      </c>
      <c r="IQ12" s="69">
        <v>16</v>
      </c>
      <c r="IR12" s="69">
        <v>5</v>
      </c>
      <c r="IS12" s="70">
        <v>96</v>
      </c>
      <c r="IT12" s="71">
        <v>131</v>
      </c>
      <c r="IU12" s="68">
        <v>30</v>
      </c>
      <c r="IV12" s="69">
        <v>25</v>
      </c>
      <c r="IW12" s="70">
        <v>55</v>
      </c>
      <c r="IX12" s="159"/>
      <c r="IY12" s="69">
        <v>60</v>
      </c>
      <c r="IZ12" s="69">
        <v>40</v>
      </c>
      <c r="JA12" s="69">
        <v>29</v>
      </c>
      <c r="JB12" s="69">
        <v>16</v>
      </c>
      <c r="JC12" s="69">
        <v>8</v>
      </c>
      <c r="JD12" s="70">
        <v>153</v>
      </c>
      <c r="JE12" s="71">
        <v>208</v>
      </c>
      <c r="JF12" s="68">
        <v>36</v>
      </c>
      <c r="JG12" s="69">
        <v>25</v>
      </c>
      <c r="JH12" s="70">
        <v>61</v>
      </c>
      <c r="JI12" s="159"/>
      <c r="JJ12" s="69">
        <v>65</v>
      </c>
      <c r="JK12" s="69">
        <v>54</v>
      </c>
      <c r="JL12" s="69">
        <v>46</v>
      </c>
      <c r="JM12" s="69">
        <v>22</v>
      </c>
      <c r="JN12" s="69">
        <v>16</v>
      </c>
      <c r="JO12" s="70">
        <v>203</v>
      </c>
      <c r="JP12" s="71">
        <v>264</v>
      </c>
      <c r="JQ12" s="68">
        <v>0</v>
      </c>
      <c r="JR12" s="69">
        <v>0</v>
      </c>
      <c r="JS12" s="70">
        <v>0</v>
      </c>
      <c r="JT12" s="159"/>
      <c r="JU12" s="69">
        <v>0</v>
      </c>
      <c r="JV12" s="69">
        <v>0</v>
      </c>
      <c r="JW12" s="69">
        <v>0</v>
      </c>
      <c r="JX12" s="69">
        <v>0</v>
      </c>
      <c r="JY12" s="69">
        <v>0</v>
      </c>
      <c r="JZ12" s="70">
        <v>0</v>
      </c>
      <c r="KA12" s="71">
        <v>0</v>
      </c>
      <c r="KB12" s="68">
        <v>113</v>
      </c>
      <c r="KC12" s="69">
        <v>72</v>
      </c>
      <c r="KD12" s="70">
        <v>185</v>
      </c>
      <c r="KE12" s="159"/>
      <c r="KF12" s="69">
        <v>177</v>
      </c>
      <c r="KG12" s="69">
        <v>153</v>
      </c>
      <c r="KH12" s="69">
        <v>97</v>
      </c>
      <c r="KI12" s="69">
        <v>66</v>
      </c>
      <c r="KJ12" s="69">
        <v>39</v>
      </c>
      <c r="KK12" s="70">
        <v>532</v>
      </c>
      <c r="KL12" s="71">
        <v>717</v>
      </c>
    </row>
    <row r="13" spans="1:298" ht="19.5" customHeight="1" x14ac:dyDescent="0.2">
      <c r="A13" s="111" t="s">
        <v>9</v>
      </c>
      <c r="B13" s="215">
        <v>161</v>
      </c>
      <c r="C13" s="80">
        <v>126</v>
      </c>
      <c r="D13" s="81">
        <v>287</v>
      </c>
      <c r="E13" s="159"/>
      <c r="F13" s="80">
        <v>225</v>
      </c>
      <c r="G13" s="80">
        <v>158</v>
      </c>
      <c r="H13" s="80">
        <v>120</v>
      </c>
      <c r="I13" s="80">
        <v>108</v>
      </c>
      <c r="J13" s="80">
        <v>48</v>
      </c>
      <c r="K13" s="82">
        <v>659</v>
      </c>
      <c r="L13" s="83">
        <v>946</v>
      </c>
      <c r="M13" s="68">
        <v>2</v>
      </c>
      <c r="N13" s="69">
        <v>1</v>
      </c>
      <c r="O13" s="70">
        <v>3</v>
      </c>
      <c r="P13" s="159"/>
      <c r="Q13" s="69">
        <v>0</v>
      </c>
      <c r="R13" s="69">
        <v>1</v>
      </c>
      <c r="S13" s="69">
        <v>0</v>
      </c>
      <c r="T13" s="69">
        <v>0</v>
      </c>
      <c r="U13" s="69">
        <v>0</v>
      </c>
      <c r="V13" s="70">
        <v>1</v>
      </c>
      <c r="W13" s="71">
        <v>4</v>
      </c>
      <c r="X13" s="68">
        <v>6</v>
      </c>
      <c r="Y13" s="69">
        <v>3</v>
      </c>
      <c r="Z13" s="70">
        <v>9</v>
      </c>
      <c r="AA13" s="159"/>
      <c r="AB13" s="69">
        <v>6</v>
      </c>
      <c r="AC13" s="69">
        <v>5</v>
      </c>
      <c r="AD13" s="69">
        <v>2</v>
      </c>
      <c r="AE13" s="69">
        <v>4</v>
      </c>
      <c r="AF13" s="69">
        <v>0</v>
      </c>
      <c r="AG13" s="70">
        <v>17</v>
      </c>
      <c r="AH13" s="71">
        <v>26</v>
      </c>
      <c r="AI13" s="68">
        <v>8</v>
      </c>
      <c r="AJ13" s="69">
        <v>4</v>
      </c>
      <c r="AK13" s="70">
        <v>12</v>
      </c>
      <c r="AL13" s="159"/>
      <c r="AM13" s="69">
        <v>13</v>
      </c>
      <c r="AN13" s="69">
        <v>6</v>
      </c>
      <c r="AO13" s="69">
        <v>7</v>
      </c>
      <c r="AP13" s="69">
        <v>4</v>
      </c>
      <c r="AQ13" s="69">
        <v>3</v>
      </c>
      <c r="AR13" s="70">
        <v>33</v>
      </c>
      <c r="AS13" s="71">
        <v>45</v>
      </c>
      <c r="AT13" s="68">
        <v>28</v>
      </c>
      <c r="AU13" s="69">
        <v>28</v>
      </c>
      <c r="AV13" s="70">
        <v>56</v>
      </c>
      <c r="AW13" s="159"/>
      <c r="AX13" s="69">
        <v>32</v>
      </c>
      <c r="AY13" s="69">
        <v>28</v>
      </c>
      <c r="AZ13" s="69">
        <v>14</v>
      </c>
      <c r="BA13" s="69">
        <v>13</v>
      </c>
      <c r="BB13" s="69">
        <v>8</v>
      </c>
      <c r="BC13" s="70">
        <v>95</v>
      </c>
      <c r="BD13" s="71">
        <v>151</v>
      </c>
      <c r="BE13" s="68">
        <v>68</v>
      </c>
      <c r="BF13" s="69">
        <v>42</v>
      </c>
      <c r="BG13" s="70">
        <v>110</v>
      </c>
      <c r="BH13" s="159"/>
      <c r="BI13" s="69">
        <v>91</v>
      </c>
      <c r="BJ13" s="69">
        <v>46</v>
      </c>
      <c r="BK13" s="69">
        <v>43</v>
      </c>
      <c r="BL13" s="69">
        <v>44</v>
      </c>
      <c r="BM13" s="69">
        <v>15</v>
      </c>
      <c r="BN13" s="70">
        <v>239</v>
      </c>
      <c r="BO13" s="71">
        <v>349</v>
      </c>
      <c r="BP13" s="68">
        <v>49</v>
      </c>
      <c r="BQ13" s="69">
        <v>48</v>
      </c>
      <c r="BR13" s="70">
        <v>97</v>
      </c>
      <c r="BS13" s="159"/>
      <c r="BT13" s="69">
        <v>83</v>
      </c>
      <c r="BU13" s="69">
        <v>72</v>
      </c>
      <c r="BV13" s="69">
        <v>54</v>
      </c>
      <c r="BW13" s="69">
        <v>43</v>
      </c>
      <c r="BX13" s="69">
        <v>22</v>
      </c>
      <c r="BY13" s="70">
        <v>274</v>
      </c>
      <c r="BZ13" s="71">
        <v>371</v>
      </c>
      <c r="CA13" s="68">
        <v>0</v>
      </c>
      <c r="CB13" s="69">
        <v>0</v>
      </c>
      <c r="CC13" s="70">
        <v>0</v>
      </c>
      <c r="CD13" s="159"/>
      <c r="CE13" s="69">
        <v>0</v>
      </c>
      <c r="CF13" s="69">
        <v>0</v>
      </c>
      <c r="CG13" s="69">
        <v>0</v>
      </c>
      <c r="CH13" s="69">
        <v>0</v>
      </c>
      <c r="CI13" s="69">
        <v>0</v>
      </c>
      <c r="CJ13" s="70">
        <v>0</v>
      </c>
      <c r="CK13" s="71">
        <v>0</v>
      </c>
      <c r="CL13" s="68">
        <v>161</v>
      </c>
      <c r="CM13" s="69">
        <v>126</v>
      </c>
      <c r="CN13" s="70">
        <v>287</v>
      </c>
      <c r="CO13" s="159"/>
      <c r="CP13" s="69">
        <v>225</v>
      </c>
      <c r="CQ13" s="69">
        <v>158</v>
      </c>
      <c r="CR13" s="69">
        <v>120</v>
      </c>
      <c r="CS13" s="69">
        <v>108</v>
      </c>
      <c r="CT13" s="69">
        <v>48</v>
      </c>
      <c r="CU13" s="70">
        <v>659</v>
      </c>
      <c r="CV13" s="71">
        <v>946</v>
      </c>
      <c r="CW13" s="108">
        <v>34</v>
      </c>
      <c r="CX13" s="80">
        <v>24</v>
      </c>
      <c r="CY13" s="81">
        <v>58</v>
      </c>
      <c r="CZ13" s="159"/>
      <c r="DA13" s="80">
        <v>37</v>
      </c>
      <c r="DB13" s="80">
        <v>20</v>
      </c>
      <c r="DC13" s="80">
        <v>21</v>
      </c>
      <c r="DD13" s="80">
        <v>9</v>
      </c>
      <c r="DE13" s="80">
        <v>15</v>
      </c>
      <c r="DF13" s="82">
        <v>102</v>
      </c>
      <c r="DG13" s="83">
        <v>160</v>
      </c>
      <c r="DH13" s="68">
        <v>2</v>
      </c>
      <c r="DI13" s="69">
        <v>0</v>
      </c>
      <c r="DJ13" s="70">
        <v>2</v>
      </c>
      <c r="DK13" s="159"/>
      <c r="DL13" s="69">
        <v>0</v>
      </c>
      <c r="DM13" s="69">
        <v>0</v>
      </c>
      <c r="DN13" s="69">
        <v>0</v>
      </c>
      <c r="DO13" s="69">
        <v>0</v>
      </c>
      <c r="DP13" s="69">
        <v>0</v>
      </c>
      <c r="DQ13" s="70">
        <v>0</v>
      </c>
      <c r="DR13" s="71">
        <v>2</v>
      </c>
      <c r="DS13" s="68">
        <v>2</v>
      </c>
      <c r="DT13" s="69">
        <v>3</v>
      </c>
      <c r="DU13" s="70">
        <v>5</v>
      </c>
      <c r="DV13" s="159"/>
      <c r="DW13" s="69">
        <v>0</v>
      </c>
      <c r="DX13" s="69">
        <v>0</v>
      </c>
      <c r="DY13" s="69">
        <v>0</v>
      </c>
      <c r="DZ13" s="69">
        <v>0</v>
      </c>
      <c r="EA13" s="69">
        <v>0</v>
      </c>
      <c r="EB13" s="70">
        <v>0</v>
      </c>
      <c r="EC13" s="71">
        <v>5</v>
      </c>
      <c r="ED13" s="68">
        <v>6</v>
      </c>
      <c r="EE13" s="69">
        <v>3</v>
      </c>
      <c r="EF13" s="70">
        <v>9</v>
      </c>
      <c r="EG13" s="159"/>
      <c r="EH13" s="69">
        <v>4</v>
      </c>
      <c r="EI13" s="69">
        <v>2</v>
      </c>
      <c r="EJ13" s="69">
        <v>4</v>
      </c>
      <c r="EK13" s="69">
        <v>0</v>
      </c>
      <c r="EL13" s="69">
        <v>1</v>
      </c>
      <c r="EM13" s="70">
        <v>11</v>
      </c>
      <c r="EN13" s="71">
        <v>20</v>
      </c>
      <c r="EO13" s="68">
        <v>4</v>
      </c>
      <c r="EP13" s="69">
        <v>5</v>
      </c>
      <c r="EQ13" s="70">
        <v>9</v>
      </c>
      <c r="ER13" s="159"/>
      <c r="ES13" s="69">
        <v>6</v>
      </c>
      <c r="ET13" s="69">
        <v>3</v>
      </c>
      <c r="EU13" s="69">
        <v>0</v>
      </c>
      <c r="EV13" s="69">
        <v>1</v>
      </c>
      <c r="EW13" s="69">
        <v>3</v>
      </c>
      <c r="EX13" s="70">
        <v>13</v>
      </c>
      <c r="EY13" s="71">
        <v>22</v>
      </c>
      <c r="EZ13" s="68">
        <v>13</v>
      </c>
      <c r="FA13" s="69">
        <v>6</v>
      </c>
      <c r="FB13" s="70">
        <v>19</v>
      </c>
      <c r="FC13" s="159"/>
      <c r="FD13" s="69">
        <v>14</v>
      </c>
      <c r="FE13" s="69">
        <v>4</v>
      </c>
      <c r="FF13" s="69">
        <v>7</v>
      </c>
      <c r="FG13" s="69">
        <v>3</v>
      </c>
      <c r="FH13" s="69">
        <v>2</v>
      </c>
      <c r="FI13" s="70">
        <v>30</v>
      </c>
      <c r="FJ13" s="71">
        <v>49</v>
      </c>
      <c r="FK13" s="68">
        <v>7</v>
      </c>
      <c r="FL13" s="69">
        <v>7</v>
      </c>
      <c r="FM13" s="70">
        <v>14</v>
      </c>
      <c r="FN13" s="159"/>
      <c r="FO13" s="69">
        <v>13</v>
      </c>
      <c r="FP13" s="69">
        <v>11</v>
      </c>
      <c r="FQ13" s="69">
        <v>10</v>
      </c>
      <c r="FR13" s="69">
        <v>5</v>
      </c>
      <c r="FS13" s="69">
        <v>9</v>
      </c>
      <c r="FT13" s="70">
        <v>48</v>
      </c>
      <c r="FU13" s="71">
        <v>62</v>
      </c>
      <c r="FV13" s="68">
        <v>0</v>
      </c>
      <c r="FW13" s="69">
        <v>0</v>
      </c>
      <c r="FX13" s="70">
        <v>0</v>
      </c>
      <c r="FY13" s="159"/>
      <c r="FZ13" s="69">
        <v>0</v>
      </c>
      <c r="GA13" s="69">
        <v>0</v>
      </c>
      <c r="GB13" s="69">
        <v>0</v>
      </c>
      <c r="GC13" s="69">
        <v>0</v>
      </c>
      <c r="GD13" s="69">
        <v>0</v>
      </c>
      <c r="GE13" s="70">
        <v>0</v>
      </c>
      <c r="GF13" s="71">
        <v>0</v>
      </c>
      <c r="GG13" s="68">
        <v>34</v>
      </c>
      <c r="GH13" s="69">
        <v>24</v>
      </c>
      <c r="GI13" s="70">
        <v>58</v>
      </c>
      <c r="GJ13" s="159"/>
      <c r="GK13" s="69">
        <v>37</v>
      </c>
      <c r="GL13" s="69">
        <v>20</v>
      </c>
      <c r="GM13" s="69">
        <v>21</v>
      </c>
      <c r="GN13" s="69">
        <v>9</v>
      </c>
      <c r="GO13" s="69">
        <v>15</v>
      </c>
      <c r="GP13" s="70">
        <v>102</v>
      </c>
      <c r="GQ13" s="71">
        <v>160</v>
      </c>
      <c r="GR13" s="108">
        <v>195</v>
      </c>
      <c r="GS13" s="80">
        <v>150</v>
      </c>
      <c r="GT13" s="81">
        <v>345</v>
      </c>
      <c r="GU13" s="159"/>
      <c r="GV13" s="80">
        <v>262</v>
      </c>
      <c r="GW13" s="80">
        <v>178</v>
      </c>
      <c r="GX13" s="80">
        <v>141</v>
      </c>
      <c r="GY13" s="80">
        <v>117</v>
      </c>
      <c r="GZ13" s="80">
        <v>63</v>
      </c>
      <c r="HA13" s="82">
        <v>761</v>
      </c>
      <c r="HB13" s="83">
        <v>1106</v>
      </c>
      <c r="HC13" s="68">
        <v>4</v>
      </c>
      <c r="HD13" s="69">
        <v>1</v>
      </c>
      <c r="HE13" s="70">
        <v>5</v>
      </c>
      <c r="HF13" s="159"/>
      <c r="HG13" s="69">
        <v>0</v>
      </c>
      <c r="HH13" s="69">
        <v>1</v>
      </c>
      <c r="HI13" s="69">
        <v>0</v>
      </c>
      <c r="HJ13" s="69">
        <v>0</v>
      </c>
      <c r="HK13" s="69">
        <v>0</v>
      </c>
      <c r="HL13" s="70">
        <v>1</v>
      </c>
      <c r="HM13" s="71">
        <v>6</v>
      </c>
      <c r="HN13" s="68">
        <v>8</v>
      </c>
      <c r="HO13" s="69">
        <v>6</v>
      </c>
      <c r="HP13" s="70">
        <v>14</v>
      </c>
      <c r="HQ13" s="159"/>
      <c r="HR13" s="69">
        <v>6</v>
      </c>
      <c r="HS13" s="69">
        <v>5</v>
      </c>
      <c r="HT13" s="69">
        <v>2</v>
      </c>
      <c r="HU13" s="69">
        <v>4</v>
      </c>
      <c r="HV13" s="69">
        <v>0</v>
      </c>
      <c r="HW13" s="70">
        <v>17</v>
      </c>
      <c r="HX13" s="71">
        <v>31</v>
      </c>
      <c r="HY13" s="68">
        <v>14</v>
      </c>
      <c r="HZ13" s="69">
        <v>7</v>
      </c>
      <c r="IA13" s="70">
        <v>21</v>
      </c>
      <c r="IB13" s="159"/>
      <c r="IC13" s="69">
        <v>17</v>
      </c>
      <c r="ID13" s="69">
        <v>8</v>
      </c>
      <c r="IE13" s="69">
        <v>11</v>
      </c>
      <c r="IF13" s="69">
        <v>4</v>
      </c>
      <c r="IG13" s="69">
        <v>4</v>
      </c>
      <c r="IH13" s="70">
        <v>44</v>
      </c>
      <c r="II13" s="71">
        <v>65</v>
      </c>
      <c r="IJ13" s="68">
        <v>32</v>
      </c>
      <c r="IK13" s="69">
        <v>33</v>
      </c>
      <c r="IL13" s="70">
        <v>65</v>
      </c>
      <c r="IM13" s="159"/>
      <c r="IN13" s="69">
        <v>38</v>
      </c>
      <c r="IO13" s="69">
        <v>31</v>
      </c>
      <c r="IP13" s="69">
        <v>14</v>
      </c>
      <c r="IQ13" s="69">
        <v>14</v>
      </c>
      <c r="IR13" s="69">
        <v>11</v>
      </c>
      <c r="IS13" s="70">
        <v>108</v>
      </c>
      <c r="IT13" s="71">
        <v>173</v>
      </c>
      <c r="IU13" s="68">
        <v>81</v>
      </c>
      <c r="IV13" s="69">
        <v>48</v>
      </c>
      <c r="IW13" s="70">
        <v>129</v>
      </c>
      <c r="IX13" s="159"/>
      <c r="IY13" s="69">
        <v>105</v>
      </c>
      <c r="IZ13" s="69">
        <v>50</v>
      </c>
      <c r="JA13" s="69">
        <v>50</v>
      </c>
      <c r="JB13" s="69">
        <v>47</v>
      </c>
      <c r="JC13" s="69">
        <v>17</v>
      </c>
      <c r="JD13" s="70">
        <v>269</v>
      </c>
      <c r="JE13" s="71">
        <v>398</v>
      </c>
      <c r="JF13" s="68">
        <v>56</v>
      </c>
      <c r="JG13" s="69">
        <v>55</v>
      </c>
      <c r="JH13" s="70">
        <v>111</v>
      </c>
      <c r="JI13" s="159"/>
      <c r="JJ13" s="69">
        <v>96</v>
      </c>
      <c r="JK13" s="69">
        <v>83</v>
      </c>
      <c r="JL13" s="69">
        <v>64</v>
      </c>
      <c r="JM13" s="69">
        <v>48</v>
      </c>
      <c r="JN13" s="69">
        <v>31</v>
      </c>
      <c r="JO13" s="70">
        <v>322</v>
      </c>
      <c r="JP13" s="71">
        <v>433</v>
      </c>
      <c r="JQ13" s="68">
        <v>0</v>
      </c>
      <c r="JR13" s="69">
        <v>0</v>
      </c>
      <c r="JS13" s="70">
        <v>0</v>
      </c>
      <c r="JT13" s="159"/>
      <c r="JU13" s="69">
        <v>0</v>
      </c>
      <c r="JV13" s="69">
        <v>0</v>
      </c>
      <c r="JW13" s="69">
        <v>0</v>
      </c>
      <c r="JX13" s="69">
        <v>0</v>
      </c>
      <c r="JY13" s="69">
        <v>0</v>
      </c>
      <c r="JZ13" s="70">
        <v>0</v>
      </c>
      <c r="KA13" s="71">
        <v>0</v>
      </c>
      <c r="KB13" s="68">
        <v>195</v>
      </c>
      <c r="KC13" s="69">
        <v>150</v>
      </c>
      <c r="KD13" s="70">
        <v>345</v>
      </c>
      <c r="KE13" s="159"/>
      <c r="KF13" s="69">
        <v>262</v>
      </c>
      <c r="KG13" s="69">
        <v>178</v>
      </c>
      <c r="KH13" s="69">
        <v>141</v>
      </c>
      <c r="KI13" s="69">
        <v>117</v>
      </c>
      <c r="KJ13" s="69">
        <v>63</v>
      </c>
      <c r="KK13" s="70">
        <v>761</v>
      </c>
      <c r="KL13" s="71">
        <v>1106</v>
      </c>
    </row>
    <row r="14" spans="1:298" ht="19.5" customHeight="1" x14ac:dyDescent="0.2">
      <c r="A14" s="111" t="s">
        <v>10</v>
      </c>
      <c r="B14" s="215">
        <v>335</v>
      </c>
      <c r="C14" s="80">
        <v>243</v>
      </c>
      <c r="D14" s="81">
        <v>578</v>
      </c>
      <c r="E14" s="159"/>
      <c r="F14" s="80">
        <v>341</v>
      </c>
      <c r="G14" s="80">
        <v>190</v>
      </c>
      <c r="H14" s="80">
        <v>138</v>
      </c>
      <c r="I14" s="80">
        <v>117</v>
      </c>
      <c r="J14" s="80">
        <v>75</v>
      </c>
      <c r="K14" s="82">
        <v>861</v>
      </c>
      <c r="L14" s="83">
        <v>1439</v>
      </c>
      <c r="M14" s="68">
        <v>6</v>
      </c>
      <c r="N14" s="69">
        <v>0</v>
      </c>
      <c r="O14" s="70">
        <v>6</v>
      </c>
      <c r="P14" s="159"/>
      <c r="Q14" s="69">
        <v>8</v>
      </c>
      <c r="R14" s="69">
        <v>3</v>
      </c>
      <c r="S14" s="69">
        <v>0</v>
      </c>
      <c r="T14" s="69">
        <v>2</v>
      </c>
      <c r="U14" s="69">
        <v>3</v>
      </c>
      <c r="V14" s="70">
        <v>16</v>
      </c>
      <c r="W14" s="71">
        <v>22</v>
      </c>
      <c r="X14" s="68">
        <v>8</v>
      </c>
      <c r="Y14" s="69">
        <v>16</v>
      </c>
      <c r="Z14" s="70">
        <v>24</v>
      </c>
      <c r="AA14" s="159"/>
      <c r="AB14" s="69">
        <v>11</v>
      </c>
      <c r="AC14" s="69">
        <v>11</v>
      </c>
      <c r="AD14" s="69">
        <v>4</v>
      </c>
      <c r="AE14" s="69">
        <v>2</v>
      </c>
      <c r="AF14" s="69">
        <v>5</v>
      </c>
      <c r="AG14" s="70">
        <v>33</v>
      </c>
      <c r="AH14" s="71">
        <v>57</v>
      </c>
      <c r="AI14" s="68">
        <v>23</v>
      </c>
      <c r="AJ14" s="69">
        <v>22</v>
      </c>
      <c r="AK14" s="70">
        <v>45</v>
      </c>
      <c r="AL14" s="159"/>
      <c r="AM14" s="69">
        <v>19</v>
      </c>
      <c r="AN14" s="69">
        <v>19</v>
      </c>
      <c r="AO14" s="69">
        <v>14</v>
      </c>
      <c r="AP14" s="69">
        <v>5</v>
      </c>
      <c r="AQ14" s="69">
        <v>8</v>
      </c>
      <c r="AR14" s="70">
        <v>65</v>
      </c>
      <c r="AS14" s="71">
        <v>110</v>
      </c>
      <c r="AT14" s="68">
        <v>72</v>
      </c>
      <c r="AU14" s="69">
        <v>55</v>
      </c>
      <c r="AV14" s="70">
        <v>127</v>
      </c>
      <c r="AW14" s="159"/>
      <c r="AX14" s="69">
        <v>64</v>
      </c>
      <c r="AY14" s="69">
        <v>31</v>
      </c>
      <c r="AZ14" s="69">
        <v>23</v>
      </c>
      <c r="BA14" s="69">
        <v>20</v>
      </c>
      <c r="BB14" s="69">
        <v>13</v>
      </c>
      <c r="BC14" s="70">
        <v>151</v>
      </c>
      <c r="BD14" s="71">
        <v>278</v>
      </c>
      <c r="BE14" s="68">
        <v>121</v>
      </c>
      <c r="BF14" s="69">
        <v>82</v>
      </c>
      <c r="BG14" s="70">
        <v>203</v>
      </c>
      <c r="BH14" s="159"/>
      <c r="BI14" s="69">
        <v>108</v>
      </c>
      <c r="BJ14" s="69">
        <v>56</v>
      </c>
      <c r="BK14" s="69">
        <v>40</v>
      </c>
      <c r="BL14" s="69">
        <v>41</v>
      </c>
      <c r="BM14" s="69">
        <v>20</v>
      </c>
      <c r="BN14" s="70">
        <v>265</v>
      </c>
      <c r="BO14" s="71">
        <v>468</v>
      </c>
      <c r="BP14" s="68">
        <v>105</v>
      </c>
      <c r="BQ14" s="69">
        <v>68</v>
      </c>
      <c r="BR14" s="70">
        <v>173</v>
      </c>
      <c r="BS14" s="159"/>
      <c r="BT14" s="69">
        <v>131</v>
      </c>
      <c r="BU14" s="69">
        <v>70</v>
      </c>
      <c r="BV14" s="69">
        <v>57</v>
      </c>
      <c r="BW14" s="69">
        <v>47</v>
      </c>
      <c r="BX14" s="69">
        <v>26</v>
      </c>
      <c r="BY14" s="70">
        <v>331</v>
      </c>
      <c r="BZ14" s="71">
        <v>504</v>
      </c>
      <c r="CA14" s="68">
        <v>0</v>
      </c>
      <c r="CB14" s="69">
        <v>0</v>
      </c>
      <c r="CC14" s="70">
        <v>0</v>
      </c>
      <c r="CD14" s="159"/>
      <c r="CE14" s="69">
        <v>0</v>
      </c>
      <c r="CF14" s="69">
        <v>0</v>
      </c>
      <c r="CG14" s="69">
        <v>0</v>
      </c>
      <c r="CH14" s="69">
        <v>0</v>
      </c>
      <c r="CI14" s="69">
        <v>0</v>
      </c>
      <c r="CJ14" s="70">
        <v>0</v>
      </c>
      <c r="CK14" s="71">
        <v>0</v>
      </c>
      <c r="CL14" s="68">
        <v>335</v>
      </c>
      <c r="CM14" s="69">
        <v>243</v>
      </c>
      <c r="CN14" s="70">
        <v>578</v>
      </c>
      <c r="CO14" s="159"/>
      <c r="CP14" s="69">
        <v>341</v>
      </c>
      <c r="CQ14" s="69">
        <v>190</v>
      </c>
      <c r="CR14" s="69">
        <v>138</v>
      </c>
      <c r="CS14" s="69">
        <v>117</v>
      </c>
      <c r="CT14" s="69">
        <v>75</v>
      </c>
      <c r="CU14" s="70">
        <v>861</v>
      </c>
      <c r="CV14" s="71">
        <v>1439</v>
      </c>
      <c r="CW14" s="108">
        <v>37</v>
      </c>
      <c r="CX14" s="80">
        <v>30</v>
      </c>
      <c r="CY14" s="81">
        <v>67</v>
      </c>
      <c r="CZ14" s="159"/>
      <c r="DA14" s="80">
        <v>50</v>
      </c>
      <c r="DB14" s="80">
        <v>22</v>
      </c>
      <c r="DC14" s="80">
        <v>21</v>
      </c>
      <c r="DD14" s="80">
        <v>19</v>
      </c>
      <c r="DE14" s="80">
        <v>17</v>
      </c>
      <c r="DF14" s="82">
        <v>129</v>
      </c>
      <c r="DG14" s="83">
        <v>196</v>
      </c>
      <c r="DH14" s="68">
        <v>0</v>
      </c>
      <c r="DI14" s="69">
        <v>1</v>
      </c>
      <c r="DJ14" s="70">
        <v>1</v>
      </c>
      <c r="DK14" s="159"/>
      <c r="DL14" s="69">
        <v>1</v>
      </c>
      <c r="DM14" s="69">
        <v>0</v>
      </c>
      <c r="DN14" s="69">
        <v>0</v>
      </c>
      <c r="DO14" s="69">
        <v>0</v>
      </c>
      <c r="DP14" s="69">
        <v>0</v>
      </c>
      <c r="DQ14" s="70">
        <v>1</v>
      </c>
      <c r="DR14" s="71">
        <v>2</v>
      </c>
      <c r="DS14" s="68">
        <v>2</v>
      </c>
      <c r="DT14" s="69">
        <v>2</v>
      </c>
      <c r="DU14" s="70">
        <v>4</v>
      </c>
      <c r="DV14" s="159"/>
      <c r="DW14" s="69">
        <v>2</v>
      </c>
      <c r="DX14" s="69">
        <v>2</v>
      </c>
      <c r="DY14" s="69">
        <v>0</v>
      </c>
      <c r="DZ14" s="69">
        <v>0</v>
      </c>
      <c r="EA14" s="69">
        <v>1</v>
      </c>
      <c r="EB14" s="70">
        <v>5</v>
      </c>
      <c r="EC14" s="71">
        <v>9</v>
      </c>
      <c r="ED14" s="68">
        <v>4</v>
      </c>
      <c r="EE14" s="69">
        <v>6</v>
      </c>
      <c r="EF14" s="70">
        <v>10</v>
      </c>
      <c r="EG14" s="159"/>
      <c r="EH14" s="69">
        <v>3</v>
      </c>
      <c r="EI14" s="69">
        <v>1</v>
      </c>
      <c r="EJ14" s="69">
        <v>0</v>
      </c>
      <c r="EK14" s="69">
        <v>0</v>
      </c>
      <c r="EL14" s="69">
        <v>0</v>
      </c>
      <c r="EM14" s="70">
        <v>4</v>
      </c>
      <c r="EN14" s="71">
        <v>14</v>
      </c>
      <c r="EO14" s="68">
        <v>11</v>
      </c>
      <c r="EP14" s="69">
        <v>7</v>
      </c>
      <c r="EQ14" s="70">
        <v>18</v>
      </c>
      <c r="ER14" s="159"/>
      <c r="ES14" s="69">
        <v>6</v>
      </c>
      <c r="ET14" s="69">
        <v>0</v>
      </c>
      <c r="EU14" s="69">
        <v>5</v>
      </c>
      <c r="EV14" s="69">
        <v>1</v>
      </c>
      <c r="EW14" s="69">
        <v>1</v>
      </c>
      <c r="EX14" s="70">
        <v>13</v>
      </c>
      <c r="EY14" s="71">
        <v>31</v>
      </c>
      <c r="EZ14" s="68">
        <v>11</v>
      </c>
      <c r="FA14" s="69">
        <v>6</v>
      </c>
      <c r="FB14" s="70">
        <v>17</v>
      </c>
      <c r="FC14" s="159"/>
      <c r="FD14" s="69">
        <v>14</v>
      </c>
      <c r="FE14" s="69">
        <v>6</v>
      </c>
      <c r="FF14" s="69">
        <v>5</v>
      </c>
      <c r="FG14" s="69">
        <v>8</v>
      </c>
      <c r="FH14" s="69">
        <v>5</v>
      </c>
      <c r="FI14" s="70">
        <v>38</v>
      </c>
      <c r="FJ14" s="71">
        <v>55</v>
      </c>
      <c r="FK14" s="68">
        <v>9</v>
      </c>
      <c r="FL14" s="69">
        <v>8</v>
      </c>
      <c r="FM14" s="70">
        <v>17</v>
      </c>
      <c r="FN14" s="159"/>
      <c r="FO14" s="69">
        <v>24</v>
      </c>
      <c r="FP14" s="69">
        <v>13</v>
      </c>
      <c r="FQ14" s="69">
        <v>11</v>
      </c>
      <c r="FR14" s="69">
        <v>10</v>
      </c>
      <c r="FS14" s="69">
        <v>10</v>
      </c>
      <c r="FT14" s="70">
        <v>68</v>
      </c>
      <c r="FU14" s="71">
        <v>85</v>
      </c>
      <c r="FV14" s="68">
        <v>0</v>
      </c>
      <c r="FW14" s="69">
        <v>0</v>
      </c>
      <c r="FX14" s="70">
        <v>0</v>
      </c>
      <c r="FY14" s="159"/>
      <c r="FZ14" s="69">
        <v>0</v>
      </c>
      <c r="GA14" s="69">
        <v>0</v>
      </c>
      <c r="GB14" s="69">
        <v>0</v>
      </c>
      <c r="GC14" s="69">
        <v>0</v>
      </c>
      <c r="GD14" s="69">
        <v>0</v>
      </c>
      <c r="GE14" s="70">
        <v>0</v>
      </c>
      <c r="GF14" s="71">
        <v>0</v>
      </c>
      <c r="GG14" s="68">
        <v>37</v>
      </c>
      <c r="GH14" s="69">
        <v>30</v>
      </c>
      <c r="GI14" s="70">
        <v>67</v>
      </c>
      <c r="GJ14" s="159"/>
      <c r="GK14" s="69">
        <v>50</v>
      </c>
      <c r="GL14" s="69">
        <v>22</v>
      </c>
      <c r="GM14" s="69">
        <v>21</v>
      </c>
      <c r="GN14" s="69">
        <v>19</v>
      </c>
      <c r="GO14" s="69">
        <v>17</v>
      </c>
      <c r="GP14" s="70">
        <v>129</v>
      </c>
      <c r="GQ14" s="71">
        <v>196</v>
      </c>
      <c r="GR14" s="108">
        <v>372</v>
      </c>
      <c r="GS14" s="80">
        <v>273</v>
      </c>
      <c r="GT14" s="81">
        <v>645</v>
      </c>
      <c r="GU14" s="159"/>
      <c r="GV14" s="80">
        <v>391</v>
      </c>
      <c r="GW14" s="80">
        <v>212</v>
      </c>
      <c r="GX14" s="80">
        <v>159</v>
      </c>
      <c r="GY14" s="80">
        <v>136</v>
      </c>
      <c r="GZ14" s="80">
        <v>92</v>
      </c>
      <c r="HA14" s="82">
        <v>990</v>
      </c>
      <c r="HB14" s="83">
        <v>1635</v>
      </c>
      <c r="HC14" s="68">
        <v>6</v>
      </c>
      <c r="HD14" s="69">
        <v>1</v>
      </c>
      <c r="HE14" s="70">
        <v>7</v>
      </c>
      <c r="HF14" s="159"/>
      <c r="HG14" s="69">
        <v>9</v>
      </c>
      <c r="HH14" s="69">
        <v>3</v>
      </c>
      <c r="HI14" s="69">
        <v>0</v>
      </c>
      <c r="HJ14" s="69">
        <v>2</v>
      </c>
      <c r="HK14" s="69">
        <v>3</v>
      </c>
      <c r="HL14" s="70">
        <v>17</v>
      </c>
      <c r="HM14" s="71">
        <v>24</v>
      </c>
      <c r="HN14" s="68">
        <v>10</v>
      </c>
      <c r="HO14" s="69">
        <v>18</v>
      </c>
      <c r="HP14" s="70">
        <v>28</v>
      </c>
      <c r="HQ14" s="159"/>
      <c r="HR14" s="69">
        <v>13</v>
      </c>
      <c r="HS14" s="69">
        <v>13</v>
      </c>
      <c r="HT14" s="69">
        <v>4</v>
      </c>
      <c r="HU14" s="69">
        <v>2</v>
      </c>
      <c r="HV14" s="69">
        <v>6</v>
      </c>
      <c r="HW14" s="70">
        <v>38</v>
      </c>
      <c r="HX14" s="71">
        <v>66</v>
      </c>
      <c r="HY14" s="68">
        <v>27</v>
      </c>
      <c r="HZ14" s="69">
        <v>28</v>
      </c>
      <c r="IA14" s="70">
        <v>55</v>
      </c>
      <c r="IB14" s="159"/>
      <c r="IC14" s="69">
        <v>22</v>
      </c>
      <c r="ID14" s="69">
        <v>20</v>
      </c>
      <c r="IE14" s="69">
        <v>14</v>
      </c>
      <c r="IF14" s="69">
        <v>5</v>
      </c>
      <c r="IG14" s="69">
        <v>8</v>
      </c>
      <c r="IH14" s="70">
        <v>69</v>
      </c>
      <c r="II14" s="71">
        <v>124</v>
      </c>
      <c r="IJ14" s="68">
        <v>83</v>
      </c>
      <c r="IK14" s="69">
        <v>62</v>
      </c>
      <c r="IL14" s="70">
        <v>145</v>
      </c>
      <c r="IM14" s="159"/>
      <c r="IN14" s="69">
        <v>70</v>
      </c>
      <c r="IO14" s="69">
        <v>31</v>
      </c>
      <c r="IP14" s="69">
        <v>28</v>
      </c>
      <c r="IQ14" s="69">
        <v>21</v>
      </c>
      <c r="IR14" s="69">
        <v>14</v>
      </c>
      <c r="IS14" s="70">
        <v>164</v>
      </c>
      <c r="IT14" s="71">
        <v>309</v>
      </c>
      <c r="IU14" s="68">
        <v>132</v>
      </c>
      <c r="IV14" s="69">
        <v>88</v>
      </c>
      <c r="IW14" s="70">
        <v>220</v>
      </c>
      <c r="IX14" s="159"/>
      <c r="IY14" s="69">
        <v>122</v>
      </c>
      <c r="IZ14" s="69">
        <v>62</v>
      </c>
      <c r="JA14" s="69">
        <v>45</v>
      </c>
      <c r="JB14" s="69">
        <v>49</v>
      </c>
      <c r="JC14" s="69">
        <v>25</v>
      </c>
      <c r="JD14" s="70">
        <v>303</v>
      </c>
      <c r="JE14" s="71">
        <v>523</v>
      </c>
      <c r="JF14" s="68">
        <v>114</v>
      </c>
      <c r="JG14" s="69">
        <v>76</v>
      </c>
      <c r="JH14" s="70">
        <v>190</v>
      </c>
      <c r="JI14" s="159"/>
      <c r="JJ14" s="69">
        <v>155</v>
      </c>
      <c r="JK14" s="69">
        <v>83</v>
      </c>
      <c r="JL14" s="69">
        <v>68</v>
      </c>
      <c r="JM14" s="69">
        <v>57</v>
      </c>
      <c r="JN14" s="69">
        <v>36</v>
      </c>
      <c r="JO14" s="70">
        <v>399</v>
      </c>
      <c r="JP14" s="71">
        <v>589</v>
      </c>
      <c r="JQ14" s="68">
        <v>0</v>
      </c>
      <c r="JR14" s="69">
        <v>0</v>
      </c>
      <c r="JS14" s="70">
        <v>0</v>
      </c>
      <c r="JT14" s="159"/>
      <c r="JU14" s="69">
        <v>0</v>
      </c>
      <c r="JV14" s="69">
        <v>0</v>
      </c>
      <c r="JW14" s="69">
        <v>0</v>
      </c>
      <c r="JX14" s="69">
        <v>0</v>
      </c>
      <c r="JY14" s="69">
        <v>0</v>
      </c>
      <c r="JZ14" s="70">
        <v>0</v>
      </c>
      <c r="KA14" s="71">
        <v>0</v>
      </c>
      <c r="KB14" s="68">
        <v>372</v>
      </c>
      <c r="KC14" s="69">
        <v>273</v>
      </c>
      <c r="KD14" s="70">
        <v>645</v>
      </c>
      <c r="KE14" s="159"/>
      <c r="KF14" s="69">
        <v>391</v>
      </c>
      <c r="KG14" s="69">
        <v>212</v>
      </c>
      <c r="KH14" s="69">
        <v>159</v>
      </c>
      <c r="KI14" s="69">
        <v>136</v>
      </c>
      <c r="KJ14" s="69">
        <v>92</v>
      </c>
      <c r="KK14" s="70">
        <v>990</v>
      </c>
      <c r="KL14" s="71">
        <v>1635</v>
      </c>
    </row>
    <row r="15" spans="1:298" ht="19.5" customHeight="1" x14ac:dyDescent="0.2">
      <c r="A15" s="111" t="s">
        <v>11</v>
      </c>
      <c r="B15" s="215">
        <v>77</v>
      </c>
      <c r="C15" s="80">
        <v>52</v>
      </c>
      <c r="D15" s="81">
        <v>129</v>
      </c>
      <c r="E15" s="159"/>
      <c r="F15" s="80">
        <v>157</v>
      </c>
      <c r="G15" s="80">
        <v>84</v>
      </c>
      <c r="H15" s="80">
        <v>62</v>
      </c>
      <c r="I15" s="80">
        <v>55</v>
      </c>
      <c r="J15" s="80">
        <v>27</v>
      </c>
      <c r="K15" s="82">
        <v>385</v>
      </c>
      <c r="L15" s="83">
        <v>514</v>
      </c>
      <c r="M15" s="68">
        <v>3</v>
      </c>
      <c r="N15" s="69">
        <v>0</v>
      </c>
      <c r="O15" s="70">
        <v>3</v>
      </c>
      <c r="P15" s="159"/>
      <c r="Q15" s="69">
        <v>6</v>
      </c>
      <c r="R15" s="69">
        <v>2</v>
      </c>
      <c r="S15" s="69">
        <v>0</v>
      </c>
      <c r="T15" s="69">
        <v>0</v>
      </c>
      <c r="U15" s="69">
        <v>0</v>
      </c>
      <c r="V15" s="70">
        <v>8</v>
      </c>
      <c r="W15" s="71">
        <v>11</v>
      </c>
      <c r="X15" s="68">
        <v>1</v>
      </c>
      <c r="Y15" s="69">
        <v>7</v>
      </c>
      <c r="Z15" s="70">
        <v>8</v>
      </c>
      <c r="AA15" s="159"/>
      <c r="AB15" s="69">
        <v>8</v>
      </c>
      <c r="AC15" s="69">
        <v>2</v>
      </c>
      <c r="AD15" s="69">
        <v>5</v>
      </c>
      <c r="AE15" s="69">
        <v>2</v>
      </c>
      <c r="AF15" s="69">
        <v>3</v>
      </c>
      <c r="AG15" s="70">
        <v>20</v>
      </c>
      <c r="AH15" s="71">
        <v>28</v>
      </c>
      <c r="AI15" s="68">
        <v>7</v>
      </c>
      <c r="AJ15" s="69">
        <v>3</v>
      </c>
      <c r="AK15" s="70">
        <v>10</v>
      </c>
      <c r="AL15" s="159"/>
      <c r="AM15" s="69">
        <v>10</v>
      </c>
      <c r="AN15" s="69">
        <v>7</v>
      </c>
      <c r="AO15" s="69">
        <v>7</v>
      </c>
      <c r="AP15" s="69">
        <v>5</v>
      </c>
      <c r="AQ15" s="69">
        <v>5</v>
      </c>
      <c r="AR15" s="70">
        <v>34</v>
      </c>
      <c r="AS15" s="71">
        <v>44</v>
      </c>
      <c r="AT15" s="68">
        <v>18</v>
      </c>
      <c r="AU15" s="69">
        <v>12</v>
      </c>
      <c r="AV15" s="70">
        <v>30</v>
      </c>
      <c r="AW15" s="159"/>
      <c r="AX15" s="69">
        <v>25</v>
      </c>
      <c r="AY15" s="69">
        <v>18</v>
      </c>
      <c r="AZ15" s="69">
        <v>8</v>
      </c>
      <c r="BA15" s="69">
        <v>7</v>
      </c>
      <c r="BB15" s="69">
        <v>7</v>
      </c>
      <c r="BC15" s="70">
        <v>65</v>
      </c>
      <c r="BD15" s="71">
        <v>95</v>
      </c>
      <c r="BE15" s="68">
        <v>29</v>
      </c>
      <c r="BF15" s="69">
        <v>17</v>
      </c>
      <c r="BG15" s="70">
        <v>46</v>
      </c>
      <c r="BH15" s="159"/>
      <c r="BI15" s="69">
        <v>48</v>
      </c>
      <c r="BJ15" s="69">
        <v>24</v>
      </c>
      <c r="BK15" s="69">
        <v>14</v>
      </c>
      <c r="BL15" s="69">
        <v>15</v>
      </c>
      <c r="BM15" s="69">
        <v>5</v>
      </c>
      <c r="BN15" s="70">
        <v>106</v>
      </c>
      <c r="BO15" s="71">
        <v>152</v>
      </c>
      <c r="BP15" s="68">
        <v>19</v>
      </c>
      <c r="BQ15" s="69">
        <v>13</v>
      </c>
      <c r="BR15" s="70">
        <v>32</v>
      </c>
      <c r="BS15" s="159"/>
      <c r="BT15" s="69">
        <v>60</v>
      </c>
      <c r="BU15" s="69">
        <v>31</v>
      </c>
      <c r="BV15" s="69">
        <v>28</v>
      </c>
      <c r="BW15" s="69">
        <v>26</v>
      </c>
      <c r="BX15" s="69">
        <v>7</v>
      </c>
      <c r="BY15" s="70">
        <v>152</v>
      </c>
      <c r="BZ15" s="71">
        <v>184</v>
      </c>
      <c r="CA15" s="68">
        <v>0</v>
      </c>
      <c r="CB15" s="69">
        <v>0</v>
      </c>
      <c r="CC15" s="70">
        <v>0</v>
      </c>
      <c r="CD15" s="159"/>
      <c r="CE15" s="69">
        <v>0</v>
      </c>
      <c r="CF15" s="69">
        <v>0</v>
      </c>
      <c r="CG15" s="69">
        <v>0</v>
      </c>
      <c r="CH15" s="69">
        <v>0</v>
      </c>
      <c r="CI15" s="69">
        <v>0</v>
      </c>
      <c r="CJ15" s="70">
        <v>0</v>
      </c>
      <c r="CK15" s="71">
        <v>0</v>
      </c>
      <c r="CL15" s="68">
        <v>77</v>
      </c>
      <c r="CM15" s="69">
        <v>52</v>
      </c>
      <c r="CN15" s="70">
        <v>129</v>
      </c>
      <c r="CO15" s="159"/>
      <c r="CP15" s="69">
        <v>157</v>
      </c>
      <c r="CQ15" s="69">
        <v>84</v>
      </c>
      <c r="CR15" s="69">
        <v>62</v>
      </c>
      <c r="CS15" s="69">
        <v>55</v>
      </c>
      <c r="CT15" s="69">
        <v>27</v>
      </c>
      <c r="CU15" s="70">
        <v>385</v>
      </c>
      <c r="CV15" s="71">
        <v>514</v>
      </c>
      <c r="CW15" s="108">
        <v>15</v>
      </c>
      <c r="CX15" s="80">
        <v>13</v>
      </c>
      <c r="CY15" s="81">
        <v>28</v>
      </c>
      <c r="CZ15" s="159"/>
      <c r="DA15" s="80">
        <v>21</v>
      </c>
      <c r="DB15" s="80">
        <v>19</v>
      </c>
      <c r="DC15" s="80">
        <v>14</v>
      </c>
      <c r="DD15" s="80">
        <v>15</v>
      </c>
      <c r="DE15" s="80">
        <v>7</v>
      </c>
      <c r="DF15" s="82">
        <v>76</v>
      </c>
      <c r="DG15" s="83">
        <v>104</v>
      </c>
      <c r="DH15" s="68">
        <v>1</v>
      </c>
      <c r="DI15" s="69">
        <v>0</v>
      </c>
      <c r="DJ15" s="70">
        <v>1</v>
      </c>
      <c r="DK15" s="159"/>
      <c r="DL15" s="69">
        <v>1</v>
      </c>
      <c r="DM15" s="69">
        <v>0</v>
      </c>
      <c r="DN15" s="69">
        <v>1</v>
      </c>
      <c r="DO15" s="69">
        <v>0</v>
      </c>
      <c r="DP15" s="69">
        <v>0</v>
      </c>
      <c r="DQ15" s="70">
        <v>2</v>
      </c>
      <c r="DR15" s="71">
        <v>3</v>
      </c>
      <c r="DS15" s="68">
        <v>1</v>
      </c>
      <c r="DT15" s="69">
        <v>1</v>
      </c>
      <c r="DU15" s="70">
        <v>2</v>
      </c>
      <c r="DV15" s="159"/>
      <c r="DW15" s="69">
        <v>1</v>
      </c>
      <c r="DX15" s="69">
        <v>0</v>
      </c>
      <c r="DY15" s="69">
        <v>0</v>
      </c>
      <c r="DZ15" s="69">
        <v>0</v>
      </c>
      <c r="EA15" s="69">
        <v>1</v>
      </c>
      <c r="EB15" s="70">
        <v>2</v>
      </c>
      <c r="EC15" s="71">
        <v>4</v>
      </c>
      <c r="ED15" s="68">
        <v>0</v>
      </c>
      <c r="EE15" s="69">
        <v>0</v>
      </c>
      <c r="EF15" s="70">
        <v>0</v>
      </c>
      <c r="EG15" s="159"/>
      <c r="EH15" s="69">
        <v>0</v>
      </c>
      <c r="EI15" s="69">
        <v>1</v>
      </c>
      <c r="EJ15" s="69">
        <v>1</v>
      </c>
      <c r="EK15" s="69">
        <v>0</v>
      </c>
      <c r="EL15" s="69">
        <v>0</v>
      </c>
      <c r="EM15" s="70">
        <v>2</v>
      </c>
      <c r="EN15" s="71">
        <v>2</v>
      </c>
      <c r="EO15" s="68">
        <v>4</v>
      </c>
      <c r="EP15" s="69">
        <v>2</v>
      </c>
      <c r="EQ15" s="70">
        <v>6</v>
      </c>
      <c r="ER15" s="159"/>
      <c r="ES15" s="69">
        <v>4</v>
      </c>
      <c r="ET15" s="69">
        <v>3</v>
      </c>
      <c r="EU15" s="69">
        <v>0</v>
      </c>
      <c r="EV15" s="69">
        <v>2</v>
      </c>
      <c r="EW15" s="69">
        <v>0</v>
      </c>
      <c r="EX15" s="70">
        <v>9</v>
      </c>
      <c r="EY15" s="71">
        <v>15</v>
      </c>
      <c r="EZ15" s="68">
        <v>6</v>
      </c>
      <c r="FA15" s="69">
        <v>8</v>
      </c>
      <c r="FB15" s="70">
        <v>14</v>
      </c>
      <c r="FC15" s="159"/>
      <c r="FD15" s="69">
        <v>11</v>
      </c>
      <c r="FE15" s="69">
        <v>7</v>
      </c>
      <c r="FF15" s="69">
        <v>3</v>
      </c>
      <c r="FG15" s="69">
        <v>4</v>
      </c>
      <c r="FH15" s="69">
        <v>3</v>
      </c>
      <c r="FI15" s="70">
        <v>28</v>
      </c>
      <c r="FJ15" s="71">
        <v>42</v>
      </c>
      <c r="FK15" s="68">
        <v>3</v>
      </c>
      <c r="FL15" s="69">
        <v>2</v>
      </c>
      <c r="FM15" s="70">
        <v>5</v>
      </c>
      <c r="FN15" s="159"/>
      <c r="FO15" s="69">
        <v>4</v>
      </c>
      <c r="FP15" s="69">
        <v>8</v>
      </c>
      <c r="FQ15" s="69">
        <v>9</v>
      </c>
      <c r="FR15" s="69">
        <v>9</v>
      </c>
      <c r="FS15" s="69">
        <v>3</v>
      </c>
      <c r="FT15" s="70">
        <v>33</v>
      </c>
      <c r="FU15" s="71">
        <v>38</v>
      </c>
      <c r="FV15" s="68">
        <v>0</v>
      </c>
      <c r="FW15" s="69">
        <v>0</v>
      </c>
      <c r="FX15" s="70">
        <v>0</v>
      </c>
      <c r="FY15" s="159"/>
      <c r="FZ15" s="69">
        <v>0</v>
      </c>
      <c r="GA15" s="69">
        <v>0</v>
      </c>
      <c r="GB15" s="69">
        <v>0</v>
      </c>
      <c r="GC15" s="69">
        <v>0</v>
      </c>
      <c r="GD15" s="69">
        <v>0</v>
      </c>
      <c r="GE15" s="70">
        <v>0</v>
      </c>
      <c r="GF15" s="71">
        <v>0</v>
      </c>
      <c r="GG15" s="68">
        <v>15</v>
      </c>
      <c r="GH15" s="69">
        <v>13</v>
      </c>
      <c r="GI15" s="70">
        <v>28</v>
      </c>
      <c r="GJ15" s="159"/>
      <c r="GK15" s="69">
        <v>21</v>
      </c>
      <c r="GL15" s="69">
        <v>19</v>
      </c>
      <c r="GM15" s="69">
        <v>14</v>
      </c>
      <c r="GN15" s="69">
        <v>15</v>
      </c>
      <c r="GO15" s="69">
        <v>7</v>
      </c>
      <c r="GP15" s="70">
        <v>76</v>
      </c>
      <c r="GQ15" s="71">
        <v>104</v>
      </c>
      <c r="GR15" s="108">
        <v>92</v>
      </c>
      <c r="GS15" s="80">
        <v>65</v>
      </c>
      <c r="GT15" s="81">
        <v>157</v>
      </c>
      <c r="GU15" s="159"/>
      <c r="GV15" s="80">
        <v>178</v>
      </c>
      <c r="GW15" s="80">
        <v>103</v>
      </c>
      <c r="GX15" s="80">
        <v>76</v>
      </c>
      <c r="GY15" s="80">
        <v>70</v>
      </c>
      <c r="GZ15" s="80">
        <v>34</v>
      </c>
      <c r="HA15" s="82">
        <v>461</v>
      </c>
      <c r="HB15" s="83">
        <v>618</v>
      </c>
      <c r="HC15" s="68">
        <v>4</v>
      </c>
      <c r="HD15" s="69">
        <v>0</v>
      </c>
      <c r="HE15" s="70">
        <v>4</v>
      </c>
      <c r="HF15" s="159"/>
      <c r="HG15" s="69">
        <v>7</v>
      </c>
      <c r="HH15" s="69">
        <v>2</v>
      </c>
      <c r="HI15" s="69">
        <v>1</v>
      </c>
      <c r="HJ15" s="69">
        <v>0</v>
      </c>
      <c r="HK15" s="69">
        <v>0</v>
      </c>
      <c r="HL15" s="70">
        <v>10</v>
      </c>
      <c r="HM15" s="71">
        <v>14</v>
      </c>
      <c r="HN15" s="68">
        <v>2</v>
      </c>
      <c r="HO15" s="69">
        <v>8</v>
      </c>
      <c r="HP15" s="70">
        <v>10</v>
      </c>
      <c r="HQ15" s="159"/>
      <c r="HR15" s="69">
        <v>9</v>
      </c>
      <c r="HS15" s="69">
        <v>2</v>
      </c>
      <c r="HT15" s="69">
        <v>5</v>
      </c>
      <c r="HU15" s="69">
        <v>2</v>
      </c>
      <c r="HV15" s="69">
        <v>4</v>
      </c>
      <c r="HW15" s="70">
        <v>22</v>
      </c>
      <c r="HX15" s="71">
        <v>32</v>
      </c>
      <c r="HY15" s="68">
        <v>7</v>
      </c>
      <c r="HZ15" s="69">
        <v>3</v>
      </c>
      <c r="IA15" s="70">
        <v>10</v>
      </c>
      <c r="IB15" s="159"/>
      <c r="IC15" s="69">
        <v>10</v>
      </c>
      <c r="ID15" s="69">
        <v>8</v>
      </c>
      <c r="IE15" s="69">
        <v>8</v>
      </c>
      <c r="IF15" s="69">
        <v>5</v>
      </c>
      <c r="IG15" s="69">
        <v>5</v>
      </c>
      <c r="IH15" s="70">
        <v>36</v>
      </c>
      <c r="II15" s="71">
        <v>46</v>
      </c>
      <c r="IJ15" s="68">
        <v>22</v>
      </c>
      <c r="IK15" s="69">
        <v>14</v>
      </c>
      <c r="IL15" s="70">
        <v>36</v>
      </c>
      <c r="IM15" s="159"/>
      <c r="IN15" s="69">
        <v>29</v>
      </c>
      <c r="IO15" s="69">
        <v>21</v>
      </c>
      <c r="IP15" s="69">
        <v>8</v>
      </c>
      <c r="IQ15" s="69">
        <v>9</v>
      </c>
      <c r="IR15" s="69">
        <v>7</v>
      </c>
      <c r="IS15" s="70">
        <v>74</v>
      </c>
      <c r="IT15" s="71">
        <v>110</v>
      </c>
      <c r="IU15" s="68">
        <v>35</v>
      </c>
      <c r="IV15" s="69">
        <v>25</v>
      </c>
      <c r="IW15" s="70">
        <v>60</v>
      </c>
      <c r="IX15" s="159"/>
      <c r="IY15" s="69">
        <v>59</v>
      </c>
      <c r="IZ15" s="69">
        <v>31</v>
      </c>
      <c r="JA15" s="69">
        <v>17</v>
      </c>
      <c r="JB15" s="69">
        <v>19</v>
      </c>
      <c r="JC15" s="69">
        <v>8</v>
      </c>
      <c r="JD15" s="70">
        <v>134</v>
      </c>
      <c r="JE15" s="71">
        <v>194</v>
      </c>
      <c r="JF15" s="68">
        <v>22</v>
      </c>
      <c r="JG15" s="69">
        <v>15</v>
      </c>
      <c r="JH15" s="70">
        <v>37</v>
      </c>
      <c r="JI15" s="159"/>
      <c r="JJ15" s="69">
        <v>64</v>
      </c>
      <c r="JK15" s="69">
        <v>39</v>
      </c>
      <c r="JL15" s="69">
        <v>37</v>
      </c>
      <c r="JM15" s="69">
        <v>35</v>
      </c>
      <c r="JN15" s="69">
        <v>10</v>
      </c>
      <c r="JO15" s="70">
        <v>185</v>
      </c>
      <c r="JP15" s="71">
        <v>222</v>
      </c>
      <c r="JQ15" s="68">
        <v>0</v>
      </c>
      <c r="JR15" s="69">
        <v>0</v>
      </c>
      <c r="JS15" s="70">
        <v>0</v>
      </c>
      <c r="JT15" s="159"/>
      <c r="JU15" s="69">
        <v>0</v>
      </c>
      <c r="JV15" s="69">
        <v>0</v>
      </c>
      <c r="JW15" s="69">
        <v>0</v>
      </c>
      <c r="JX15" s="69">
        <v>0</v>
      </c>
      <c r="JY15" s="69">
        <v>0</v>
      </c>
      <c r="JZ15" s="70">
        <v>0</v>
      </c>
      <c r="KA15" s="71">
        <v>0</v>
      </c>
      <c r="KB15" s="68">
        <v>92</v>
      </c>
      <c r="KC15" s="69">
        <v>65</v>
      </c>
      <c r="KD15" s="70">
        <v>157</v>
      </c>
      <c r="KE15" s="159"/>
      <c r="KF15" s="69">
        <v>178</v>
      </c>
      <c r="KG15" s="69">
        <v>103</v>
      </c>
      <c r="KH15" s="69">
        <v>76</v>
      </c>
      <c r="KI15" s="69">
        <v>70</v>
      </c>
      <c r="KJ15" s="69">
        <v>34</v>
      </c>
      <c r="KK15" s="70">
        <v>461</v>
      </c>
      <c r="KL15" s="71">
        <v>618</v>
      </c>
    </row>
    <row r="16" spans="1:298" ht="19.5" customHeight="1" x14ac:dyDescent="0.2">
      <c r="A16" s="111" t="s">
        <v>12</v>
      </c>
      <c r="B16" s="215">
        <v>150</v>
      </c>
      <c r="C16" s="80">
        <v>121</v>
      </c>
      <c r="D16" s="81">
        <v>271</v>
      </c>
      <c r="E16" s="159"/>
      <c r="F16" s="80">
        <v>180</v>
      </c>
      <c r="G16" s="80">
        <v>113</v>
      </c>
      <c r="H16" s="80">
        <v>93</v>
      </c>
      <c r="I16" s="80">
        <v>87</v>
      </c>
      <c r="J16" s="80">
        <v>41</v>
      </c>
      <c r="K16" s="82">
        <v>514</v>
      </c>
      <c r="L16" s="83">
        <v>785</v>
      </c>
      <c r="M16" s="84">
        <v>3</v>
      </c>
      <c r="N16" s="69">
        <v>2</v>
      </c>
      <c r="O16" s="70">
        <v>5</v>
      </c>
      <c r="P16" s="159"/>
      <c r="Q16" s="69">
        <v>2</v>
      </c>
      <c r="R16" s="69">
        <v>2</v>
      </c>
      <c r="S16" s="69">
        <v>1</v>
      </c>
      <c r="T16" s="69">
        <v>0</v>
      </c>
      <c r="U16" s="69">
        <v>1</v>
      </c>
      <c r="V16" s="70">
        <v>6</v>
      </c>
      <c r="W16" s="71">
        <v>11</v>
      </c>
      <c r="X16" s="68">
        <v>8</v>
      </c>
      <c r="Y16" s="69">
        <v>9</v>
      </c>
      <c r="Z16" s="70">
        <v>17</v>
      </c>
      <c r="AA16" s="159"/>
      <c r="AB16" s="69">
        <v>7</v>
      </c>
      <c r="AC16" s="69">
        <v>1</v>
      </c>
      <c r="AD16" s="69">
        <v>3</v>
      </c>
      <c r="AE16" s="69">
        <v>4</v>
      </c>
      <c r="AF16" s="69">
        <v>4</v>
      </c>
      <c r="AG16" s="70">
        <v>19</v>
      </c>
      <c r="AH16" s="71">
        <v>36</v>
      </c>
      <c r="AI16" s="84">
        <v>12</v>
      </c>
      <c r="AJ16" s="69">
        <v>6</v>
      </c>
      <c r="AK16" s="70">
        <v>18</v>
      </c>
      <c r="AL16" s="159"/>
      <c r="AM16" s="69">
        <v>11</v>
      </c>
      <c r="AN16" s="69">
        <v>7</v>
      </c>
      <c r="AO16" s="69">
        <v>10</v>
      </c>
      <c r="AP16" s="69">
        <v>11</v>
      </c>
      <c r="AQ16" s="69">
        <v>4</v>
      </c>
      <c r="AR16" s="70">
        <v>43</v>
      </c>
      <c r="AS16" s="71">
        <v>61</v>
      </c>
      <c r="AT16" s="68">
        <v>26</v>
      </c>
      <c r="AU16" s="69">
        <v>24</v>
      </c>
      <c r="AV16" s="70">
        <v>50</v>
      </c>
      <c r="AW16" s="159"/>
      <c r="AX16" s="69">
        <v>42</v>
      </c>
      <c r="AY16" s="69">
        <v>22</v>
      </c>
      <c r="AZ16" s="69">
        <v>17</v>
      </c>
      <c r="BA16" s="69">
        <v>11</v>
      </c>
      <c r="BB16" s="69">
        <v>9</v>
      </c>
      <c r="BC16" s="70">
        <v>101</v>
      </c>
      <c r="BD16" s="71">
        <v>151</v>
      </c>
      <c r="BE16" s="84">
        <v>50</v>
      </c>
      <c r="BF16" s="69">
        <v>38</v>
      </c>
      <c r="BG16" s="70">
        <v>88</v>
      </c>
      <c r="BH16" s="159"/>
      <c r="BI16" s="69">
        <v>69</v>
      </c>
      <c r="BJ16" s="69">
        <v>34</v>
      </c>
      <c r="BK16" s="69">
        <v>29</v>
      </c>
      <c r="BL16" s="69">
        <v>27</v>
      </c>
      <c r="BM16" s="69">
        <v>10</v>
      </c>
      <c r="BN16" s="70">
        <v>169</v>
      </c>
      <c r="BO16" s="71">
        <v>257</v>
      </c>
      <c r="BP16" s="68">
        <v>51</v>
      </c>
      <c r="BQ16" s="69">
        <v>42</v>
      </c>
      <c r="BR16" s="70">
        <v>93</v>
      </c>
      <c r="BS16" s="159"/>
      <c r="BT16" s="69">
        <v>49</v>
      </c>
      <c r="BU16" s="69">
        <v>47</v>
      </c>
      <c r="BV16" s="69">
        <v>33</v>
      </c>
      <c r="BW16" s="69">
        <v>34</v>
      </c>
      <c r="BX16" s="69">
        <v>13</v>
      </c>
      <c r="BY16" s="70">
        <v>176</v>
      </c>
      <c r="BZ16" s="71">
        <v>269</v>
      </c>
      <c r="CA16" s="68">
        <v>0</v>
      </c>
      <c r="CB16" s="69">
        <v>0</v>
      </c>
      <c r="CC16" s="70">
        <v>0</v>
      </c>
      <c r="CD16" s="159"/>
      <c r="CE16" s="69">
        <v>0</v>
      </c>
      <c r="CF16" s="69">
        <v>0</v>
      </c>
      <c r="CG16" s="69">
        <v>0</v>
      </c>
      <c r="CH16" s="69">
        <v>0</v>
      </c>
      <c r="CI16" s="69">
        <v>0</v>
      </c>
      <c r="CJ16" s="70">
        <v>0</v>
      </c>
      <c r="CK16" s="71">
        <v>0</v>
      </c>
      <c r="CL16" s="68">
        <v>150</v>
      </c>
      <c r="CM16" s="69">
        <v>121</v>
      </c>
      <c r="CN16" s="70">
        <v>271</v>
      </c>
      <c r="CO16" s="159"/>
      <c r="CP16" s="69">
        <v>180</v>
      </c>
      <c r="CQ16" s="69">
        <v>113</v>
      </c>
      <c r="CR16" s="69">
        <v>93</v>
      </c>
      <c r="CS16" s="69">
        <v>87</v>
      </c>
      <c r="CT16" s="69">
        <v>41</v>
      </c>
      <c r="CU16" s="70">
        <v>514</v>
      </c>
      <c r="CV16" s="71">
        <v>785</v>
      </c>
      <c r="CW16" s="108">
        <v>17</v>
      </c>
      <c r="CX16" s="80">
        <v>26</v>
      </c>
      <c r="CY16" s="81">
        <v>43</v>
      </c>
      <c r="CZ16" s="159"/>
      <c r="DA16" s="80">
        <v>16</v>
      </c>
      <c r="DB16" s="80">
        <v>15</v>
      </c>
      <c r="DC16" s="80">
        <v>9</v>
      </c>
      <c r="DD16" s="80">
        <v>14</v>
      </c>
      <c r="DE16" s="80">
        <v>6</v>
      </c>
      <c r="DF16" s="82">
        <v>60</v>
      </c>
      <c r="DG16" s="83">
        <v>103</v>
      </c>
      <c r="DH16" s="84">
        <v>0</v>
      </c>
      <c r="DI16" s="69">
        <v>1</v>
      </c>
      <c r="DJ16" s="70">
        <v>1</v>
      </c>
      <c r="DK16" s="159"/>
      <c r="DL16" s="69">
        <v>0</v>
      </c>
      <c r="DM16" s="69">
        <v>0</v>
      </c>
      <c r="DN16" s="69">
        <v>1</v>
      </c>
      <c r="DO16" s="69">
        <v>0</v>
      </c>
      <c r="DP16" s="69">
        <v>0</v>
      </c>
      <c r="DQ16" s="70">
        <v>1</v>
      </c>
      <c r="DR16" s="71">
        <v>2</v>
      </c>
      <c r="DS16" s="68">
        <v>1</v>
      </c>
      <c r="DT16" s="69">
        <v>1</v>
      </c>
      <c r="DU16" s="70">
        <v>2</v>
      </c>
      <c r="DV16" s="159"/>
      <c r="DW16" s="69">
        <v>2</v>
      </c>
      <c r="DX16" s="69">
        <v>0</v>
      </c>
      <c r="DY16" s="69">
        <v>0</v>
      </c>
      <c r="DZ16" s="69">
        <v>1</v>
      </c>
      <c r="EA16" s="69">
        <v>1</v>
      </c>
      <c r="EB16" s="70">
        <v>4</v>
      </c>
      <c r="EC16" s="71">
        <v>6</v>
      </c>
      <c r="ED16" s="84">
        <v>1</v>
      </c>
      <c r="EE16" s="69">
        <v>1</v>
      </c>
      <c r="EF16" s="70">
        <v>2</v>
      </c>
      <c r="EG16" s="159"/>
      <c r="EH16" s="69">
        <v>1</v>
      </c>
      <c r="EI16" s="69">
        <v>2</v>
      </c>
      <c r="EJ16" s="69">
        <v>1</v>
      </c>
      <c r="EK16" s="69">
        <v>1</v>
      </c>
      <c r="EL16" s="69">
        <v>1</v>
      </c>
      <c r="EM16" s="70">
        <v>6</v>
      </c>
      <c r="EN16" s="71">
        <v>8</v>
      </c>
      <c r="EO16" s="68">
        <v>5</v>
      </c>
      <c r="EP16" s="69">
        <v>7</v>
      </c>
      <c r="EQ16" s="70">
        <v>12</v>
      </c>
      <c r="ER16" s="159"/>
      <c r="ES16" s="69">
        <v>0</v>
      </c>
      <c r="ET16" s="69">
        <v>2</v>
      </c>
      <c r="EU16" s="69">
        <v>1</v>
      </c>
      <c r="EV16" s="69">
        <v>3</v>
      </c>
      <c r="EW16" s="69">
        <v>0</v>
      </c>
      <c r="EX16" s="70">
        <v>6</v>
      </c>
      <c r="EY16" s="71">
        <v>18</v>
      </c>
      <c r="EZ16" s="84">
        <v>4</v>
      </c>
      <c r="FA16" s="69">
        <v>10</v>
      </c>
      <c r="FB16" s="70">
        <v>14</v>
      </c>
      <c r="FC16" s="159"/>
      <c r="FD16" s="69">
        <v>6</v>
      </c>
      <c r="FE16" s="69">
        <v>3</v>
      </c>
      <c r="FF16" s="69">
        <v>2</v>
      </c>
      <c r="FG16" s="69">
        <v>0</v>
      </c>
      <c r="FH16" s="69">
        <v>1</v>
      </c>
      <c r="FI16" s="70">
        <v>12</v>
      </c>
      <c r="FJ16" s="71">
        <v>26</v>
      </c>
      <c r="FK16" s="68">
        <v>6</v>
      </c>
      <c r="FL16" s="69">
        <v>6</v>
      </c>
      <c r="FM16" s="70">
        <v>12</v>
      </c>
      <c r="FN16" s="159"/>
      <c r="FO16" s="69">
        <v>7</v>
      </c>
      <c r="FP16" s="69">
        <v>8</v>
      </c>
      <c r="FQ16" s="69">
        <v>4</v>
      </c>
      <c r="FR16" s="69">
        <v>9</v>
      </c>
      <c r="FS16" s="69">
        <v>3</v>
      </c>
      <c r="FT16" s="70">
        <v>31</v>
      </c>
      <c r="FU16" s="71">
        <v>43</v>
      </c>
      <c r="FV16" s="68">
        <v>0</v>
      </c>
      <c r="FW16" s="69">
        <v>0</v>
      </c>
      <c r="FX16" s="70">
        <v>0</v>
      </c>
      <c r="FY16" s="159"/>
      <c r="FZ16" s="69">
        <v>0</v>
      </c>
      <c r="GA16" s="69">
        <v>0</v>
      </c>
      <c r="GB16" s="69">
        <v>0</v>
      </c>
      <c r="GC16" s="69">
        <v>0</v>
      </c>
      <c r="GD16" s="69">
        <v>0</v>
      </c>
      <c r="GE16" s="70">
        <v>0</v>
      </c>
      <c r="GF16" s="71">
        <v>0</v>
      </c>
      <c r="GG16" s="68">
        <v>17</v>
      </c>
      <c r="GH16" s="69">
        <v>26</v>
      </c>
      <c r="GI16" s="70">
        <v>43</v>
      </c>
      <c r="GJ16" s="159"/>
      <c r="GK16" s="69">
        <v>16</v>
      </c>
      <c r="GL16" s="69">
        <v>15</v>
      </c>
      <c r="GM16" s="69">
        <v>9</v>
      </c>
      <c r="GN16" s="69">
        <v>14</v>
      </c>
      <c r="GO16" s="69">
        <v>6</v>
      </c>
      <c r="GP16" s="70">
        <v>60</v>
      </c>
      <c r="GQ16" s="71">
        <v>103</v>
      </c>
      <c r="GR16" s="108">
        <v>167</v>
      </c>
      <c r="GS16" s="80">
        <v>147</v>
      </c>
      <c r="GT16" s="81">
        <v>314</v>
      </c>
      <c r="GU16" s="159"/>
      <c r="GV16" s="80">
        <v>196</v>
      </c>
      <c r="GW16" s="80">
        <v>128</v>
      </c>
      <c r="GX16" s="80">
        <v>102</v>
      </c>
      <c r="GY16" s="80">
        <v>101</v>
      </c>
      <c r="GZ16" s="80">
        <v>47</v>
      </c>
      <c r="HA16" s="82">
        <v>574</v>
      </c>
      <c r="HB16" s="83">
        <v>888</v>
      </c>
      <c r="HC16" s="84">
        <v>3</v>
      </c>
      <c r="HD16" s="69">
        <v>3</v>
      </c>
      <c r="HE16" s="70">
        <v>6</v>
      </c>
      <c r="HF16" s="159"/>
      <c r="HG16" s="69">
        <v>2</v>
      </c>
      <c r="HH16" s="69">
        <v>2</v>
      </c>
      <c r="HI16" s="69">
        <v>2</v>
      </c>
      <c r="HJ16" s="69">
        <v>0</v>
      </c>
      <c r="HK16" s="69">
        <v>1</v>
      </c>
      <c r="HL16" s="70">
        <v>7</v>
      </c>
      <c r="HM16" s="71">
        <v>13</v>
      </c>
      <c r="HN16" s="68">
        <v>9</v>
      </c>
      <c r="HO16" s="69">
        <v>10</v>
      </c>
      <c r="HP16" s="70">
        <v>19</v>
      </c>
      <c r="HQ16" s="159"/>
      <c r="HR16" s="69">
        <v>9</v>
      </c>
      <c r="HS16" s="69">
        <v>1</v>
      </c>
      <c r="HT16" s="69">
        <v>3</v>
      </c>
      <c r="HU16" s="69">
        <v>5</v>
      </c>
      <c r="HV16" s="69">
        <v>5</v>
      </c>
      <c r="HW16" s="70">
        <v>23</v>
      </c>
      <c r="HX16" s="71">
        <v>42</v>
      </c>
      <c r="HY16" s="84">
        <v>13</v>
      </c>
      <c r="HZ16" s="69">
        <v>7</v>
      </c>
      <c r="IA16" s="70">
        <v>20</v>
      </c>
      <c r="IB16" s="159"/>
      <c r="IC16" s="69">
        <v>12</v>
      </c>
      <c r="ID16" s="69">
        <v>9</v>
      </c>
      <c r="IE16" s="69">
        <v>11</v>
      </c>
      <c r="IF16" s="69">
        <v>12</v>
      </c>
      <c r="IG16" s="69">
        <v>5</v>
      </c>
      <c r="IH16" s="70">
        <v>49</v>
      </c>
      <c r="II16" s="71">
        <v>69</v>
      </c>
      <c r="IJ16" s="68">
        <v>31</v>
      </c>
      <c r="IK16" s="69">
        <v>31</v>
      </c>
      <c r="IL16" s="70">
        <v>62</v>
      </c>
      <c r="IM16" s="159"/>
      <c r="IN16" s="69">
        <v>42</v>
      </c>
      <c r="IO16" s="69">
        <v>24</v>
      </c>
      <c r="IP16" s="69">
        <v>18</v>
      </c>
      <c r="IQ16" s="69">
        <v>14</v>
      </c>
      <c r="IR16" s="69">
        <v>9</v>
      </c>
      <c r="IS16" s="70">
        <v>107</v>
      </c>
      <c r="IT16" s="71">
        <v>169</v>
      </c>
      <c r="IU16" s="84">
        <v>54</v>
      </c>
      <c r="IV16" s="69">
        <v>48</v>
      </c>
      <c r="IW16" s="70">
        <v>102</v>
      </c>
      <c r="IX16" s="159"/>
      <c r="IY16" s="69">
        <v>75</v>
      </c>
      <c r="IZ16" s="69">
        <v>37</v>
      </c>
      <c r="JA16" s="69">
        <v>31</v>
      </c>
      <c r="JB16" s="69">
        <v>27</v>
      </c>
      <c r="JC16" s="69">
        <v>11</v>
      </c>
      <c r="JD16" s="70">
        <v>181</v>
      </c>
      <c r="JE16" s="71">
        <v>283</v>
      </c>
      <c r="JF16" s="68">
        <v>57</v>
      </c>
      <c r="JG16" s="69">
        <v>48</v>
      </c>
      <c r="JH16" s="70">
        <v>105</v>
      </c>
      <c r="JI16" s="159"/>
      <c r="JJ16" s="69">
        <v>56</v>
      </c>
      <c r="JK16" s="69">
        <v>55</v>
      </c>
      <c r="JL16" s="69">
        <v>37</v>
      </c>
      <c r="JM16" s="69">
        <v>43</v>
      </c>
      <c r="JN16" s="69">
        <v>16</v>
      </c>
      <c r="JO16" s="70">
        <v>207</v>
      </c>
      <c r="JP16" s="71">
        <v>312</v>
      </c>
      <c r="JQ16" s="68">
        <v>0</v>
      </c>
      <c r="JR16" s="69">
        <v>0</v>
      </c>
      <c r="JS16" s="70">
        <v>0</v>
      </c>
      <c r="JT16" s="159"/>
      <c r="JU16" s="69">
        <v>0</v>
      </c>
      <c r="JV16" s="69">
        <v>0</v>
      </c>
      <c r="JW16" s="69">
        <v>0</v>
      </c>
      <c r="JX16" s="69">
        <v>0</v>
      </c>
      <c r="JY16" s="69">
        <v>0</v>
      </c>
      <c r="JZ16" s="70">
        <v>0</v>
      </c>
      <c r="KA16" s="71">
        <v>0</v>
      </c>
      <c r="KB16" s="68">
        <v>167</v>
      </c>
      <c r="KC16" s="69">
        <v>147</v>
      </c>
      <c r="KD16" s="70">
        <v>314</v>
      </c>
      <c r="KE16" s="159"/>
      <c r="KF16" s="69">
        <v>196</v>
      </c>
      <c r="KG16" s="69">
        <v>128</v>
      </c>
      <c r="KH16" s="69">
        <v>102</v>
      </c>
      <c r="KI16" s="69">
        <v>101</v>
      </c>
      <c r="KJ16" s="69">
        <v>47</v>
      </c>
      <c r="KK16" s="70">
        <v>574</v>
      </c>
      <c r="KL16" s="71">
        <v>888</v>
      </c>
    </row>
    <row r="17" spans="1:298" ht="19.5" customHeight="1" x14ac:dyDescent="0.2">
      <c r="A17" s="111" t="s">
        <v>13</v>
      </c>
      <c r="B17" s="215">
        <v>28</v>
      </c>
      <c r="C17" s="80">
        <v>50</v>
      </c>
      <c r="D17" s="81">
        <v>78</v>
      </c>
      <c r="E17" s="159"/>
      <c r="F17" s="80">
        <v>81</v>
      </c>
      <c r="G17" s="80">
        <v>65</v>
      </c>
      <c r="H17" s="80">
        <v>42</v>
      </c>
      <c r="I17" s="80">
        <v>40</v>
      </c>
      <c r="J17" s="80">
        <v>24</v>
      </c>
      <c r="K17" s="82">
        <v>252</v>
      </c>
      <c r="L17" s="83">
        <v>330</v>
      </c>
      <c r="M17" s="68">
        <v>0</v>
      </c>
      <c r="N17" s="69">
        <v>0</v>
      </c>
      <c r="O17" s="70">
        <v>0</v>
      </c>
      <c r="P17" s="159"/>
      <c r="Q17" s="69">
        <v>0</v>
      </c>
      <c r="R17" s="69">
        <v>0</v>
      </c>
      <c r="S17" s="69">
        <v>0</v>
      </c>
      <c r="T17" s="69">
        <v>0</v>
      </c>
      <c r="U17" s="69">
        <v>0</v>
      </c>
      <c r="V17" s="70">
        <v>0</v>
      </c>
      <c r="W17" s="71">
        <v>0</v>
      </c>
      <c r="X17" s="68">
        <v>0</v>
      </c>
      <c r="Y17" s="69">
        <v>2</v>
      </c>
      <c r="Z17" s="70">
        <v>2</v>
      </c>
      <c r="AA17" s="159"/>
      <c r="AB17" s="69">
        <v>1</v>
      </c>
      <c r="AC17" s="69">
        <v>2</v>
      </c>
      <c r="AD17" s="69">
        <v>0</v>
      </c>
      <c r="AE17" s="69">
        <v>1</v>
      </c>
      <c r="AF17" s="69">
        <v>1</v>
      </c>
      <c r="AG17" s="70">
        <v>5</v>
      </c>
      <c r="AH17" s="71">
        <v>7</v>
      </c>
      <c r="AI17" s="68">
        <v>2</v>
      </c>
      <c r="AJ17" s="69">
        <v>2</v>
      </c>
      <c r="AK17" s="70">
        <v>4</v>
      </c>
      <c r="AL17" s="159"/>
      <c r="AM17" s="69">
        <v>3</v>
      </c>
      <c r="AN17" s="69">
        <v>2</v>
      </c>
      <c r="AO17" s="69">
        <v>3</v>
      </c>
      <c r="AP17" s="69">
        <v>4</v>
      </c>
      <c r="AQ17" s="69">
        <v>1</v>
      </c>
      <c r="AR17" s="70">
        <v>13</v>
      </c>
      <c r="AS17" s="71">
        <v>17</v>
      </c>
      <c r="AT17" s="68">
        <v>3</v>
      </c>
      <c r="AU17" s="69">
        <v>17</v>
      </c>
      <c r="AV17" s="70">
        <v>20</v>
      </c>
      <c r="AW17" s="159"/>
      <c r="AX17" s="69">
        <v>15</v>
      </c>
      <c r="AY17" s="69">
        <v>9</v>
      </c>
      <c r="AZ17" s="69">
        <v>5</v>
      </c>
      <c r="BA17" s="69">
        <v>5</v>
      </c>
      <c r="BB17" s="69">
        <v>4</v>
      </c>
      <c r="BC17" s="70">
        <v>38</v>
      </c>
      <c r="BD17" s="71">
        <v>58</v>
      </c>
      <c r="BE17" s="68">
        <v>13</v>
      </c>
      <c r="BF17" s="69">
        <v>16</v>
      </c>
      <c r="BG17" s="70">
        <v>29</v>
      </c>
      <c r="BH17" s="159"/>
      <c r="BI17" s="69">
        <v>32</v>
      </c>
      <c r="BJ17" s="69">
        <v>27</v>
      </c>
      <c r="BK17" s="69">
        <v>17</v>
      </c>
      <c r="BL17" s="69">
        <v>13</v>
      </c>
      <c r="BM17" s="69">
        <v>7</v>
      </c>
      <c r="BN17" s="70">
        <v>96</v>
      </c>
      <c r="BO17" s="71">
        <v>125</v>
      </c>
      <c r="BP17" s="68">
        <v>10</v>
      </c>
      <c r="BQ17" s="69">
        <v>13</v>
      </c>
      <c r="BR17" s="70">
        <v>23</v>
      </c>
      <c r="BS17" s="159"/>
      <c r="BT17" s="69">
        <v>30</v>
      </c>
      <c r="BU17" s="69">
        <v>25</v>
      </c>
      <c r="BV17" s="69">
        <v>17</v>
      </c>
      <c r="BW17" s="69">
        <v>17</v>
      </c>
      <c r="BX17" s="69">
        <v>11</v>
      </c>
      <c r="BY17" s="70">
        <v>100</v>
      </c>
      <c r="BZ17" s="71">
        <v>123</v>
      </c>
      <c r="CA17" s="68">
        <v>0</v>
      </c>
      <c r="CB17" s="69">
        <v>0</v>
      </c>
      <c r="CC17" s="70">
        <v>0</v>
      </c>
      <c r="CD17" s="159"/>
      <c r="CE17" s="69">
        <v>0</v>
      </c>
      <c r="CF17" s="69">
        <v>0</v>
      </c>
      <c r="CG17" s="69">
        <v>0</v>
      </c>
      <c r="CH17" s="69">
        <v>0</v>
      </c>
      <c r="CI17" s="69">
        <v>0</v>
      </c>
      <c r="CJ17" s="70">
        <v>0</v>
      </c>
      <c r="CK17" s="71">
        <v>0</v>
      </c>
      <c r="CL17" s="68">
        <v>28</v>
      </c>
      <c r="CM17" s="69">
        <v>50</v>
      </c>
      <c r="CN17" s="70">
        <v>78</v>
      </c>
      <c r="CO17" s="159"/>
      <c r="CP17" s="69">
        <v>81</v>
      </c>
      <c r="CQ17" s="69">
        <v>65</v>
      </c>
      <c r="CR17" s="69">
        <v>42</v>
      </c>
      <c r="CS17" s="69">
        <v>40</v>
      </c>
      <c r="CT17" s="69">
        <v>24</v>
      </c>
      <c r="CU17" s="70">
        <v>252</v>
      </c>
      <c r="CV17" s="71">
        <v>330</v>
      </c>
      <c r="CW17" s="108">
        <v>5</v>
      </c>
      <c r="CX17" s="80">
        <v>2</v>
      </c>
      <c r="CY17" s="81">
        <v>7</v>
      </c>
      <c r="CZ17" s="159"/>
      <c r="DA17" s="80">
        <v>10</v>
      </c>
      <c r="DB17" s="80">
        <v>10</v>
      </c>
      <c r="DC17" s="80">
        <v>5</v>
      </c>
      <c r="DD17" s="80">
        <v>9</v>
      </c>
      <c r="DE17" s="80">
        <v>5</v>
      </c>
      <c r="DF17" s="82">
        <v>39</v>
      </c>
      <c r="DG17" s="83">
        <v>46</v>
      </c>
      <c r="DH17" s="68">
        <v>0</v>
      </c>
      <c r="DI17" s="69">
        <v>0</v>
      </c>
      <c r="DJ17" s="70">
        <v>0</v>
      </c>
      <c r="DK17" s="159"/>
      <c r="DL17" s="69">
        <v>0</v>
      </c>
      <c r="DM17" s="69">
        <v>0</v>
      </c>
      <c r="DN17" s="69">
        <v>0</v>
      </c>
      <c r="DO17" s="69">
        <v>0</v>
      </c>
      <c r="DP17" s="69">
        <v>0</v>
      </c>
      <c r="DQ17" s="70">
        <v>0</v>
      </c>
      <c r="DR17" s="71">
        <v>0</v>
      </c>
      <c r="DS17" s="68">
        <v>0</v>
      </c>
      <c r="DT17" s="69">
        <v>0</v>
      </c>
      <c r="DU17" s="70">
        <v>0</v>
      </c>
      <c r="DV17" s="159"/>
      <c r="DW17" s="69">
        <v>0</v>
      </c>
      <c r="DX17" s="69">
        <v>0</v>
      </c>
      <c r="DY17" s="69">
        <v>0</v>
      </c>
      <c r="DZ17" s="69">
        <v>0</v>
      </c>
      <c r="EA17" s="69">
        <v>0</v>
      </c>
      <c r="EB17" s="70">
        <v>0</v>
      </c>
      <c r="EC17" s="71">
        <v>0</v>
      </c>
      <c r="ED17" s="68">
        <v>0</v>
      </c>
      <c r="EE17" s="69">
        <v>0</v>
      </c>
      <c r="EF17" s="70">
        <v>0</v>
      </c>
      <c r="EG17" s="159"/>
      <c r="EH17" s="69">
        <v>0</v>
      </c>
      <c r="EI17" s="69">
        <v>1</v>
      </c>
      <c r="EJ17" s="69">
        <v>0</v>
      </c>
      <c r="EK17" s="69">
        <v>0</v>
      </c>
      <c r="EL17" s="69">
        <v>1</v>
      </c>
      <c r="EM17" s="70">
        <v>2</v>
      </c>
      <c r="EN17" s="71">
        <v>2</v>
      </c>
      <c r="EO17" s="68">
        <v>2</v>
      </c>
      <c r="EP17" s="69">
        <v>0</v>
      </c>
      <c r="EQ17" s="70">
        <v>2</v>
      </c>
      <c r="ER17" s="159"/>
      <c r="ES17" s="69">
        <v>3</v>
      </c>
      <c r="ET17" s="69">
        <v>0</v>
      </c>
      <c r="EU17" s="69">
        <v>2</v>
      </c>
      <c r="EV17" s="69">
        <v>1</v>
      </c>
      <c r="EW17" s="69">
        <v>0</v>
      </c>
      <c r="EX17" s="70">
        <v>6</v>
      </c>
      <c r="EY17" s="71">
        <v>8</v>
      </c>
      <c r="EZ17" s="68">
        <v>3</v>
      </c>
      <c r="FA17" s="69">
        <v>0</v>
      </c>
      <c r="FB17" s="70">
        <v>3</v>
      </c>
      <c r="FC17" s="159"/>
      <c r="FD17" s="69">
        <v>5</v>
      </c>
      <c r="FE17" s="69">
        <v>4</v>
      </c>
      <c r="FF17" s="69">
        <v>0</v>
      </c>
      <c r="FG17" s="69">
        <v>3</v>
      </c>
      <c r="FH17" s="69">
        <v>1</v>
      </c>
      <c r="FI17" s="70">
        <v>13</v>
      </c>
      <c r="FJ17" s="71">
        <v>16</v>
      </c>
      <c r="FK17" s="68">
        <v>0</v>
      </c>
      <c r="FL17" s="69">
        <v>2</v>
      </c>
      <c r="FM17" s="70">
        <v>2</v>
      </c>
      <c r="FN17" s="159"/>
      <c r="FO17" s="69">
        <v>2</v>
      </c>
      <c r="FP17" s="69">
        <v>5</v>
      </c>
      <c r="FQ17" s="69">
        <v>3</v>
      </c>
      <c r="FR17" s="69">
        <v>5</v>
      </c>
      <c r="FS17" s="69">
        <v>3</v>
      </c>
      <c r="FT17" s="70">
        <v>18</v>
      </c>
      <c r="FU17" s="71">
        <v>20</v>
      </c>
      <c r="FV17" s="68">
        <v>0</v>
      </c>
      <c r="FW17" s="69">
        <v>0</v>
      </c>
      <c r="FX17" s="70">
        <v>0</v>
      </c>
      <c r="FY17" s="159"/>
      <c r="FZ17" s="69">
        <v>0</v>
      </c>
      <c r="GA17" s="69">
        <v>0</v>
      </c>
      <c r="GB17" s="69">
        <v>0</v>
      </c>
      <c r="GC17" s="69">
        <v>0</v>
      </c>
      <c r="GD17" s="69">
        <v>0</v>
      </c>
      <c r="GE17" s="70">
        <v>0</v>
      </c>
      <c r="GF17" s="71">
        <v>0</v>
      </c>
      <c r="GG17" s="68">
        <v>5</v>
      </c>
      <c r="GH17" s="69">
        <v>2</v>
      </c>
      <c r="GI17" s="70">
        <v>7</v>
      </c>
      <c r="GJ17" s="159"/>
      <c r="GK17" s="69">
        <v>10</v>
      </c>
      <c r="GL17" s="69">
        <v>10</v>
      </c>
      <c r="GM17" s="69">
        <v>5</v>
      </c>
      <c r="GN17" s="69">
        <v>9</v>
      </c>
      <c r="GO17" s="69">
        <v>5</v>
      </c>
      <c r="GP17" s="70">
        <v>39</v>
      </c>
      <c r="GQ17" s="71">
        <v>46</v>
      </c>
      <c r="GR17" s="108">
        <v>33</v>
      </c>
      <c r="GS17" s="80">
        <v>52</v>
      </c>
      <c r="GT17" s="81">
        <v>85</v>
      </c>
      <c r="GU17" s="159"/>
      <c r="GV17" s="80">
        <v>91</v>
      </c>
      <c r="GW17" s="80">
        <v>75</v>
      </c>
      <c r="GX17" s="80">
        <v>47</v>
      </c>
      <c r="GY17" s="80">
        <v>49</v>
      </c>
      <c r="GZ17" s="80">
        <v>29</v>
      </c>
      <c r="HA17" s="82">
        <v>291</v>
      </c>
      <c r="HB17" s="83">
        <v>376</v>
      </c>
      <c r="HC17" s="68">
        <v>0</v>
      </c>
      <c r="HD17" s="69">
        <v>0</v>
      </c>
      <c r="HE17" s="70">
        <v>0</v>
      </c>
      <c r="HF17" s="159"/>
      <c r="HG17" s="69">
        <v>0</v>
      </c>
      <c r="HH17" s="69">
        <v>0</v>
      </c>
      <c r="HI17" s="69">
        <v>0</v>
      </c>
      <c r="HJ17" s="69">
        <v>0</v>
      </c>
      <c r="HK17" s="69">
        <v>0</v>
      </c>
      <c r="HL17" s="70">
        <v>0</v>
      </c>
      <c r="HM17" s="71">
        <v>0</v>
      </c>
      <c r="HN17" s="68">
        <v>0</v>
      </c>
      <c r="HO17" s="69">
        <v>2</v>
      </c>
      <c r="HP17" s="70">
        <v>2</v>
      </c>
      <c r="HQ17" s="159"/>
      <c r="HR17" s="69">
        <v>1</v>
      </c>
      <c r="HS17" s="69">
        <v>2</v>
      </c>
      <c r="HT17" s="69">
        <v>0</v>
      </c>
      <c r="HU17" s="69">
        <v>1</v>
      </c>
      <c r="HV17" s="69">
        <v>1</v>
      </c>
      <c r="HW17" s="70">
        <v>5</v>
      </c>
      <c r="HX17" s="71">
        <v>7</v>
      </c>
      <c r="HY17" s="68">
        <v>2</v>
      </c>
      <c r="HZ17" s="69">
        <v>2</v>
      </c>
      <c r="IA17" s="70">
        <v>4</v>
      </c>
      <c r="IB17" s="159"/>
      <c r="IC17" s="69">
        <v>3</v>
      </c>
      <c r="ID17" s="69">
        <v>3</v>
      </c>
      <c r="IE17" s="69">
        <v>3</v>
      </c>
      <c r="IF17" s="69">
        <v>4</v>
      </c>
      <c r="IG17" s="69">
        <v>2</v>
      </c>
      <c r="IH17" s="70">
        <v>15</v>
      </c>
      <c r="II17" s="71">
        <v>19</v>
      </c>
      <c r="IJ17" s="68">
        <v>5</v>
      </c>
      <c r="IK17" s="69">
        <v>17</v>
      </c>
      <c r="IL17" s="70">
        <v>22</v>
      </c>
      <c r="IM17" s="159"/>
      <c r="IN17" s="69">
        <v>18</v>
      </c>
      <c r="IO17" s="69">
        <v>9</v>
      </c>
      <c r="IP17" s="69">
        <v>7</v>
      </c>
      <c r="IQ17" s="69">
        <v>6</v>
      </c>
      <c r="IR17" s="69">
        <v>4</v>
      </c>
      <c r="IS17" s="70">
        <v>44</v>
      </c>
      <c r="IT17" s="71">
        <v>66</v>
      </c>
      <c r="IU17" s="68">
        <v>16</v>
      </c>
      <c r="IV17" s="69">
        <v>16</v>
      </c>
      <c r="IW17" s="70">
        <v>32</v>
      </c>
      <c r="IX17" s="159"/>
      <c r="IY17" s="69">
        <v>37</v>
      </c>
      <c r="IZ17" s="69">
        <v>31</v>
      </c>
      <c r="JA17" s="69">
        <v>17</v>
      </c>
      <c r="JB17" s="69">
        <v>16</v>
      </c>
      <c r="JC17" s="69">
        <v>8</v>
      </c>
      <c r="JD17" s="70">
        <v>109</v>
      </c>
      <c r="JE17" s="71">
        <v>141</v>
      </c>
      <c r="JF17" s="68">
        <v>10</v>
      </c>
      <c r="JG17" s="69">
        <v>15</v>
      </c>
      <c r="JH17" s="70">
        <v>25</v>
      </c>
      <c r="JI17" s="159"/>
      <c r="JJ17" s="69">
        <v>32</v>
      </c>
      <c r="JK17" s="69">
        <v>30</v>
      </c>
      <c r="JL17" s="69">
        <v>20</v>
      </c>
      <c r="JM17" s="69">
        <v>22</v>
      </c>
      <c r="JN17" s="69">
        <v>14</v>
      </c>
      <c r="JO17" s="70">
        <v>118</v>
      </c>
      <c r="JP17" s="71">
        <v>143</v>
      </c>
      <c r="JQ17" s="68">
        <v>0</v>
      </c>
      <c r="JR17" s="69">
        <v>0</v>
      </c>
      <c r="JS17" s="70">
        <v>0</v>
      </c>
      <c r="JT17" s="159"/>
      <c r="JU17" s="69">
        <v>0</v>
      </c>
      <c r="JV17" s="69">
        <v>0</v>
      </c>
      <c r="JW17" s="69">
        <v>0</v>
      </c>
      <c r="JX17" s="69">
        <v>0</v>
      </c>
      <c r="JY17" s="69">
        <v>0</v>
      </c>
      <c r="JZ17" s="70">
        <v>0</v>
      </c>
      <c r="KA17" s="71">
        <v>0</v>
      </c>
      <c r="KB17" s="68">
        <v>33</v>
      </c>
      <c r="KC17" s="69">
        <v>52</v>
      </c>
      <c r="KD17" s="70">
        <v>85</v>
      </c>
      <c r="KE17" s="159"/>
      <c r="KF17" s="69">
        <v>91</v>
      </c>
      <c r="KG17" s="69">
        <v>75</v>
      </c>
      <c r="KH17" s="69">
        <v>47</v>
      </c>
      <c r="KI17" s="69">
        <v>49</v>
      </c>
      <c r="KJ17" s="69">
        <v>29</v>
      </c>
      <c r="KK17" s="70">
        <v>291</v>
      </c>
      <c r="KL17" s="71">
        <v>376</v>
      </c>
    </row>
    <row r="18" spans="1:298" ht="19.5" customHeight="1" x14ac:dyDescent="0.2">
      <c r="A18" s="111" t="s">
        <v>15</v>
      </c>
      <c r="B18" s="215">
        <v>19</v>
      </c>
      <c r="C18" s="80">
        <v>17</v>
      </c>
      <c r="D18" s="81">
        <v>36</v>
      </c>
      <c r="E18" s="159"/>
      <c r="F18" s="80">
        <v>39</v>
      </c>
      <c r="G18" s="80">
        <v>28</v>
      </c>
      <c r="H18" s="80">
        <v>22</v>
      </c>
      <c r="I18" s="80">
        <v>17</v>
      </c>
      <c r="J18" s="80">
        <v>7</v>
      </c>
      <c r="K18" s="82">
        <v>113</v>
      </c>
      <c r="L18" s="83">
        <v>149</v>
      </c>
      <c r="M18" s="68">
        <v>0</v>
      </c>
      <c r="N18" s="69">
        <v>1</v>
      </c>
      <c r="O18" s="70">
        <v>1</v>
      </c>
      <c r="P18" s="159"/>
      <c r="Q18" s="69">
        <v>1</v>
      </c>
      <c r="R18" s="69">
        <v>0</v>
      </c>
      <c r="S18" s="69">
        <v>2</v>
      </c>
      <c r="T18" s="69">
        <v>0</v>
      </c>
      <c r="U18" s="69">
        <v>0</v>
      </c>
      <c r="V18" s="70">
        <v>3</v>
      </c>
      <c r="W18" s="71">
        <v>4</v>
      </c>
      <c r="X18" s="68">
        <v>2</v>
      </c>
      <c r="Y18" s="69">
        <v>1</v>
      </c>
      <c r="Z18" s="70">
        <v>3</v>
      </c>
      <c r="AA18" s="159"/>
      <c r="AB18" s="69">
        <v>5</v>
      </c>
      <c r="AC18" s="69">
        <v>3</v>
      </c>
      <c r="AD18" s="69">
        <v>2</v>
      </c>
      <c r="AE18" s="69">
        <v>1</v>
      </c>
      <c r="AF18" s="69">
        <v>2</v>
      </c>
      <c r="AG18" s="70">
        <v>13</v>
      </c>
      <c r="AH18" s="71">
        <v>16</v>
      </c>
      <c r="AI18" s="68">
        <v>3</v>
      </c>
      <c r="AJ18" s="69">
        <v>1</v>
      </c>
      <c r="AK18" s="70">
        <v>4</v>
      </c>
      <c r="AL18" s="159"/>
      <c r="AM18" s="69">
        <v>3</v>
      </c>
      <c r="AN18" s="69">
        <v>2</v>
      </c>
      <c r="AO18" s="69">
        <v>1</v>
      </c>
      <c r="AP18" s="69">
        <v>1</v>
      </c>
      <c r="AQ18" s="69">
        <v>3</v>
      </c>
      <c r="AR18" s="70">
        <v>10</v>
      </c>
      <c r="AS18" s="71">
        <v>14</v>
      </c>
      <c r="AT18" s="68">
        <v>5</v>
      </c>
      <c r="AU18" s="69">
        <v>2</v>
      </c>
      <c r="AV18" s="70">
        <v>7</v>
      </c>
      <c r="AW18" s="159"/>
      <c r="AX18" s="69">
        <v>10</v>
      </c>
      <c r="AY18" s="69">
        <v>5</v>
      </c>
      <c r="AZ18" s="69">
        <v>3</v>
      </c>
      <c r="BA18" s="69">
        <v>4</v>
      </c>
      <c r="BB18" s="69">
        <v>1</v>
      </c>
      <c r="BC18" s="70">
        <v>23</v>
      </c>
      <c r="BD18" s="71">
        <v>30</v>
      </c>
      <c r="BE18" s="68">
        <v>4</v>
      </c>
      <c r="BF18" s="69">
        <v>4</v>
      </c>
      <c r="BG18" s="70">
        <v>8</v>
      </c>
      <c r="BH18" s="159"/>
      <c r="BI18" s="69">
        <v>8</v>
      </c>
      <c r="BJ18" s="69">
        <v>6</v>
      </c>
      <c r="BK18" s="69">
        <v>3</v>
      </c>
      <c r="BL18" s="69">
        <v>4</v>
      </c>
      <c r="BM18" s="69">
        <v>1</v>
      </c>
      <c r="BN18" s="70">
        <v>22</v>
      </c>
      <c r="BO18" s="71">
        <v>30</v>
      </c>
      <c r="BP18" s="68">
        <v>5</v>
      </c>
      <c r="BQ18" s="69">
        <v>8</v>
      </c>
      <c r="BR18" s="70">
        <v>13</v>
      </c>
      <c r="BS18" s="159"/>
      <c r="BT18" s="69">
        <v>12</v>
      </c>
      <c r="BU18" s="69">
        <v>12</v>
      </c>
      <c r="BV18" s="69">
        <v>11</v>
      </c>
      <c r="BW18" s="69">
        <v>7</v>
      </c>
      <c r="BX18" s="69">
        <v>0</v>
      </c>
      <c r="BY18" s="70">
        <v>42</v>
      </c>
      <c r="BZ18" s="71">
        <v>55</v>
      </c>
      <c r="CA18" s="68">
        <v>0</v>
      </c>
      <c r="CB18" s="69">
        <v>0</v>
      </c>
      <c r="CC18" s="70">
        <v>0</v>
      </c>
      <c r="CD18" s="159"/>
      <c r="CE18" s="69">
        <v>0</v>
      </c>
      <c r="CF18" s="69">
        <v>0</v>
      </c>
      <c r="CG18" s="69">
        <v>0</v>
      </c>
      <c r="CH18" s="69">
        <v>0</v>
      </c>
      <c r="CI18" s="69">
        <v>0</v>
      </c>
      <c r="CJ18" s="70">
        <v>0</v>
      </c>
      <c r="CK18" s="71">
        <v>0</v>
      </c>
      <c r="CL18" s="68">
        <v>19</v>
      </c>
      <c r="CM18" s="69">
        <v>17</v>
      </c>
      <c r="CN18" s="70">
        <v>36</v>
      </c>
      <c r="CO18" s="159"/>
      <c r="CP18" s="69">
        <v>39</v>
      </c>
      <c r="CQ18" s="69">
        <v>28</v>
      </c>
      <c r="CR18" s="69">
        <v>22</v>
      </c>
      <c r="CS18" s="69">
        <v>17</v>
      </c>
      <c r="CT18" s="69">
        <v>7</v>
      </c>
      <c r="CU18" s="70">
        <v>113</v>
      </c>
      <c r="CV18" s="71">
        <v>149</v>
      </c>
      <c r="CW18" s="108">
        <v>2</v>
      </c>
      <c r="CX18" s="80">
        <v>1</v>
      </c>
      <c r="CY18" s="81">
        <v>3</v>
      </c>
      <c r="CZ18" s="159"/>
      <c r="DA18" s="80">
        <v>2</v>
      </c>
      <c r="DB18" s="80">
        <v>9</v>
      </c>
      <c r="DC18" s="80">
        <v>1</v>
      </c>
      <c r="DD18" s="80">
        <v>4</v>
      </c>
      <c r="DE18" s="80">
        <v>1</v>
      </c>
      <c r="DF18" s="82">
        <v>17</v>
      </c>
      <c r="DG18" s="83">
        <v>20</v>
      </c>
      <c r="DH18" s="68">
        <v>0</v>
      </c>
      <c r="DI18" s="69">
        <v>0</v>
      </c>
      <c r="DJ18" s="70">
        <v>0</v>
      </c>
      <c r="DK18" s="159"/>
      <c r="DL18" s="69">
        <v>0</v>
      </c>
      <c r="DM18" s="69">
        <v>0</v>
      </c>
      <c r="DN18" s="69">
        <v>0</v>
      </c>
      <c r="DO18" s="69">
        <v>0</v>
      </c>
      <c r="DP18" s="69">
        <v>0</v>
      </c>
      <c r="DQ18" s="70">
        <v>0</v>
      </c>
      <c r="DR18" s="71">
        <v>0</v>
      </c>
      <c r="DS18" s="68">
        <v>0</v>
      </c>
      <c r="DT18" s="69">
        <v>0</v>
      </c>
      <c r="DU18" s="70">
        <v>0</v>
      </c>
      <c r="DV18" s="159"/>
      <c r="DW18" s="69">
        <v>1</v>
      </c>
      <c r="DX18" s="69">
        <v>0</v>
      </c>
      <c r="DY18" s="69">
        <v>0</v>
      </c>
      <c r="DZ18" s="69">
        <v>0</v>
      </c>
      <c r="EA18" s="69">
        <v>0</v>
      </c>
      <c r="EB18" s="70">
        <v>1</v>
      </c>
      <c r="EC18" s="71">
        <v>1</v>
      </c>
      <c r="ED18" s="68">
        <v>0</v>
      </c>
      <c r="EE18" s="69">
        <v>0</v>
      </c>
      <c r="EF18" s="70">
        <v>0</v>
      </c>
      <c r="EG18" s="159"/>
      <c r="EH18" s="69">
        <v>0</v>
      </c>
      <c r="EI18" s="69">
        <v>0</v>
      </c>
      <c r="EJ18" s="69">
        <v>0</v>
      </c>
      <c r="EK18" s="69">
        <v>0</v>
      </c>
      <c r="EL18" s="69">
        <v>0</v>
      </c>
      <c r="EM18" s="70">
        <v>0</v>
      </c>
      <c r="EN18" s="71">
        <v>0</v>
      </c>
      <c r="EO18" s="68">
        <v>0</v>
      </c>
      <c r="EP18" s="69">
        <v>0</v>
      </c>
      <c r="EQ18" s="70">
        <v>0</v>
      </c>
      <c r="ER18" s="159"/>
      <c r="ES18" s="69">
        <v>0</v>
      </c>
      <c r="ET18" s="69">
        <v>1</v>
      </c>
      <c r="EU18" s="69">
        <v>0</v>
      </c>
      <c r="EV18" s="69">
        <v>0</v>
      </c>
      <c r="EW18" s="69">
        <v>0</v>
      </c>
      <c r="EX18" s="70">
        <v>1</v>
      </c>
      <c r="EY18" s="71">
        <v>1</v>
      </c>
      <c r="EZ18" s="68">
        <v>0</v>
      </c>
      <c r="FA18" s="69">
        <v>0</v>
      </c>
      <c r="FB18" s="70">
        <v>0</v>
      </c>
      <c r="FC18" s="159"/>
      <c r="FD18" s="69">
        <v>0</v>
      </c>
      <c r="FE18" s="69">
        <v>2</v>
      </c>
      <c r="FF18" s="69">
        <v>1</v>
      </c>
      <c r="FG18" s="69">
        <v>2</v>
      </c>
      <c r="FH18" s="69">
        <v>0</v>
      </c>
      <c r="FI18" s="70">
        <v>5</v>
      </c>
      <c r="FJ18" s="71">
        <v>5</v>
      </c>
      <c r="FK18" s="68">
        <v>2</v>
      </c>
      <c r="FL18" s="69">
        <v>1</v>
      </c>
      <c r="FM18" s="70">
        <v>3</v>
      </c>
      <c r="FN18" s="159"/>
      <c r="FO18" s="69">
        <v>1</v>
      </c>
      <c r="FP18" s="69">
        <v>6</v>
      </c>
      <c r="FQ18" s="69">
        <v>0</v>
      </c>
      <c r="FR18" s="69">
        <v>2</v>
      </c>
      <c r="FS18" s="69">
        <v>1</v>
      </c>
      <c r="FT18" s="70">
        <v>10</v>
      </c>
      <c r="FU18" s="71">
        <v>13</v>
      </c>
      <c r="FV18" s="68">
        <v>0</v>
      </c>
      <c r="FW18" s="69">
        <v>0</v>
      </c>
      <c r="FX18" s="70">
        <v>0</v>
      </c>
      <c r="FY18" s="159"/>
      <c r="FZ18" s="69">
        <v>0</v>
      </c>
      <c r="GA18" s="69">
        <v>0</v>
      </c>
      <c r="GB18" s="69">
        <v>0</v>
      </c>
      <c r="GC18" s="69">
        <v>0</v>
      </c>
      <c r="GD18" s="69">
        <v>0</v>
      </c>
      <c r="GE18" s="70">
        <v>0</v>
      </c>
      <c r="GF18" s="71">
        <v>0</v>
      </c>
      <c r="GG18" s="68">
        <v>2</v>
      </c>
      <c r="GH18" s="69">
        <v>1</v>
      </c>
      <c r="GI18" s="70">
        <v>3</v>
      </c>
      <c r="GJ18" s="159"/>
      <c r="GK18" s="69">
        <v>2</v>
      </c>
      <c r="GL18" s="69">
        <v>9</v>
      </c>
      <c r="GM18" s="69">
        <v>1</v>
      </c>
      <c r="GN18" s="69">
        <v>4</v>
      </c>
      <c r="GO18" s="69">
        <v>1</v>
      </c>
      <c r="GP18" s="70">
        <v>17</v>
      </c>
      <c r="GQ18" s="71">
        <v>20</v>
      </c>
      <c r="GR18" s="108">
        <v>21</v>
      </c>
      <c r="GS18" s="80">
        <v>18</v>
      </c>
      <c r="GT18" s="81">
        <v>39</v>
      </c>
      <c r="GU18" s="159"/>
      <c r="GV18" s="80">
        <v>41</v>
      </c>
      <c r="GW18" s="80">
        <v>37</v>
      </c>
      <c r="GX18" s="80">
        <v>23</v>
      </c>
      <c r="GY18" s="80">
        <v>21</v>
      </c>
      <c r="GZ18" s="80">
        <v>8</v>
      </c>
      <c r="HA18" s="82">
        <v>130</v>
      </c>
      <c r="HB18" s="83">
        <v>169</v>
      </c>
      <c r="HC18" s="68">
        <v>0</v>
      </c>
      <c r="HD18" s="69">
        <v>1</v>
      </c>
      <c r="HE18" s="70">
        <v>1</v>
      </c>
      <c r="HF18" s="159"/>
      <c r="HG18" s="69">
        <v>1</v>
      </c>
      <c r="HH18" s="69">
        <v>0</v>
      </c>
      <c r="HI18" s="69">
        <v>2</v>
      </c>
      <c r="HJ18" s="69">
        <v>0</v>
      </c>
      <c r="HK18" s="69">
        <v>0</v>
      </c>
      <c r="HL18" s="70">
        <v>3</v>
      </c>
      <c r="HM18" s="71">
        <v>4</v>
      </c>
      <c r="HN18" s="68">
        <v>2</v>
      </c>
      <c r="HO18" s="69">
        <v>1</v>
      </c>
      <c r="HP18" s="70">
        <v>3</v>
      </c>
      <c r="HQ18" s="159"/>
      <c r="HR18" s="69">
        <v>6</v>
      </c>
      <c r="HS18" s="69">
        <v>3</v>
      </c>
      <c r="HT18" s="69">
        <v>2</v>
      </c>
      <c r="HU18" s="69">
        <v>1</v>
      </c>
      <c r="HV18" s="69">
        <v>2</v>
      </c>
      <c r="HW18" s="70">
        <v>14</v>
      </c>
      <c r="HX18" s="71">
        <v>17</v>
      </c>
      <c r="HY18" s="68">
        <v>3</v>
      </c>
      <c r="HZ18" s="69">
        <v>1</v>
      </c>
      <c r="IA18" s="70">
        <v>4</v>
      </c>
      <c r="IB18" s="159"/>
      <c r="IC18" s="69">
        <v>3</v>
      </c>
      <c r="ID18" s="69">
        <v>2</v>
      </c>
      <c r="IE18" s="69">
        <v>1</v>
      </c>
      <c r="IF18" s="69">
        <v>1</v>
      </c>
      <c r="IG18" s="69">
        <v>3</v>
      </c>
      <c r="IH18" s="70">
        <v>10</v>
      </c>
      <c r="II18" s="71">
        <v>14</v>
      </c>
      <c r="IJ18" s="68">
        <v>5</v>
      </c>
      <c r="IK18" s="69">
        <v>2</v>
      </c>
      <c r="IL18" s="70">
        <v>7</v>
      </c>
      <c r="IM18" s="159"/>
      <c r="IN18" s="69">
        <v>10</v>
      </c>
      <c r="IO18" s="69">
        <v>6</v>
      </c>
      <c r="IP18" s="69">
        <v>3</v>
      </c>
      <c r="IQ18" s="69">
        <v>4</v>
      </c>
      <c r="IR18" s="69">
        <v>1</v>
      </c>
      <c r="IS18" s="70">
        <v>24</v>
      </c>
      <c r="IT18" s="71">
        <v>31</v>
      </c>
      <c r="IU18" s="68">
        <v>4</v>
      </c>
      <c r="IV18" s="69">
        <v>4</v>
      </c>
      <c r="IW18" s="70">
        <v>8</v>
      </c>
      <c r="IX18" s="159"/>
      <c r="IY18" s="69">
        <v>8</v>
      </c>
      <c r="IZ18" s="69">
        <v>8</v>
      </c>
      <c r="JA18" s="69">
        <v>4</v>
      </c>
      <c r="JB18" s="69">
        <v>6</v>
      </c>
      <c r="JC18" s="69">
        <v>1</v>
      </c>
      <c r="JD18" s="70">
        <v>27</v>
      </c>
      <c r="JE18" s="71">
        <v>35</v>
      </c>
      <c r="JF18" s="68">
        <v>7</v>
      </c>
      <c r="JG18" s="69">
        <v>9</v>
      </c>
      <c r="JH18" s="70">
        <v>16</v>
      </c>
      <c r="JI18" s="159"/>
      <c r="JJ18" s="69">
        <v>13</v>
      </c>
      <c r="JK18" s="69">
        <v>18</v>
      </c>
      <c r="JL18" s="69">
        <v>11</v>
      </c>
      <c r="JM18" s="69">
        <v>9</v>
      </c>
      <c r="JN18" s="69">
        <v>1</v>
      </c>
      <c r="JO18" s="70">
        <v>52</v>
      </c>
      <c r="JP18" s="71">
        <v>68</v>
      </c>
      <c r="JQ18" s="68">
        <v>0</v>
      </c>
      <c r="JR18" s="69">
        <v>0</v>
      </c>
      <c r="JS18" s="70">
        <v>0</v>
      </c>
      <c r="JT18" s="159"/>
      <c r="JU18" s="69">
        <v>0</v>
      </c>
      <c r="JV18" s="69">
        <v>0</v>
      </c>
      <c r="JW18" s="69">
        <v>0</v>
      </c>
      <c r="JX18" s="69">
        <v>0</v>
      </c>
      <c r="JY18" s="69">
        <v>0</v>
      </c>
      <c r="JZ18" s="70">
        <v>0</v>
      </c>
      <c r="KA18" s="71">
        <v>0</v>
      </c>
      <c r="KB18" s="68">
        <v>21</v>
      </c>
      <c r="KC18" s="69">
        <v>18</v>
      </c>
      <c r="KD18" s="70">
        <v>39</v>
      </c>
      <c r="KE18" s="159"/>
      <c r="KF18" s="69">
        <v>41</v>
      </c>
      <c r="KG18" s="69">
        <v>37</v>
      </c>
      <c r="KH18" s="69">
        <v>23</v>
      </c>
      <c r="KI18" s="69">
        <v>21</v>
      </c>
      <c r="KJ18" s="69">
        <v>8</v>
      </c>
      <c r="KK18" s="70">
        <v>130</v>
      </c>
      <c r="KL18" s="71">
        <v>169</v>
      </c>
    </row>
    <row r="19" spans="1:298" ht="19.5" customHeight="1" x14ac:dyDescent="0.2">
      <c r="A19" s="111" t="s">
        <v>16</v>
      </c>
      <c r="B19" s="215">
        <v>42</v>
      </c>
      <c r="C19" s="80">
        <v>35</v>
      </c>
      <c r="D19" s="81">
        <v>77</v>
      </c>
      <c r="E19" s="159"/>
      <c r="F19" s="80">
        <v>77</v>
      </c>
      <c r="G19" s="80">
        <v>99</v>
      </c>
      <c r="H19" s="80">
        <v>59</v>
      </c>
      <c r="I19" s="80">
        <v>52</v>
      </c>
      <c r="J19" s="80">
        <v>23</v>
      </c>
      <c r="K19" s="82">
        <v>310</v>
      </c>
      <c r="L19" s="83">
        <v>387</v>
      </c>
      <c r="M19" s="68">
        <v>2</v>
      </c>
      <c r="N19" s="69">
        <v>1</v>
      </c>
      <c r="O19" s="70">
        <v>3</v>
      </c>
      <c r="P19" s="159"/>
      <c r="Q19" s="69">
        <v>2</v>
      </c>
      <c r="R19" s="69">
        <v>3</v>
      </c>
      <c r="S19" s="69">
        <v>2</v>
      </c>
      <c r="T19" s="69">
        <v>1</v>
      </c>
      <c r="U19" s="69">
        <v>0</v>
      </c>
      <c r="V19" s="70">
        <v>8</v>
      </c>
      <c r="W19" s="71">
        <v>11</v>
      </c>
      <c r="X19" s="68">
        <v>6</v>
      </c>
      <c r="Y19" s="69">
        <v>3</v>
      </c>
      <c r="Z19" s="70">
        <v>9</v>
      </c>
      <c r="AA19" s="159"/>
      <c r="AB19" s="69">
        <v>5</v>
      </c>
      <c r="AC19" s="69">
        <v>10</v>
      </c>
      <c r="AD19" s="69">
        <v>3</v>
      </c>
      <c r="AE19" s="69">
        <v>1</v>
      </c>
      <c r="AF19" s="69">
        <v>3</v>
      </c>
      <c r="AG19" s="70">
        <v>22</v>
      </c>
      <c r="AH19" s="71">
        <v>31</v>
      </c>
      <c r="AI19" s="68">
        <v>8</v>
      </c>
      <c r="AJ19" s="69">
        <v>3</v>
      </c>
      <c r="AK19" s="70">
        <v>11</v>
      </c>
      <c r="AL19" s="159"/>
      <c r="AM19" s="69">
        <v>6</v>
      </c>
      <c r="AN19" s="69">
        <v>8</v>
      </c>
      <c r="AO19" s="69">
        <v>6</v>
      </c>
      <c r="AP19" s="69">
        <v>7</v>
      </c>
      <c r="AQ19" s="69">
        <v>1</v>
      </c>
      <c r="AR19" s="70">
        <v>28</v>
      </c>
      <c r="AS19" s="71">
        <v>39</v>
      </c>
      <c r="AT19" s="68">
        <v>7</v>
      </c>
      <c r="AU19" s="69">
        <v>2</v>
      </c>
      <c r="AV19" s="70">
        <v>9</v>
      </c>
      <c r="AW19" s="159"/>
      <c r="AX19" s="69">
        <v>18</v>
      </c>
      <c r="AY19" s="69">
        <v>20</v>
      </c>
      <c r="AZ19" s="69">
        <v>10</v>
      </c>
      <c r="BA19" s="69">
        <v>8</v>
      </c>
      <c r="BB19" s="69">
        <v>5</v>
      </c>
      <c r="BC19" s="70">
        <v>61</v>
      </c>
      <c r="BD19" s="71">
        <v>70</v>
      </c>
      <c r="BE19" s="68">
        <v>9</v>
      </c>
      <c r="BF19" s="69">
        <v>14</v>
      </c>
      <c r="BG19" s="70">
        <v>23</v>
      </c>
      <c r="BH19" s="159"/>
      <c r="BI19" s="69">
        <v>25</v>
      </c>
      <c r="BJ19" s="69">
        <v>28</v>
      </c>
      <c r="BK19" s="69">
        <v>17</v>
      </c>
      <c r="BL19" s="69">
        <v>14</v>
      </c>
      <c r="BM19" s="69">
        <v>8</v>
      </c>
      <c r="BN19" s="70">
        <v>92</v>
      </c>
      <c r="BO19" s="71">
        <v>115</v>
      </c>
      <c r="BP19" s="68">
        <v>10</v>
      </c>
      <c r="BQ19" s="69">
        <v>12</v>
      </c>
      <c r="BR19" s="70">
        <v>22</v>
      </c>
      <c r="BS19" s="159"/>
      <c r="BT19" s="69">
        <v>21</v>
      </c>
      <c r="BU19" s="69">
        <v>30</v>
      </c>
      <c r="BV19" s="69">
        <v>21</v>
      </c>
      <c r="BW19" s="69">
        <v>21</v>
      </c>
      <c r="BX19" s="69">
        <v>6</v>
      </c>
      <c r="BY19" s="70">
        <v>99</v>
      </c>
      <c r="BZ19" s="71">
        <v>121</v>
      </c>
      <c r="CA19" s="68">
        <v>0</v>
      </c>
      <c r="CB19" s="69">
        <v>0</v>
      </c>
      <c r="CC19" s="70">
        <v>0</v>
      </c>
      <c r="CD19" s="159"/>
      <c r="CE19" s="69">
        <v>0</v>
      </c>
      <c r="CF19" s="69">
        <v>0</v>
      </c>
      <c r="CG19" s="69">
        <v>0</v>
      </c>
      <c r="CH19" s="69">
        <v>0</v>
      </c>
      <c r="CI19" s="69">
        <v>0</v>
      </c>
      <c r="CJ19" s="70">
        <v>0</v>
      </c>
      <c r="CK19" s="71">
        <v>0</v>
      </c>
      <c r="CL19" s="68">
        <v>42</v>
      </c>
      <c r="CM19" s="69">
        <v>35</v>
      </c>
      <c r="CN19" s="70">
        <v>77</v>
      </c>
      <c r="CO19" s="159"/>
      <c r="CP19" s="69">
        <v>77</v>
      </c>
      <c r="CQ19" s="69">
        <v>99</v>
      </c>
      <c r="CR19" s="69">
        <v>59</v>
      </c>
      <c r="CS19" s="69">
        <v>52</v>
      </c>
      <c r="CT19" s="69">
        <v>23</v>
      </c>
      <c r="CU19" s="70">
        <v>310</v>
      </c>
      <c r="CV19" s="71">
        <v>387</v>
      </c>
      <c r="CW19" s="108">
        <v>7</v>
      </c>
      <c r="CX19" s="80">
        <v>5</v>
      </c>
      <c r="CY19" s="81">
        <v>12</v>
      </c>
      <c r="CZ19" s="159"/>
      <c r="DA19" s="80">
        <v>16</v>
      </c>
      <c r="DB19" s="80">
        <v>17</v>
      </c>
      <c r="DC19" s="80">
        <v>8</v>
      </c>
      <c r="DD19" s="80">
        <v>7</v>
      </c>
      <c r="DE19" s="80">
        <v>10</v>
      </c>
      <c r="DF19" s="82">
        <v>58</v>
      </c>
      <c r="DG19" s="83">
        <v>70</v>
      </c>
      <c r="DH19" s="68">
        <v>0</v>
      </c>
      <c r="DI19" s="69">
        <v>0</v>
      </c>
      <c r="DJ19" s="70">
        <v>0</v>
      </c>
      <c r="DK19" s="159"/>
      <c r="DL19" s="69">
        <v>0</v>
      </c>
      <c r="DM19" s="69">
        <v>0</v>
      </c>
      <c r="DN19" s="69">
        <v>0</v>
      </c>
      <c r="DO19" s="69">
        <v>0</v>
      </c>
      <c r="DP19" s="69">
        <v>0</v>
      </c>
      <c r="DQ19" s="70">
        <v>0</v>
      </c>
      <c r="DR19" s="71">
        <v>0</v>
      </c>
      <c r="DS19" s="68">
        <v>1</v>
      </c>
      <c r="DT19" s="69">
        <v>1</v>
      </c>
      <c r="DU19" s="70">
        <v>2</v>
      </c>
      <c r="DV19" s="159"/>
      <c r="DW19" s="69">
        <v>2</v>
      </c>
      <c r="DX19" s="69">
        <v>0</v>
      </c>
      <c r="DY19" s="69">
        <v>0</v>
      </c>
      <c r="DZ19" s="69">
        <v>0</v>
      </c>
      <c r="EA19" s="69">
        <v>0</v>
      </c>
      <c r="EB19" s="70">
        <v>2</v>
      </c>
      <c r="EC19" s="71">
        <v>4</v>
      </c>
      <c r="ED19" s="68">
        <v>2</v>
      </c>
      <c r="EE19" s="69">
        <v>0</v>
      </c>
      <c r="EF19" s="70">
        <v>2</v>
      </c>
      <c r="EG19" s="159"/>
      <c r="EH19" s="69">
        <v>2</v>
      </c>
      <c r="EI19" s="69">
        <v>1</v>
      </c>
      <c r="EJ19" s="69">
        <v>0</v>
      </c>
      <c r="EK19" s="69">
        <v>0</v>
      </c>
      <c r="EL19" s="69">
        <v>0</v>
      </c>
      <c r="EM19" s="70">
        <v>3</v>
      </c>
      <c r="EN19" s="71">
        <v>5</v>
      </c>
      <c r="EO19" s="68">
        <v>2</v>
      </c>
      <c r="EP19" s="69">
        <v>2</v>
      </c>
      <c r="EQ19" s="70">
        <v>4</v>
      </c>
      <c r="ER19" s="159"/>
      <c r="ES19" s="69">
        <v>3</v>
      </c>
      <c r="ET19" s="69">
        <v>4</v>
      </c>
      <c r="EU19" s="69">
        <v>1</v>
      </c>
      <c r="EV19" s="69">
        <v>0</v>
      </c>
      <c r="EW19" s="69">
        <v>0</v>
      </c>
      <c r="EX19" s="70">
        <v>8</v>
      </c>
      <c r="EY19" s="71">
        <v>12</v>
      </c>
      <c r="EZ19" s="68">
        <v>1</v>
      </c>
      <c r="FA19" s="69">
        <v>1</v>
      </c>
      <c r="FB19" s="70">
        <v>2</v>
      </c>
      <c r="FC19" s="159"/>
      <c r="FD19" s="69">
        <v>3</v>
      </c>
      <c r="FE19" s="69">
        <v>3</v>
      </c>
      <c r="FF19" s="69">
        <v>2</v>
      </c>
      <c r="FG19" s="69">
        <v>1</v>
      </c>
      <c r="FH19" s="69">
        <v>3</v>
      </c>
      <c r="FI19" s="70">
        <v>12</v>
      </c>
      <c r="FJ19" s="71">
        <v>14</v>
      </c>
      <c r="FK19" s="68">
        <v>1</v>
      </c>
      <c r="FL19" s="69">
        <v>1</v>
      </c>
      <c r="FM19" s="70">
        <v>2</v>
      </c>
      <c r="FN19" s="159"/>
      <c r="FO19" s="69">
        <v>6</v>
      </c>
      <c r="FP19" s="69">
        <v>9</v>
      </c>
      <c r="FQ19" s="69">
        <v>5</v>
      </c>
      <c r="FR19" s="69">
        <v>6</v>
      </c>
      <c r="FS19" s="69">
        <v>7</v>
      </c>
      <c r="FT19" s="70">
        <v>33</v>
      </c>
      <c r="FU19" s="71">
        <v>35</v>
      </c>
      <c r="FV19" s="68">
        <v>0</v>
      </c>
      <c r="FW19" s="69">
        <v>0</v>
      </c>
      <c r="FX19" s="70">
        <v>0</v>
      </c>
      <c r="FY19" s="159"/>
      <c r="FZ19" s="69">
        <v>0</v>
      </c>
      <c r="GA19" s="69">
        <v>0</v>
      </c>
      <c r="GB19" s="69">
        <v>0</v>
      </c>
      <c r="GC19" s="69">
        <v>0</v>
      </c>
      <c r="GD19" s="69">
        <v>0</v>
      </c>
      <c r="GE19" s="70">
        <v>0</v>
      </c>
      <c r="GF19" s="71">
        <v>0</v>
      </c>
      <c r="GG19" s="68">
        <v>7</v>
      </c>
      <c r="GH19" s="69">
        <v>5</v>
      </c>
      <c r="GI19" s="70">
        <v>12</v>
      </c>
      <c r="GJ19" s="159"/>
      <c r="GK19" s="69">
        <v>16</v>
      </c>
      <c r="GL19" s="69">
        <v>17</v>
      </c>
      <c r="GM19" s="69">
        <v>8</v>
      </c>
      <c r="GN19" s="69">
        <v>7</v>
      </c>
      <c r="GO19" s="69">
        <v>10</v>
      </c>
      <c r="GP19" s="70">
        <v>58</v>
      </c>
      <c r="GQ19" s="71">
        <v>70</v>
      </c>
      <c r="GR19" s="108">
        <v>49</v>
      </c>
      <c r="GS19" s="80">
        <v>40</v>
      </c>
      <c r="GT19" s="81">
        <v>89</v>
      </c>
      <c r="GU19" s="159"/>
      <c r="GV19" s="80">
        <v>93</v>
      </c>
      <c r="GW19" s="80">
        <v>116</v>
      </c>
      <c r="GX19" s="80">
        <v>67</v>
      </c>
      <c r="GY19" s="80">
        <v>59</v>
      </c>
      <c r="GZ19" s="80">
        <v>33</v>
      </c>
      <c r="HA19" s="82">
        <v>368</v>
      </c>
      <c r="HB19" s="83">
        <v>457</v>
      </c>
      <c r="HC19" s="68">
        <v>2</v>
      </c>
      <c r="HD19" s="69">
        <v>1</v>
      </c>
      <c r="HE19" s="70">
        <v>3</v>
      </c>
      <c r="HF19" s="159"/>
      <c r="HG19" s="69">
        <v>2</v>
      </c>
      <c r="HH19" s="69">
        <v>3</v>
      </c>
      <c r="HI19" s="69">
        <v>2</v>
      </c>
      <c r="HJ19" s="69">
        <v>1</v>
      </c>
      <c r="HK19" s="69">
        <v>0</v>
      </c>
      <c r="HL19" s="70">
        <v>8</v>
      </c>
      <c r="HM19" s="71">
        <v>11</v>
      </c>
      <c r="HN19" s="68">
        <v>7</v>
      </c>
      <c r="HO19" s="69">
        <v>4</v>
      </c>
      <c r="HP19" s="70">
        <v>11</v>
      </c>
      <c r="HQ19" s="159"/>
      <c r="HR19" s="69">
        <v>7</v>
      </c>
      <c r="HS19" s="69">
        <v>10</v>
      </c>
      <c r="HT19" s="69">
        <v>3</v>
      </c>
      <c r="HU19" s="69">
        <v>1</v>
      </c>
      <c r="HV19" s="69">
        <v>3</v>
      </c>
      <c r="HW19" s="70">
        <v>24</v>
      </c>
      <c r="HX19" s="71">
        <v>35</v>
      </c>
      <c r="HY19" s="68">
        <v>10</v>
      </c>
      <c r="HZ19" s="69">
        <v>3</v>
      </c>
      <c r="IA19" s="70">
        <v>13</v>
      </c>
      <c r="IB19" s="159"/>
      <c r="IC19" s="69">
        <v>8</v>
      </c>
      <c r="ID19" s="69">
        <v>9</v>
      </c>
      <c r="IE19" s="69">
        <v>6</v>
      </c>
      <c r="IF19" s="69">
        <v>7</v>
      </c>
      <c r="IG19" s="69">
        <v>1</v>
      </c>
      <c r="IH19" s="70">
        <v>31</v>
      </c>
      <c r="II19" s="71">
        <v>44</v>
      </c>
      <c r="IJ19" s="68">
        <v>9</v>
      </c>
      <c r="IK19" s="69">
        <v>4</v>
      </c>
      <c r="IL19" s="70">
        <v>13</v>
      </c>
      <c r="IM19" s="159"/>
      <c r="IN19" s="69">
        <v>21</v>
      </c>
      <c r="IO19" s="69">
        <v>24</v>
      </c>
      <c r="IP19" s="69">
        <v>11</v>
      </c>
      <c r="IQ19" s="69">
        <v>8</v>
      </c>
      <c r="IR19" s="69">
        <v>5</v>
      </c>
      <c r="IS19" s="70">
        <v>69</v>
      </c>
      <c r="IT19" s="71">
        <v>82</v>
      </c>
      <c r="IU19" s="68">
        <v>10</v>
      </c>
      <c r="IV19" s="69">
        <v>15</v>
      </c>
      <c r="IW19" s="70">
        <v>25</v>
      </c>
      <c r="IX19" s="159"/>
      <c r="IY19" s="69">
        <v>28</v>
      </c>
      <c r="IZ19" s="69">
        <v>31</v>
      </c>
      <c r="JA19" s="69">
        <v>19</v>
      </c>
      <c r="JB19" s="69">
        <v>15</v>
      </c>
      <c r="JC19" s="69">
        <v>11</v>
      </c>
      <c r="JD19" s="70">
        <v>104</v>
      </c>
      <c r="JE19" s="71">
        <v>129</v>
      </c>
      <c r="JF19" s="68">
        <v>11</v>
      </c>
      <c r="JG19" s="69">
        <v>13</v>
      </c>
      <c r="JH19" s="70">
        <v>24</v>
      </c>
      <c r="JI19" s="159"/>
      <c r="JJ19" s="69">
        <v>27</v>
      </c>
      <c r="JK19" s="69">
        <v>39</v>
      </c>
      <c r="JL19" s="69">
        <v>26</v>
      </c>
      <c r="JM19" s="69">
        <v>27</v>
      </c>
      <c r="JN19" s="69">
        <v>13</v>
      </c>
      <c r="JO19" s="70">
        <v>132</v>
      </c>
      <c r="JP19" s="71">
        <v>156</v>
      </c>
      <c r="JQ19" s="68">
        <v>0</v>
      </c>
      <c r="JR19" s="69">
        <v>0</v>
      </c>
      <c r="JS19" s="70">
        <v>0</v>
      </c>
      <c r="JT19" s="159"/>
      <c r="JU19" s="69">
        <v>0</v>
      </c>
      <c r="JV19" s="69">
        <v>0</v>
      </c>
      <c r="JW19" s="69">
        <v>0</v>
      </c>
      <c r="JX19" s="69">
        <v>0</v>
      </c>
      <c r="JY19" s="69">
        <v>0</v>
      </c>
      <c r="JZ19" s="70">
        <v>0</v>
      </c>
      <c r="KA19" s="71">
        <v>0</v>
      </c>
      <c r="KB19" s="68">
        <v>49</v>
      </c>
      <c r="KC19" s="69">
        <v>40</v>
      </c>
      <c r="KD19" s="70">
        <v>89</v>
      </c>
      <c r="KE19" s="159"/>
      <c r="KF19" s="69">
        <v>93</v>
      </c>
      <c r="KG19" s="69">
        <v>116</v>
      </c>
      <c r="KH19" s="69">
        <v>67</v>
      </c>
      <c r="KI19" s="69">
        <v>59</v>
      </c>
      <c r="KJ19" s="69">
        <v>33</v>
      </c>
      <c r="KK19" s="70">
        <v>368</v>
      </c>
      <c r="KL19" s="71">
        <v>457</v>
      </c>
    </row>
    <row r="20" spans="1:298" ht="19.5" customHeight="1" x14ac:dyDescent="0.2">
      <c r="A20" s="111" t="s">
        <v>17</v>
      </c>
      <c r="B20" s="215">
        <v>60</v>
      </c>
      <c r="C20" s="80">
        <v>49</v>
      </c>
      <c r="D20" s="81">
        <v>109</v>
      </c>
      <c r="E20" s="159"/>
      <c r="F20" s="80">
        <v>99</v>
      </c>
      <c r="G20" s="80">
        <v>96</v>
      </c>
      <c r="H20" s="80">
        <v>62</v>
      </c>
      <c r="I20" s="80">
        <v>50</v>
      </c>
      <c r="J20" s="80">
        <v>25</v>
      </c>
      <c r="K20" s="82">
        <v>332</v>
      </c>
      <c r="L20" s="83">
        <v>441</v>
      </c>
      <c r="M20" s="68">
        <v>0</v>
      </c>
      <c r="N20" s="69">
        <v>0</v>
      </c>
      <c r="O20" s="70">
        <v>0</v>
      </c>
      <c r="P20" s="159"/>
      <c r="Q20" s="69">
        <v>1</v>
      </c>
      <c r="R20" s="69">
        <v>4</v>
      </c>
      <c r="S20" s="69">
        <v>2</v>
      </c>
      <c r="T20" s="69">
        <v>0</v>
      </c>
      <c r="U20" s="69">
        <v>3</v>
      </c>
      <c r="V20" s="70">
        <v>10</v>
      </c>
      <c r="W20" s="71">
        <v>10</v>
      </c>
      <c r="X20" s="68">
        <v>2</v>
      </c>
      <c r="Y20" s="69">
        <v>4</v>
      </c>
      <c r="Z20" s="70">
        <v>6</v>
      </c>
      <c r="AA20" s="159"/>
      <c r="AB20" s="69">
        <v>3</v>
      </c>
      <c r="AC20" s="69">
        <v>9</v>
      </c>
      <c r="AD20" s="69">
        <v>3</v>
      </c>
      <c r="AE20" s="69">
        <v>3</v>
      </c>
      <c r="AF20" s="69">
        <v>1</v>
      </c>
      <c r="AG20" s="70">
        <v>19</v>
      </c>
      <c r="AH20" s="71">
        <v>25</v>
      </c>
      <c r="AI20" s="68">
        <v>11</v>
      </c>
      <c r="AJ20" s="69">
        <v>4</v>
      </c>
      <c r="AK20" s="70">
        <v>15</v>
      </c>
      <c r="AL20" s="159"/>
      <c r="AM20" s="69">
        <v>8</v>
      </c>
      <c r="AN20" s="69">
        <v>8</v>
      </c>
      <c r="AO20" s="69">
        <v>3</v>
      </c>
      <c r="AP20" s="69">
        <v>4</v>
      </c>
      <c r="AQ20" s="69">
        <v>1</v>
      </c>
      <c r="AR20" s="70">
        <v>24</v>
      </c>
      <c r="AS20" s="71">
        <v>39</v>
      </c>
      <c r="AT20" s="68">
        <v>15</v>
      </c>
      <c r="AU20" s="69">
        <v>10</v>
      </c>
      <c r="AV20" s="70">
        <v>25</v>
      </c>
      <c r="AW20" s="159"/>
      <c r="AX20" s="69">
        <v>31</v>
      </c>
      <c r="AY20" s="69">
        <v>20</v>
      </c>
      <c r="AZ20" s="69">
        <v>13</v>
      </c>
      <c r="BA20" s="69">
        <v>15</v>
      </c>
      <c r="BB20" s="69">
        <v>7</v>
      </c>
      <c r="BC20" s="70">
        <v>86</v>
      </c>
      <c r="BD20" s="71">
        <v>111</v>
      </c>
      <c r="BE20" s="68">
        <v>20</v>
      </c>
      <c r="BF20" s="69">
        <v>17</v>
      </c>
      <c r="BG20" s="70">
        <v>37</v>
      </c>
      <c r="BH20" s="159"/>
      <c r="BI20" s="69">
        <v>30</v>
      </c>
      <c r="BJ20" s="69">
        <v>31</v>
      </c>
      <c r="BK20" s="69">
        <v>22</v>
      </c>
      <c r="BL20" s="69">
        <v>15</v>
      </c>
      <c r="BM20" s="69">
        <v>7</v>
      </c>
      <c r="BN20" s="70">
        <v>105</v>
      </c>
      <c r="BO20" s="71">
        <v>142</v>
      </c>
      <c r="BP20" s="68">
        <v>12</v>
      </c>
      <c r="BQ20" s="69">
        <v>14</v>
      </c>
      <c r="BR20" s="70">
        <v>26</v>
      </c>
      <c r="BS20" s="159"/>
      <c r="BT20" s="69">
        <v>26</v>
      </c>
      <c r="BU20" s="69">
        <v>24</v>
      </c>
      <c r="BV20" s="69">
        <v>19</v>
      </c>
      <c r="BW20" s="69">
        <v>13</v>
      </c>
      <c r="BX20" s="69">
        <v>6</v>
      </c>
      <c r="BY20" s="70">
        <v>88</v>
      </c>
      <c r="BZ20" s="71">
        <v>114</v>
      </c>
      <c r="CA20" s="68">
        <v>0</v>
      </c>
      <c r="CB20" s="69">
        <v>0</v>
      </c>
      <c r="CC20" s="70">
        <v>0</v>
      </c>
      <c r="CD20" s="159"/>
      <c r="CE20" s="69">
        <v>0</v>
      </c>
      <c r="CF20" s="69">
        <v>0</v>
      </c>
      <c r="CG20" s="69">
        <v>0</v>
      </c>
      <c r="CH20" s="69">
        <v>0</v>
      </c>
      <c r="CI20" s="69">
        <v>0</v>
      </c>
      <c r="CJ20" s="70">
        <v>0</v>
      </c>
      <c r="CK20" s="71">
        <v>0</v>
      </c>
      <c r="CL20" s="68">
        <v>60</v>
      </c>
      <c r="CM20" s="69">
        <v>49</v>
      </c>
      <c r="CN20" s="70">
        <v>109</v>
      </c>
      <c r="CO20" s="159"/>
      <c r="CP20" s="69">
        <v>99</v>
      </c>
      <c r="CQ20" s="69">
        <v>96</v>
      </c>
      <c r="CR20" s="69">
        <v>62</v>
      </c>
      <c r="CS20" s="69">
        <v>50</v>
      </c>
      <c r="CT20" s="69">
        <v>25</v>
      </c>
      <c r="CU20" s="70">
        <v>332</v>
      </c>
      <c r="CV20" s="71">
        <v>441</v>
      </c>
      <c r="CW20" s="108">
        <v>6</v>
      </c>
      <c r="CX20" s="80">
        <v>16</v>
      </c>
      <c r="CY20" s="81">
        <v>22</v>
      </c>
      <c r="CZ20" s="159"/>
      <c r="DA20" s="80">
        <v>11</v>
      </c>
      <c r="DB20" s="80">
        <v>15</v>
      </c>
      <c r="DC20" s="80">
        <v>13</v>
      </c>
      <c r="DD20" s="80">
        <v>5</v>
      </c>
      <c r="DE20" s="80">
        <v>5</v>
      </c>
      <c r="DF20" s="82">
        <v>49</v>
      </c>
      <c r="DG20" s="83">
        <v>71</v>
      </c>
      <c r="DH20" s="68">
        <v>0</v>
      </c>
      <c r="DI20" s="69">
        <v>1</v>
      </c>
      <c r="DJ20" s="70">
        <v>1</v>
      </c>
      <c r="DK20" s="159"/>
      <c r="DL20" s="69">
        <v>0</v>
      </c>
      <c r="DM20" s="69">
        <v>1</v>
      </c>
      <c r="DN20" s="69">
        <v>1</v>
      </c>
      <c r="DO20" s="69">
        <v>0</v>
      </c>
      <c r="DP20" s="69">
        <v>1</v>
      </c>
      <c r="DQ20" s="70">
        <v>3</v>
      </c>
      <c r="DR20" s="71">
        <v>4</v>
      </c>
      <c r="DS20" s="68">
        <v>0</v>
      </c>
      <c r="DT20" s="69">
        <v>3</v>
      </c>
      <c r="DU20" s="70">
        <v>3</v>
      </c>
      <c r="DV20" s="159"/>
      <c r="DW20" s="69">
        <v>0</v>
      </c>
      <c r="DX20" s="69">
        <v>1</v>
      </c>
      <c r="DY20" s="69">
        <v>1</v>
      </c>
      <c r="DZ20" s="69">
        <v>0</v>
      </c>
      <c r="EA20" s="69">
        <v>0</v>
      </c>
      <c r="EB20" s="70">
        <v>2</v>
      </c>
      <c r="EC20" s="71">
        <v>5</v>
      </c>
      <c r="ED20" s="68">
        <v>0</v>
      </c>
      <c r="EE20" s="69">
        <v>1</v>
      </c>
      <c r="EF20" s="70">
        <v>1</v>
      </c>
      <c r="EG20" s="159"/>
      <c r="EH20" s="69">
        <v>2</v>
      </c>
      <c r="EI20" s="69">
        <v>0</v>
      </c>
      <c r="EJ20" s="69">
        <v>0</v>
      </c>
      <c r="EK20" s="69">
        <v>0</v>
      </c>
      <c r="EL20" s="69">
        <v>1</v>
      </c>
      <c r="EM20" s="70">
        <v>3</v>
      </c>
      <c r="EN20" s="71">
        <v>4</v>
      </c>
      <c r="EO20" s="68">
        <v>5</v>
      </c>
      <c r="EP20" s="69">
        <v>2</v>
      </c>
      <c r="EQ20" s="70">
        <v>7</v>
      </c>
      <c r="ER20" s="159"/>
      <c r="ES20" s="69">
        <v>3</v>
      </c>
      <c r="ET20" s="69">
        <v>4</v>
      </c>
      <c r="EU20" s="69">
        <v>2</v>
      </c>
      <c r="EV20" s="69">
        <v>1</v>
      </c>
      <c r="EW20" s="69">
        <v>1</v>
      </c>
      <c r="EX20" s="70">
        <v>11</v>
      </c>
      <c r="EY20" s="71">
        <v>18</v>
      </c>
      <c r="EZ20" s="68">
        <v>0</v>
      </c>
      <c r="FA20" s="69">
        <v>4</v>
      </c>
      <c r="FB20" s="70">
        <v>4</v>
      </c>
      <c r="FC20" s="159"/>
      <c r="FD20" s="69">
        <v>4</v>
      </c>
      <c r="FE20" s="69">
        <v>3</v>
      </c>
      <c r="FF20" s="69">
        <v>2</v>
      </c>
      <c r="FG20" s="69">
        <v>0</v>
      </c>
      <c r="FH20" s="69">
        <v>0</v>
      </c>
      <c r="FI20" s="70">
        <v>9</v>
      </c>
      <c r="FJ20" s="71">
        <v>13</v>
      </c>
      <c r="FK20" s="68">
        <v>1</v>
      </c>
      <c r="FL20" s="69">
        <v>5</v>
      </c>
      <c r="FM20" s="70">
        <v>6</v>
      </c>
      <c r="FN20" s="159"/>
      <c r="FO20" s="69">
        <v>2</v>
      </c>
      <c r="FP20" s="69">
        <v>6</v>
      </c>
      <c r="FQ20" s="69">
        <v>7</v>
      </c>
      <c r="FR20" s="69">
        <v>4</v>
      </c>
      <c r="FS20" s="69">
        <v>2</v>
      </c>
      <c r="FT20" s="70">
        <v>21</v>
      </c>
      <c r="FU20" s="71">
        <v>27</v>
      </c>
      <c r="FV20" s="68">
        <v>0</v>
      </c>
      <c r="FW20" s="69">
        <v>0</v>
      </c>
      <c r="FX20" s="70">
        <v>0</v>
      </c>
      <c r="FY20" s="159"/>
      <c r="FZ20" s="69">
        <v>0</v>
      </c>
      <c r="GA20" s="69">
        <v>0</v>
      </c>
      <c r="GB20" s="69">
        <v>0</v>
      </c>
      <c r="GC20" s="69">
        <v>0</v>
      </c>
      <c r="GD20" s="69">
        <v>0</v>
      </c>
      <c r="GE20" s="70">
        <v>0</v>
      </c>
      <c r="GF20" s="71">
        <v>0</v>
      </c>
      <c r="GG20" s="68">
        <v>6</v>
      </c>
      <c r="GH20" s="69">
        <v>16</v>
      </c>
      <c r="GI20" s="70">
        <v>22</v>
      </c>
      <c r="GJ20" s="159"/>
      <c r="GK20" s="69">
        <v>11</v>
      </c>
      <c r="GL20" s="69">
        <v>15</v>
      </c>
      <c r="GM20" s="69">
        <v>13</v>
      </c>
      <c r="GN20" s="69">
        <v>5</v>
      </c>
      <c r="GO20" s="69">
        <v>5</v>
      </c>
      <c r="GP20" s="70">
        <v>49</v>
      </c>
      <c r="GQ20" s="71">
        <v>71</v>
      </c>
      <c r="GR20" s="108">
        <v>66</v>
      </c>
      <c r="GS20" s="80">
        <v>65</v>
      </c>
      <c r="GT20" s="81">
        <v>131</v>
      </c>
      <c r="GU20" s="159"/>
      <c r="GV20" s="80">
        <v>110</v>
      </c>
      <c r="GW20" s="80">
        <v>111</v>
      </c>
      <c r="GX20" s="80">
        <v>75</v>
      </c>
      <c r="GY20" s="80">
        <v>55</v>
      </c>
      <c r="GZ20" s="80">
        <v>30</v>
      </c>
      <c r="HA20" s="82">
        <v>381</v>
      </c>
      <c r="HB20" s="83">
        <v>512</v>
      </c>
      <c r="HC20" s="68">
        <v>0</v>
      </c>
      <c r="HD20" s="69">
        <v>1</v>
      </c>
      <c r="HE20" s="70">
        <v>1</v>
      </c>
      <c r="HF20" s="159"/>
      <c r="HG20" s="69">
        <v>1</v>
      </c>
      <c r="HH20" s="69">
        <v>5</v>
      </c>
      <c r="HI20" s="69">
        <v>3</v>
      </c>
      <c r="HJ20" s="69">
        <v>0</v>
      </c>
      <c r="HK20" s="69">
        <v>4</v>
      </c>
      <c r="HL20" s="70">
        <v>13</v>
      </c>
      <c r="HM20" s="71">
        <v>14</v>
      </c>
      <c r="HN20" s="68">
        <v>2</v>
      </c>
      <c r="HO20" s="69">
        <v>7</v>
      </c>
      <c r="HP20" s="70">
        <v>9</v>
      </c>
      <c r="HQ20" s="159"/>
      <c r="HR20" s="69">
        <v>3</v>
      </c>
      <c r="HS20" s="69">
        <v>10</v>
      </c>
      <c r="HT20" s="69">
        <v>4</v>
      </c>
      <c r="HU20" s="69">
        <v>3</v>
      </c>
      <c r="HV20" s="69">
        <v>1</v>
      </c>
      <c r="HW20" s="70">
        <v>21</v>
      </c>
      <c r="HX20" s="71">
        <v>30</v>
      </c>
      <c r="HY20" s="68">
        <v>11</v>
      </c>
      <c r="HZ20" s="69">
        <v>5</v>
      </c>
      <c r="IA20" s="70">
        <v>16</v>
      </c>
      <c r="IB20" s="159"/>
      <c r="IC20" s="69">
        <v>10</v>
      </c>
      <c r="ID20" s="69">
        <v>8</v>
      </c>
      <c r="IE20" s="69">
        <v>3</v>
      </c>
      <c r="IF20" s="69">
        <v>4</v>
      </c>
      <c r="IG20" s="69">
        <v>2</v>
      </c>
      <c r="IH20" s="70">
        <v>27</v>
      </c>
      <c r="II20" s="71">
        <v>43</v>
      </c>
      <c r="IJ20" s="68">
        <v>20</v>
      </c>
      <c r="IK20" s="69">
        <v>12</v>
      </c>
      <c r="IL20" s="70">
        <v>32</v>
      </c>
      <c r="IM20" s="159"/>
      <c r="IN20" s="69">
        <v>34</v>
      </c>
      <c r="IO20" s="69">
        <v>24</v>
      </c>
      <c r="IP20" s="69">
        <v>15</v>
      </c>
      <c r="IQ20" s="69">
        <v>16</v>
      </c>
      <c r="IR20" s="69">
        <v>8</v>
      </c>
      <c r="IS20" s="70">
        <v>97</v>
      </c>
      <c r="IT20" s="71">
        <v>129</v>
      </c>
      <c r="IU20" s="68">
        <v>20</v>
      </c>
      <c r="IV20" s="69">
        <v>21</v>
      </c>
      <c r="IW20" s="70">
        <v>41</v>
      </c>
      <c r="IX20" s="159"/>
      <c r="IY20" s="69">
        <v>34</v>
      </c>
      <c r="IZ20" s="69">
        <v>34</v>
      </c>
      <c r="JA20" s="69">
        <v>24</v>
      </c>
      <c r="JB20" s="69">
        <v>15</v>
      </c>
      <c r="JC20" s="69">
        <v>7</v>
      </c>
      <c r="JD20" s="70">
        <v>114</v>
      </c>
      <c r="JE20" s="71">
        <v>155</v>
      </c>
      <c r="JF20" s="68">
        <v>13</v>
      </c>
      <c r="JG20" s="69">
        <v>19</v>
      </c>
      <c r="JH20" s="70">
        <v>32</v>
      </c>
      <c r="JI20" s="159"/>
      <c r="JJ20" s="69">
        <v>28</v>
      </c>
      <c r="JK20" s="69">
        <v>30</v>
      </c>
      <c r="JL20" s="69">
        <v>26</v>
      </c>
      <c r="JM20" s="69">
        <v>17</v>
      </c>
      <c r="JN20" s="69">
        <v>8</v>
      </c>
      <c r="JO20" s="70">
        <v>109</v>
      </c>
      <c r="JP20" s="71">
        <v>141</v>
      </c>
      <c r="JQ20" s="68">
        <v>0</v>
      </c>
      <c r="JR20" s="69">
        <v>0</v>
      </c>
      <c r="JS20" s="70">
        <v>0</v>
      </c>
      <c r="JT20" s="159"/>
      <c r="JU20" s="69">
        <v>0</v>
      </c>
      <c r="JV20" s="69">
        <v>0</v>
      </c>
      <c r="JW20" s="69">
        <v>0</v>
      </c>
      <c r="JX20" s="69">
        <v>0</v>
      </c>
      <c r="JY20" s="69">
        <v>0</v>
      </c>
      <c r="JZ20" s="70">
        <v>0</v>
      </c>
      <c r="KA20" s="71">
        <v>0</v>
      </c>
      <c r="KB20" s="68">
        <v>66</v>
      </c>
      <c r="KC20" s="69">
        <v>65</v>
      </c>
      <c r="KD20" s="70">
        <v>131</v>
      </c>
      <c r="KE20" s="159"/>
      <c r="KF20" s="69">
        <v>110</v>
      </c>
      <c r="KG20" s="69">
        <v>111</v>
      </c>
      <c r="KH20" s="69">
        <v>75</v>
      </c>
      <c r="KI20" s="69">
        <v>55</v>
      </c>
      <c r="KJ20" s="69">
        <v>30</v>
      </c>
      <c r="KK20" s="70">
        <v>381</v>
      </c>
      <c r="KL20" s="71">
        <v>512</v>
      </c>
    </row>
    <row r="21" spans="1:298" ht="19.5" customHeight="1" x14ac:dyDescent="0.2">
      <c r="A21" s="111" t="s">
        <v>18</v>
      </c>
      <c r="B21" s="215">
        <v>71</v>
      </c>
      <c r="C21" s="80">
        <v>97</v>
      </c>
      <c r="D21" s="81">
        <v>168</v>
      </c>
      <c r="E21" s="159"/>
      <c r="F21" s="80">
        <v>144</v>
      </c>
      <c r="G21" s="80">
        <v>123</v>
      </c>
      <c r="H21" s="80">
        <v>86</v>
      </c>
      <c r="I21" s="80">
        <v>71</v>
      </c>
      <c r="J21" s="80">
        <v>39</v>
      </c>
      <c r="K21" s="82">
        <v>463</v>
      </c>
      <c r="L21" s="83">
        <v>631</v>
      </c>
      <c r="M21" s="68">
        <v>0</v>
      </c>
      <c r="N21" s="69">
        <v>3</v>
      </c>
      <c r="O21" s="70">
        <v>3</v>
      </c>
      <c r="P21" s="159"/>
      <c r="Q21" s="69">
        <v>3</v>
      </c>
      <c r="R21" s="69">
        <v>3</v>
      </c>
      <c r="S21" s="69">
        <v>1</v>
      </c>
      <c r="T21" s="69">
        <v>2</v>
      </c>
      <c r="U21" s="69">
        <v>2</v>
      </c>
      <c r="V21" s="70">
        <v>11</v>
      </c>
      <c r="W21" s="71">
        <v>14</v>
      </c>
      <c r="X21" s="68">
        <v>5</v>
      </c>
      <c r="Y21" s="69">
        <v>5</v>
      </c>
      <c r="Z21" s="70">
        <v>10</v>
      </c>
      <c r="AA21" s="159"/>
      <c r="AB21" s="69">
        <v>5</v>
      </c>
      <c r="AC21" s="69">
        <v>3</v>
      </c>
      <c r="AD21" s="69">
        <v>8</v>
      </c>
      <c r="AE21" s="69">
        <v>6</v>
      </c>
      <c r="AF21" s="69">
        <v>1</v>
      </c>
      <c r="AG21" s="70">
        <v>23</v>
      </c>
      <c r="AH21" s="71">
        <v>33</v>
      </c>
      <c r="AI21" s="68">
        <v>5</v>
      </c>
      <c r="AJ21" s="69">
        <v>9</v>
      </c>
      <c r="AK21" s="70">
        <v>14</v>
      </c>
      <c r="AL21" s="159"/>
      <c r="AM21" s="69">
        <v>15</v>
      </c>
      <c r="AN21" s="69">
        <v>9</v>
      </c>
      <c r="AO21" s="69">
        <v>7</v>
      </c>
      <c r="AP21" s="69">
        <v>5</v>
      </c>
      <c r="AQ21" s="69">
        <v>5</v>
      </c>
      <c r="AR21" s="70">
        <v>41</v>
      </c>
      <c r="AS21" s="71">
        <v>55</v>
      </c>
      <c r="AT21" s="68">
        <v>19</v>
      </c>
      <c r="AU21" s="69">
        <v>15</v>
      </c>
      <c r="AV21" s="70">
        <v>34</v>
      </c>
      <c r="AW21" s="159"/>
      <c r="AX21" s="69">
        <v>26</v>
      </c>
      <c r="AY21" s="69">
        <v>31</v>
      </c>
      <c r="AZ21" s="69">
        <v>18</v>
      </c>
      <c r="BA21" s="69">
        <v>11</v>
      </c>
      <c r="BB21" s="69">
        <v>9</v>
      </c>
      <c r="BC21" s="70">
        <v>95</v>
      </c>
      <c r="BD21" s="71">
        <v>129</v>
      </c>
      <c r="BE21" s="68">
        <v>16</v>
      </c>
      <c r="BF21" s="69">
        <v>35</v>
      </c>
      <c r="BG21" s="70">
        <v>51</v>
      </c>
      <c r="BH21" s="159"/>
      <c r="BI21" s="69">
        <v>55</v>
      </c>
      <c r="BJ21" s="69">
        <v>44</v>
      </c>
      <c r="BK21" s="69">
        <v>25</v>
      </c>
      <c r="BL21" s="69">
        <v>25</v>
      </c>
      <c r="BM21" s="69">
        <v>5</v>
      </c>
      <c r="BN21" s="70">
        <v>154</v>
      </c>
      <c r="BO21" s="71">
        <v>205</v>
      </c>
      <c r="BP21" s="68">
        <v>26</v>
      </c>
      <c r="BQ21" s="69">
        <v>30</v>
      </c>
      <c r="BR21" s="70">
        <v>56</v>
      </c>
      <c r="BS21" s="159"/>
      <c r="BT21" s="69">
        <v>40</v>
      </c>
      <c r="BU21" s="69">
        <v>33</v>
      </c>
      <c r="BV21" s="69">
        <v>27</v>
      </c>
      <c r="BW21" s="69">
        <v>22</v>
      </c>
      <c r="BX21" s="69">
        <v>17</v>
      </c>
      <c r="BY21" s="70">
        <v>139</v>
      </c>
      <c r="BZ21" s="71">
        <v>195</v>
      </c>
      <c r="CA21" s="68">
        <v>0</v>
      </c>
      <c r="CB21" s="69">
        <v>0</v>
      </c>
      <c r="CC21" s="70">
        <v>0</v>
      </c>
      <c r="CD21" s="159"/>
      <c r="CE21" s="69">
        <v>0</v>
      </c>
      <c r="CF21" s="69">
        <v>0</v>
      </c>
      <c r="CG21" s="69">
        <v>0</v>
      </c>
      <c r="CH21" s="69">
        <v>0</v>
      </c>
      <c r="CI21" s="69">
        <v>0</v>
      </c>
      <c r="CJ21" s="70">
        <v>0</v>
      </c>
      <c r="CK21" s="71">
        <v>0</v>
      </c>
      <c r="CL21" s="68">
        <v>71</v>
      </c>
      <c r="CM21" s="69">
        <v>97</v>
      </c>
      <c r="CN21" s="70">
        <v>168</v>
      </c>
      <c r="CO21" s="159"/>
      <c r="CP21" s="69">
        <v>144</v>
      </c>
      <c r="CQ21" s="69">
        <v>123</v>
      </c>
      <c r="CR21" s="69">
        <v>86</v>
      </c>
      <c r="CS21" s="69">
        <v>71</v>
      </c>
      <c r="CT21" s="69">
        <v>39</v>
      </c>
      <c r="CU21" s="70">
        <v>463</v>
      </c>
      <c r="CV21" s="71">
        <v>631</v>
      </c>
      <c r="CW21" s="108">
        <v>8</v>
      </c>
      <c r="CX21" s="80">
        <v>16</v>
      </c>
      <c r="CY21" s="81">
        <v>24</v>
      </c>
      <c r="CZ21" s="159"/>
      <c r="DA21" s="80">
        <v>15</v>
      </c>
      <c r="DB21" s="80">
        <v>17</v>
      </c>
      <c r="DC21" s="80">
        <v>14</v>
      </c>
      <c r="DD21" s="80">
        <v>5</v>
      </c>
      <c r="DE21" s="80">
        <v>6</v>
      </c>
      <c r="DF21" s="82">
        <v>57</v>
      </c>
      <c r="DG21" s="83">
        <v>81</v>
      </c>
      <c r="DH21" s="68">
        <v>0</v>
      </c>
      <c r="DI21" s="69">
        <v>0</v>
      </c>
      <c r="DJ21" s="70">
        <v>0</v>
      </c>
      <c r="DK21" s="159"/>
      <c r="DL21" s="69">
        <v>0</v>
      </c>
      <c r="DM21" s="69">
        <v>0</v>
      </c>
      <c r="DN21" s="69">
        <v>1</v>
      </c>
      <c r="DO21" s="69">
        <v>0</v>
      </c>
      <c r="DP21" s="69">
        <v>1</v>
      </c>
      <c r="DQ21" s="70">
        <v>2</v>
      </c>
      <c r="DR21" s="71">
        <v>2</v>
      </c>
      <c r="DS21" s="68">
        <v>0</v>
      </c>
      <c r="DT21" s="69">
        <v>4</v>
      </c>
      <c r="DU21" s="70">
        <v>4</v>
      </c>
      <c r="DV21" s="159"/>
      <c r="DW21" s="69">
        <v>0</v>
      </c>
      <c r="DX21" s="69">
        <v>2</v>
      </c>
      <c r="DY21" s="69">
        <v>1</v>
      </c>
      <c r="DZ21" s="69">
        <v>1</v>
      </c>
      <c r="EA21" s="69">
        <v>0</v>
      </c>
      <c r="EB21" s="70">
        <v>4</v>
      </c>
      <c r="EC21" s="71">
        <v>8</v>
      </c>
      <c r="ED21" s="68">
        <v>0</v>
      </c>
      <c r="EE21" s="69">
        <v>5</v>
      </c>
      <c r="EF21" s="70">
        <v>5</v>
      </c>
      <c r="EG21" s="159"/>
      <c r="EH21" s="69">
        <v>1</v>
      </c>
      <c r="EI21" s="69">
        <v>1</v>
      </c>
      <c r="EJ21" s="69">
        <v>2</v>
      </c>
      <c r="EK21" s="69">
        <v>1</v>
      </c>
      <c r="EL21" s="69">
        <v>0</v>
      </c>
      <c r="EM21" s="70">
        <v>5</v>
      </c>
      <c r="EN21" s="71">
        <v>10</v>
      </c>
      <c r="EO21" s="68">
        <v>3</v>
      </c>
      <c r="EP21" s="69">
        <v>3</v>
      </c>
      <c r="EQ21" s="70">
        <v>6</v>
      </c>
      <c r="ER21" s="159"/>
      <c r="ES21" s="69">
        <v>6</v>
      </c>
      <c r="ET21" s="69">
        <v>1</v>
      </c>
      <c r="EU21" s="69">
        <v>1</v>
      </c>
      <c r="EV21" s="69">
        <v>0</v>
      </c>
      <c r="EW21" s="69">
        <v>2</v>
      </c>
      <c r="EX21" s="70">
        <v>10</v>
      </c>
      <c r="EY21" s="71">
        <v>16</v>
      </c>
      <c r="EZ21" s="68">
        <v>4</v>
      </c>
      <c r="FA21" s="69">
        <v>3</v>
      </c>
      <c r="FB21" s="70">
        <v>7</v>
      </c>
      <c r="FC21" s="159"/>
      <c r="FD21" s="69">
        <v>4</v>
      </c>
      <c r="FE21" s="69">
        <v>9</v>
      </c>
      <c r="FF21" s="69">
        <v>4</v>
      </c>
      <c r="FG21" s="69">
        <v>1</v>
      </c>
      <c r="FH21" s="69">
        <v>3</v>
      </c>
      <c r="FI21" s="70">
        <v>21</v>
      </c>
      <c r="FJ21" s="71">
        <v>28</v>
      </c>
      <c r="FK21" s="68">
        <v>1</v>
      </c>
      <c r="FL21" s="69">
        <v>1</v>
      </c>
      <c r="FM21" s="70">
        <v>2</v>
      </c>
      <c r="FN21" s="159"/>
      <c r="FO21" s="69">
        <v>4</v>
      </c>
      <c r="FP21" s="69">
        <v>4</v>
      </c>
      <c r="FQ21" s="69">
        <v>5</v>
      </c>
      <c r="FR21" s="69">
        <v>2</v>
      </c>
      <c r="FS21" s="69">
        <v>0</v>
      </c>
      <c r="FT21" s="70">
        <v>15</v>
      </c>
      <c r="FU21" s="71">
        <v>17</v>
      </c>
      <c r="FV21" s="68">
        <v>0</v>
      </c>
      <c r="FW21" s="69">
        <v>0</v>
      </c>
      <c r="FX21" s="70">
        <v>0</v>
      </c>
      <c r="FY21" s="159"/>
      <c r="FZ21" s="69">
        <v>0</v>
      </c>
      <c r="GA21" s="69">
        <v>0</v>
      </c>
      <c r="GB21" s="69">
        <v>0</v>
      </c>
      <c r="GC21" s="69">
        <v>0</v>
      </c>
      <c r="GD21" s="69">
        <v>0</v>
      </c>
      <c r="GE21" s="70">
        <v>0</v>
      </c>
      <c r="GF21" s="71">
        <v>0</v>
      </c>
      <c r="GG21" s="68">
        <v>8</v>
      </c>
      <c r="GH21" s="69">
        <v>16</v>
      </c>
      <c r="GI21" s="70">
        <v>24</v>
      </c>
      <c r="GJ21" s="159"/>
      <c r="GK21" s="69">
        <v>15</v>
      </c>
      <c r="GL21" s="69">
        <v>17</v>
      </c>
      <c r="GM21" s="69">
        <v>14</v>
      </c>
      <c r="GN21" s="69">
        <v>5</v>
      </c>
      <c r="GO21" s="69">
        <v>6</v>
      </c>
      <c r="GP21" s="70">
        <v>57</v>
      </c>
      <c r="GQ21" s="71">
        <v>81</v>
      </c>
      <c r="GR21" s="108">
        <v>79</v>
      </c>
      <c r="GS21" s="80">
        <v>113</v>
      </c>
      <c r="GT21" s="81">
        <v>192</v>
      </c>
      <c r="GU21" s="159"/>
      <c r="GV21" s="80">
        <v>159</v>
      </c>
      <c r="GW21" s="80">
        <v>140</v>
      </c>
      <c r="GX21" s="80">
        <v>100</v>
      </c>
      <c r="GY21" s="80">
        <v>76</v>
      </c>
      <c r="GZ21" s="80">
        <v>45</v>
      </c>
      <c r="HA21" s="82">
        <v>520</v>
      </c>
      <c r="HB21" s="83">
        <v>712</v>
      </c>
      <c r="HC21" s="68">
        <v>0</v>
      </c>
      <c r="HD21" s="69">
        <v>3</v>
      </c>
      <c r="HE21" s="70">
        <v>3</v>
      </c>
      <c r="HF21" s="159"/>
      <c r="HG21" s="69">
        <v>3</v>
      </c>
      <c r="HH21" s="69">
        <v>3</v>
      </c>
      <c r="HI21" s="69">
        <v>2</v>
      </c>
      <c r="HJ21" s="69">
        <v>2</v>
      </c>
      <c r="HK21" s="69">
        <v>3</v>
      </c>
      <c r="HL21" s="70">
        <v>13</v>
      </c>
      <c r="HM21" s="71">
        <v>16</v>
      </c>
      <c r="HN21" s="68">
        <v>5</v>
      </c>
      <c r="HO21" s="69">
        <v>9</v>
      </c>
      <c r="HP21" s="70">
        <v>14</v>
      </c>
      <c r="HQ21" s="159"/>
      <c r="HR21" s="69">
        <v>5</v>
      </c>
      <c r="HS21" s="69">
        <v>5</v>
      </c>
      <c r="HT21" s="69">
        <v>9</v>
      </c>
      <c r="HU21" s="69">
        <v>7</v>
      </c>
      <c r="HV21" s="69">
        <v>1</v>
      </c>
      <c r="HW21" s="70">
        <v>27</v>
      </c>
      <c r="HX21" s="71">
        <v>41</v>
      </c>
      <c r="HY21" s="68">
        <v>5</v>
      </c>
      <c r="HZ21" s="69">
        <v>14</v>
      </c>
      <c r="IA21" s="70">
        <v>19</v>
      </c>
      <c r="IB21" s="159"/>
      <c r="IC21" s="69">
        <v>16</v>
      </c>
      <c r="ID21" s="69">
        <v>10</v>
      </c>
      <c r="IE21" s="69">
        <v>9</v>
      </c>
      <c r="IF21" s="69">
        <v>6</v>
      </c>
      <c r="IG21" s="69">
        <v>5</v>
      </c>
      <c r="IH21" s="70">
        <v>46</v>
      </c>
      <c r="II21" s="71">
        <v>65</v>
      </c>
      <c r="IJ21" s="68">
        <v>22</v>
      </c>
      <c r="IK21" s="69">
        <v>18</v>
      </c>
      <c r="IL21" s="70">
        <v>40</v>
      </c>
      <c r="IM21" s="159"/>
      <c r="IN21" s="69">
        <v>32</v>
      </c>
      <c r="IO21" s="69">
        <v>32</v>
      </c>
      <c r="IP21" s="69">
        <v>19</v>
      </c>
      <c r="IQ21" s="69">
        <v>11</v>
      </c>
      <c r="IR21" s="69">
        <v>11</v>
      </c>
      <c r="IS21" s="70">
        <v>105</v>
      </c>
      <c r="IT21" s="71">
        <v>145</v>
      </c>
      <c r="IU21" s="68">
        <v>20</v>
      </c>
      <c r="IV21" s="69">
        <v>38</v>
      </c>
      <c r="IW21" s="70">
        <v>58</v>
      </c>
      <c r="IX21" s="159"/>
      <c r="IY21" s="69">
        <v>59</v>
      </c>
      <c r="IZ21" s="69">
        <v>53</v>
      </c>
      <c r="JA21" s="69">
        <v>29</v>
      </c>
      <c r="JB21" s="69">
        <v>26</v>
      </c>
      <c r="JC21" s="69">
        <v>8</v>
      </c>
      <c r="JD21" s="70">
        <v>175</v>
      </c>
      <c r="JE21" s="71">
        <v>233</v>
      </c>
      <c r="JF21" s="68">
        <v>27</v>
      </c>
      <c r="JG21" s="69">
        <v>31</v>
      </c>
      <c r="JH21" s="70">
        <v>58</v>
      </c>
      <c r="JI21" s="159"/>
      <c r="JJ21" s="69">
        <v>44</v>
      </c>
      <c r="JK21" s="69">
        <v>37</v>
      </c>
      <c r="JL21" s="69">
        <v>32</v>
      </c>
      <c r="JM21" s="69">
        <v>24</v>
      </c>
      <c r="JN21" s="69">
        <v>17</v>
      </c>
      <c r="JO21" s="70">
        <v>154</v>
      </c>
      <c r="JP21" s="71">
        <v>212</v>
      </c>
      <c r="JQ21" s="68">
        <v>0</v>
      </c>
      <c r="JR21" s="69">
        <v>0</v>
      </c>
      <c r="JS21" s="70">
        <v>0</v>
      </c>
      <c r="JT21" s="159"/>
      <c r="JU21" s="69">
        <v>0</v>
      </c>
      <c r="JV21" s="69">
        <v>0</v>
      </c>
      <c r="JW21" s="69">
        <v>0</v>
      </c>
      <c r="JX21" s="69">
        <v>0</v>
      </c>
      <c r="JY21" s="69">
        <v>0</v>
      </c>
      <c r="JZ21" s="70">
        <v>0</v>
      </c>
      <c r="KA21" s="71">
        <v>0</v>
      </c>
      <c r="KB21" s="68">
        <v>79</v>
      </c>
      <c r="KC21" s="69">
        <v>113</v>
      </c>
      <c r="KD21" s="70">
        <v>192</v>
      </c>
      <c r="KE21" s="159"/>
      <c r="KF21" s="69">
        <v>159</v>
      </c>
      <c r="KG21" s="69">
        <v>140</v>
      </c>
      <c r="KH21" s="69">
        <v>100</v>
      </c>
      <c r="KI21" s="69">
        <v>76</v>
      </c>
      <c r="KJ21" s="69">
        <v>45</v>
      </c>
      <c r="KK21" s="70">
        <v>520</v>
      </c>
      <c r="KL21" s="71">
        <v>712</v>
      </c>
    </row>
    <row r="22" spans="1:298" ht="19.5" customHeight="1" x14ac:dyDescent="0.2">
      <c r="A22" s="111" t="s">
        <v>19</v>
      </c>
      <c r="B22" s="215">
        <v>29</v>
      </c>
      <c r="C22" s="80">
        <v>34</v>
      </c>
      <c r="D22" s="81">
        <v>63</v>
      </c>
      <c r="E22" s="159"/>
      <c r="F22" s="80">
        <v>69</v>
      </c>
      <c r="G22" s="80">
        <v>53</v>
      </c>
      <c r="H22" s="80">
        <v>23</v>
      </c>
      <c r="I22" s="80">
        <v>23</v>
      </c>
      <c r="J22" s="80">
        <v>11</v>
      </c>
      <c r="K22" s="82">
        <v>179</v>
      </c>
      <c r="L22" s="83">
        <v>242</v>
      </c>
      <c r="M22" s="84">
        <v>0</v>
      </c>
      <c r="N22" s="69">
        <v>0</v>
      </c>
      <c r="O22" s="70">
        <v>0</v>
      </c>
      <c r="P22" s="159"/>
      <c r="Q22" s="69">
        <v>1</v>
      </c>
      <c r="R22" s="69">
        <v>2</v>
      </c>
      <c r="S22" s="69">
        <v>1</v>
      </c>
      <c r="T22" s="69">
        <v>1</v>
      </c>
      <c r="U22" s="69">
        <v>0</v>
      </c>
      <c r="V22" s="70">
        <v>5</v>
      </c>
      <c r="W22" s="71">
        <v>5</v>
      </c>
      <c r="X22" s="68">
        <v>0</v>
      </c>
      <c r="Y22" s="69">
        <v>2</v>
      </c>
      <c r="Z22" s="70">
        <v>2</v>
      </c>
      <c r="AA22" s="159"/>
      <c r="AB22" s="69">
        <v>1</v>
      </c>
      <c r="AC22" s="69">
        <v>3</v>
      </c>
      <c r="AD22" s="69">
        <v>1</v>
      </c>
      <c r="AE22" s="69">
        <v>1</v>
      </c>
      <c r="AF22" s="69">
        <v>0</v>
      </c>
      <c r="AG22" s="70">
        <v>6</v>
      </c>
      <c r="AH22" s="71">
        <v>8</v>
      </c>
      <c r="AI22" s="84">
        <v>3</v>
      </c>
      <c r="AJ22" s="69">
        <v>2</v>
      </c>
      <c r="AK22" s="70">
        <v>5</v>
      </c>
      <c r="AL22" s="159"/>
      <c r="AM22" s="69">
        <v>3</v>
      </c>
      <c r="AN22" s="69">
        <v>4</v>
      </c>
      <c r="AO22" s="69">
        <v>1</v>
      </c>
      <c r="AP22" s="69">
        <v>2</v>
      </c>
      <c r="AQ22" s="69">
        <v>0</v>
      </c>
      <c r="AR22" s="70">
        <v>10</v>
      </c>
      <c r="AS22" s="71">
        <v>15</v>
      </c>
      <c r="AT22" s="68">
        <v>8</v>
      </c>
      <c r="AU22" s="69">
        <v>8</v>
      </c>
      <c r="AV22" s="70">
        <v>16</v>
      </c>
      <c r="AW22" s="159"/>
      <c r="AX22" s="69">
        <v>10</v>
      </c>
      <c r="AY22" s="69">
        <v>11</v>
      </c>
      <c r="AZ22" s="69">
        <v>6</v>
      </c>
      <c r="BA22" s="69">
        <v>5</v>
      </c>
      <c r="BB22" s="69">
        <v>2</v>
      </c>
      <c r="BC22" s="70">
        <v>34</v>
      </c>
      <c r="BD22" s="71">
        <v>50</v>
      </c>
      <c r="BE22" s="84">
        <v>7</v>
      </c>
      <c r="BF22" s="69">
        <v>12</v>
      </c>
      <c r="BG22" s="70">
        <v>19</v>
      </c>
      <c r="BH22" s="159"/>
      <c r="BI22" s="69">
        <v>30</v>
      </c>
      <c r="BJ22" s="69">
        <v>15</v>
      </c>
      <c r="BK22" s="69">
        <v>8</v>
      </c>
      <c r="BL22" s="69">
        <v>5</v>
      </c>
      <c r="BM22" s="69">
        <v>1</v>
      </c>
      <c r="BN22" s="70">
        <v>59</v>
      </c>
      <c r="BO22" s="71">
        <v>78</v>
      </c>
      <c r="BP22" s="68">
        <v>11</v>
      </c>
      <c r="BQ22" s="69">
        <v>10</v>
      </c>
      <c r="BR22" s="70">
        <v>21</v>
      </c>
      <c r="BS22" s="159"/>
      <c r="BT22" s="69">
        <v>24</v>
      </c>
      <c r="BU22" s="69">
        <v>18</v>
      </c>
      <c r="BV22" s="69">
        <v>6</v>
      </c>
      <c r="BW22" s="69">
        <v>9</v>
      </c>
      <c r="BX22" s="69">
        <v>8</v>
      </c>
      <c r="BY22" s="70">
        <v>65</v>
      </c>
      <c r="BZ22" s="71">
        <v>86</v>
      </c>
      <c r="CA22" s="68">
        <v>0</v>
      </c>
      <c r="CB22" s="69">
        <v>0</v>
      </c>
      <c r="CC22" s="70">
        <v>0</v>
      </c>
      <c r="CD22" s="159"/>
      <c r="CE22" s="69">
        <v>0</v>
      </c>
      <c r="CF22" s="69">
        <v>0</v>
      </c>
      <c r="CG22" s="69">
        <v>0</v>
      </c>
      <c r="CH22" s="69">
        <v>0</v>
      </c>
      <c r="CI22" s="69">
        <v>0</v>
      </c>
      <c r="CJ22" s="70">
        <v>0</v>
      </c>
      <c r="CK22" s="71">
        <v>0</v>
      </c>
      <c r="CL22" s="68">
        <v>29</v>
      </c>
      <c r="CM22" s="69">
        <v>34</v>
      </c>
      <c r="CN22" s="70">
        <v>63</v>
      </c>
      <c r="CO22" s="159"/>
      <c r="CP22" s="69">
        <v>69</v>
      </c>
      <c r="CQ22" s="69">
        <v>53</v>
      </c>
      <c r="CR22" s="69">
        <v>23</v>
      </c>
      <c r="CS22" s="69">
        <v>23</v>
      </c>
      <c r="CT22" s="69">
        <v>11</v>
      </c>
      <c r="CU22" s="70">
        <v>179</v>
      </c>
      <c r="CV22" s="71">
        <v>242</v>
      </c>
      <c r="CW22" s="108">
        <v>2</v>
      </c>
      <c r="CX22" s="80">
        <v>2</v>
      </c>
      <c r="CY22" s="81">
        <v>4</v>
      </c>
      <c r="CZ22" s="159"/>
      <c r="DA22" s="80">
        <v>7</v>
      </c>
      <c r="DB22" s="80">
        <v>9</v>
      </c>
      <c r="DC22" s="80">
        <v>7</v>
      </c>
      <c r="DD22" s="80">
        <v>6</v>
      </c>
      <c r="DE22" s="80">
        <v>4</v>
      </c>
      <c r="DF22" s="82">
        <v>33</v>
      </c>
      <c r="DG22" s="83">
        <v>37</v>
      </c>
      <c r="DH22" s="84">
        <v>0</v>
      </c>
      <c r="DI22" s="69">
        <v>0</v>
      </c>
      <c r="DJ22" s="70">
        <v>0</v>
      </c>
      <c r="DK22" s="159"/>
      <c r="DL22" s="69">
        <v>0</v>
      </c>
      <c r="DM22" s="69">
        <v>0</v>
      </c>
      <c r="DN22" s="69">
        <v>0</v>
      </c>
      <c r="DO22" s="69">
        <v>0</v>
      </c>
      <c r="DP22" s="69">
        <v>0</v>
      </c>
      <c r="DQ22" s="70">
        <v>0</v>
      </c>
      <c r="DR22" s="71">
        <v>0</v>
      </c>
      <c r="DS22" s="68">
        <v>0</v>
      </c>
      <c r="DT22" s="69">
        <v>0</v>
      </c>
      <c r="DU22" s="70">
        <v>0</v>
      </c>
      <c r="DV22" s="159"/>
      <c r="DW22" s="69">
        <v>0</v>
      </c>
      <c r="DX22" s="69">
        <v>2</v>
      </c>
      <c r="DY22" s="69">
        <v>1</v>
      </c>
      <c r="DZ22" s="69">
        <v>0</v>
      </c>
      <c r="EA22" s="69">
        <v>0</v>
      </c>
      <c r="EB22" s="70">
        <v>3</v>
      </c>
      <c r="EC22" s="71">
        <v>3</v>
      </c>
      <c r="ED22" s="84">
        <v>1</v>
      </c>
      <c r="EE22" s="69">
        <v>0</v>
      </c>
      <c r="EF22" s="70">
        <v>1</v>
      </c>
      <c r="EG22" s="159"/>
      <c r="EH22" s="69">
        <v>3</v>
      </c>
      <c r="EI22" s="69">
        <v>1</v>
      </c>
      <c r="EJ22" s="69">
        <v>2</v>
      </c>
      <c r="EK22" s="69">
        <v>0</v>
      </c>
      <c r="EL22" s="69">
        <v>0</v>
      </c>
      <c r="EM22" s="70">
        <v>6</v>
      </c>
      <c r="EN22" s="71">
        <v>7</v>
      </c>
      <c r="EO22" s="68">
        <v>1</v>
      </c>
      <c r="EP22" s="69">
        <v>1</v>
      </c>
      <c r="EQ22" s="70">
        <v>2</v>
      </c>
      <c r="ER22" s="159"/>
      <c r="ES22" s="69">
        <v>0</v>
      </c>
      <c r="ET22" s="69">
        <v>2</v>
      </c>
      <c r="EU22" s="69">
        <v>0</v>
      </c>
      <c r="EV22" s="69">
        <v>1</v>
      </c>
      <c r="EW22" s="69">
        <v>1</v>
      </c>
      <c r="EX22" s="70">
        <v>4</v>
      </c>
      <c r="EY22" s="71">
        <v>6</v>
      </c>
      <c r="EZ22" s="84">
        <v>0</v>
      </c>
      <c r="FA22" s="69">
        <v>0</v>
      </c>
      <c r="FB22" s="70">
        <v>0</v>
      </c>
      <c r="FC22" s="159"/>
      <c r="FD22" s="69">
        <v>2</v>
      </c>
      <c r="FE22" s="69">
        <v>1</v>
      </c>
      <c r="FF22" s="69">
        <v>1</v>
      </c>
      <c r="FG22" s="69">
        <v>0</v>
      </c>
      <c r="FH22" s="69">
        <v>1</v>
      </c>
      <c r="FI22" s="70">
        <v>5</v>
      </c>
      <c r="FJ22" s="71">
        <v>5</v>
      </c>
      <c r="FK22" s="68">
        <v>0</v>
      </c>
      <c r="FL22" s="69">
        <v>1</v>
      </c>
      <c r="FM22" s="70">
        <v>1</v>
      </c>
      <c r="FN22" s="159"/>
      <c r="FO22" s="69">
        <v>2</v>
      </c>
      <c r="FP22" s="69">
        <v>3</v>
      </c>
      <c r="FQ22" s="69">
        <v>3</v>
      </c>
      <c r="FR22" s="69">
        <v>5</v>
      </c>
      <c r="FS22" s="69">
        <v>2</v>
      </c>
      <c r="FT22" s="70">
        <v>15</v>
      </c>
      <c r="FU22" s="71">
        <v>16</v>
      </c>
      <c r="FV22" s="68">
        <v>0</v>
      </c>
      <c r="FW22" s="69">
        <v>0</v>
      </c>
      <c r="FX22" s="70">
        <v>0</v>
      </c>
      <c r="FY22" s="159"/>
      <c r="FZ22" s="69">
        <v>0</v>
      </c>
      <c r="GA22" s="69">
        <v>0</v>
      </c>
      <c r="GB22" s="69">
        <v>0</v>
      </c>
      <c r="GC22" s="69">
        <v>0</v>
      </c>
      <c r="GD22" s="69">
        <v>0</v>
      </c>
      <c r="GE22" s="70">
        <v>0</v>
      </c>
      <c r="GF22" s="71">
        <v>0</v>
      </c>
      <c r="GG22" s="68">
        <v>2</v>
      </c>
      <c r="GH22" s="69">
        <v>2</v>
      </c>
      <c r="GI22" s="70">
        <v>4</v>
      </c>
      <c r="GJ22" s="159"/>
      <c r="GK22" s="69">
        <v>7</v>
      </c>
      <c r="GL22" s="69">
        <v>9</v>
      </c>
      <c r="GM22" s="69">
        <v>7</v>
      </c>
      <c r="GN22" s="69">
        <v>6</v>
      </c>
      <c r="GO22" s="69">
        <v>4</v>
      </c>
      <c r="GP22" s="70">
        <v>33</v>
      </c>
      <c r="GQ22" s="71">
        <v>37</v>
      </c>
      <c r="GR22" s="108">
        <v>31</v>
      </c>
      <c r="GS22" s="80">
        <v>36</v>
      </c>
      <c r="GT22" s="81">
        <v>67</v>
      </c>
      <c r="GU22" s="159"/>
      <c r="GV22" s="80">
        <v>76</v>
      </c>
      <c r="GW22" s="80">
        <v>62</v>
      </c>
      <c r="GX22" s="80">
        <v>30</v>
      </c>
      <c r="GY22" s="80">
        <v>29</v>
      </c>
      <c r="GZ22" s="80">
        <v>15</v>
      </c>
      <c r="HA22" s="82">
        <v>212</v>
      </c>
      <c r="HB22" s="83">
        <v>279</v>
      </c>
      <c r="HC22" s="84">
        <v>0</v>
      </c>
      <c r="HD22" s="69">
        <v>0</v>
      </c>
      <c r="HE22" s="70">
        <v>0</v>
      </c>
      <c r="HF22" s="159"/>
      <c r="HG22" s="69">
        <v>1</v>
      </c>
      <c r="HH22" s="69">
        <v>2</v>
      </c>
      <c r="HI22" s="69">
        <v>1</v>
      </c>
      <c r="HJ22" s="69">
        <v>1</v>
      </c>
      <c r="HK22" s="69">
        <v>0</v>
      </c>
      <c r="HL22" s="70">
        <v>5</v>
      </c>
      <c r="HM22" s="71">
        <v>5</v>
      </c>
      <c r="HN22" s="68">
        <v>0</v>
      </c>
      <c r="HO22" s="69">
        <v>2</v>
      </c>
      <c r="HP22" s="70">
        <v>2</v>
      </c>
      <c r="HQ22" s="159"/>
      <c r="HR22" s="69">
        <v>1</v>
      </c>
      <c r="HS22" s="69">
        <v>5</v>
      </c>
      <c r="HT22" s="69">
        <v>2</v>
      </c>
      <c r="HU22" s="69">
        <v>1</v>
      </c>
      <c r="HV22" s="69">
        <v>0</v>
      </c>
      <c r="HW22" s="70">
        <v>9</v>
      </c>
      <c r="HX22" s="71">
        <v>11</v>
      </c>
      <c r="HY22" s="84">
        <v>4</v>
      </c>
      <c r="HZ22" s="69">
        <v>2</v>
      </c>
      <c r="IA22" s="70">
        <v>6</v>
      </c>
      <c r="IB22" s="159"/>
      <c r="IC22" s="69">
        <v>6</v>
      </c>
      <c r="ID22" s="69">
        <v>5</v>
      </c>
      <c r="IE22" s="69">
        <v>3</v>
      </c>
      <c r="IF22" s="69">
        <v>2</v>
      </c>
      <c r="IG22" s="69">
        <v>0</v>
      </c>
      <c r="IH22" s="70">
        <v>16</v>
      </c>
      <c r="II22" s="71">
        <v>22</v>
      </c>
      <c r="IJ22" s="68">
        <v>9</v>
      </c>
      <c r="IK22" s="69">
        <v>9</v>
      </c>
      <c r="IL22" s="70">
        <v>18</v>
      </c>
      <c r="IM22" s="159"/>
      <c r="IN22" s="69">
        <v>10</v>
      </c>
      <c r="IO22" s="69">
        <v>13</v>
      </c>
      <c r="IP22" s="69">
        <v>6</v>
      </c>
      <c r="IQ22" s="69">
        <v>6</v>
      </c>
      <c r="IR22" s="69">
        <v>3</v>
      </c>
      <c r="IS22" s="70">
        <v>38</v>
      </c>
      <c r="IT22" s="71">
        <v>56</v>
      </c>
      <c r="IU22" s="84">
        <v>7</v>
      </c>
      <c r="IV22" s="69">
        <v>12</v>
      </c>
      <c r="IW22" s="70">
        <v>19</v>
      </c>
      <c r="IX22" s="159"/>
      <c r="IY22" s="69">
        <v>32</v>
      </c>
      <c r="IZ22" s="69">
        <v>16</v>
      </c>
      <c r="JA22" s="69">
        <v>9</v>
      </c>
      <c r="JB22" s="69">
        <v>5</v>
      </c>
      <c r="JC22" s="69">
        <v>2</v>
      </c>
      <c r="JD22" s="70">
        <v>64</v>
      </c>
      <c r="JE22" s="71">
        <v>83</v>
      </c>
      <c r="JF22" s="68">
        <v>11</v>
      </c>
      <c r="JG22" s="69">
        <v>11</v>
      </c>
      <c r="JH22" s="70">
        <v>22</v>
      </c>
      <c r="JI22" s="159"/>
      <c r="JJ22" s="69">
        <v>26</v>
      </c>
      <c r="JK22" s="69">
        <v>21</v>
      </c>
      <c r="JL22" s="69">
        <v>9</v>
      </c>
      <c r="JM22" s="69">
        <v>14</v>
      </c>
      <c r="JN22" s="69">
        <v>10</v>
      </c>
      <c r="JO22" s="70">
        <v>80</v>
      </c>
      <c r="JP22" s="71">
        <v>102</v>
      </c>
      <c r="JQ22" s="68">
        <v>0</v>
      </c>
      <c r="JR22" s="69">
        <v>0</v>
      </c>
      <c r="JS22" s="70">
        <v>0</v>
      </c>
      <c r="JT22" s="159"/>
      <c r="JU22" s="69">
        <v>0</v>
      </c>
      <c r="JV22" s="69">
        <v>0</v>
      </c>
      <c r="JW22" s="69">
        <v>0</v>
      </c>
      <c r="JX22" s="69">
        <v>0</v>
      </c>
      <c r="JY22" s="69">
        <v>0</v>
      </c>
      <c r="JZ22" s="70">
        <v>0</v>
      </c>
      <c r="KA22" s="71">
        <v>0</v>
      </c>
      <c r="KB22" s="68">
        <v>31</v>
      </c>
      <c r="KC22" s="69">
        <v>36</v>
      </c>
      <c r="KD22" s="70">
        <v>67</v>
      </c>
      <c r="KE22" s="159"/>
      <c r="KF22" s="69">
        <v>76</v>
      </c>
      <c r="KG22" s="69">
        <v>62</v>
      </c>
      <c r="KH22" s="69">
        <v>30</v>
      </c>
      <c r="KI22" s="69">
        <v>29</v>
      </c>
      <c r="KJ22" s="69">
        <v>15</v>
      </c>
      <c r="KK22" s="70">
        <v>212</v>
      </c>
      <c r="KL22" s="71">
        <v>279</v>
      </c>
    </row>
    <row r="23" spans="1:298" ht="19.5" customHeight="1" x14ac:dyDescent="0.2">
      <c r="A23" s="111" t="s">
        <v>20</v>
      </c>
      <c r="B23" s="215">
        <v>56</v>
      </c>
      <c r="C23" s="80">
        <v>74</v>
      </c>
      <c r="D23" s="81">
        <v>130</v>
      </c>
      <c r="E23" s="159"/>
      <c r="F23" s="80">
        <v>111</v>
      </c>
      <c r="G23" s="80">
        <v>67</v>
      </c>
      <c r="H23" s="80">
        <v>48</v>
      </c>
      <c r="I23" s="80">
        <v>42</v>
      </c>
      <c r="J23" s="80">
        <v>17</v>
      </c>
      <c r="K23" s="82">
        <v>285</v>
      </c>
      <c r="L23" s="83">
        <v>415</v>
      </c>
      <c r="M23" s="68">
        <v>0</v>
      </c>
      <c r="N23" s="69">
        <v>2</v>
      </c>
      <c r="O23" s="70">
        <v>2</v>
      </c>
      <c r="P23" s="159"/>
      <c r="Q23" s="69">
        <v>3</v>
      </c>
      <c r="R23" s="69">
        <v>0</v>
      </c>
      <c r="S23" s="69">
        <v>1</v>
      </c>
      <c r="T23" s="69">
        <v>0</v>
      </c>
      <c r="U23" s="69">
        <v>0</v>
      </c>
      <c r="V23" s="70">
        <v>4</v>
      </c>
      <c r="W23" s="71">
        <v>6</v>
      </c>
      <c r="X23" s="68">
        <v>0</v>
      </c>
      <c r="Y23" s="69">
        <v>2</v>
      </c>
      <c r="Z23" s="70">
        <v>2</v>
      </c>
      <c r="AA23" s="159"/>
      <c r="AB23" s="69">
        <v>8</v>
      </c>
      <c r="AC23" s="69">
        <v>2</v>
      </c>
      <c r="AD23" s="69">
        <v>4</v>
      </c>
      <c r="AE23" s="69">
        <v>2</v>
      </c>
      <c r="AF23" s="69">
        <v>1</v>
      </c>
      <c r="AG23" s="70">
        <v>17</v>
      </c>
      <c r="AH23" s="71">
        <v>19</v>
      </c>
      <c r="AI23" s="68">
        <v>11</v>
      </c>
      <c r="AJ23" s="69">
        <v>9</v>
      </c>
      <c r="AK23" s="70">
        <v>20</v>
      </c>
      <c r="AL23" s="159"/>
      <c r="AM23" s="69">
        <v>9</v>
      </c>
      <c r="AN23" s="69">
        <v>7</v>
      </c>
      <c r="AO23" s="69">
        <v>6</v>
      </c>
      <c r="AP23" s="69">
        <v>9</v>
      </c>
      <c r="AQ23" s="69">
        <v>6</v>
      </c>
      <c r="AR23" s="70">
        <v>37</v>
      </c>
      <c r="AS23" s="71">
        <v>57</v>
      </c>
      <c r="AT23" s="68">
        <v>13</v>
      </c>
      <c r="AU23" s="69">
        <v>18</v>
      </c>
      <c r="AV23" s="70">
        <v>31</v>
      </c>
      <c r="AW23" s="159"/>
      <c r="AX23" s="69">
        <v>29</v>
      </c>
      <c r="AY23" s="69">
        <v>24</v>
      </c>
      <c r="AZ23" s="69">
        <v>8</v>
      </c>
      <c r="BA23" s="69">
        <v>6</v>
      </c>
      <c r="BB23" s="69">
        <v>3</v>
      </c>
      <c r="BC23" s="70">
        <v>70</v>
      </c>
      <c r="BD23" s="71">
        <v>101</v>
      </c>
      <c r="BE23" s="68">
        <v>16</v>
      </c>
      <c r="BF23" s="69">
        <v>24</v>
      </c>
      <c r="BG23" s="70">
        <v>40</v>
      </c>
      <c r="BH23" s="159"/>
      <c r="BI23" s="69">
        <v>37</v>
      </c>
      <c r="BJ23" s="69">
        <v>21</v>
      </c>
      <c r="BK23" s="69">
        <v>14</v>
      </c>
      <c r="BL23" s="69">
        <v>9</v>
      </c>
      <c r="BM23" s="69">
        <v>6</v>
      </c>
      <c r="BN23" s="70">
        <v>87</v>
      </c>
      <c r="BO23" s="71">
        <v>127</v>
      </c>
      <c r="BP23" s="68">
        <v>16</v>
      </c>
      <c r="BQ23" s="69">
        <v>19</v>
      </c>
      <c r="BR23" s="70">
        <v>35</v>
      </c>
      <c r="BS23" s="159"/>
      <c r="BT23" s="69">
        <v>25</v>
      </c>
      <c r="BU23" s="69">
        <v>13</v>
      </c>
      <c r="BV23" s="69">
        <v>15</v>
      </c>
      <c r="BW23" s="69">
        <v>16</v>
      </c>
      <c r="BX23" s="69">
        <v>1</v>
      </c>
      <c r="BY23" s="70">
        <v>70</v>
      </c>
      <c r="BZ23" s="71">
        <v>105</v>
      </c>
      <c r="CA23" s="68">
        <v>0</v>
      </c>
      <c r="CB23" s="69">
        <v>0</v>
      </c>
      <c r="CC23" s="70">
        <v>0</v>
      </c>
      <c r="CD23" s="159"/>
      <c r="CE23" s="69">
        <v>0</v>
      </c>
      <c r="CF23" s="69">
        <v>0</v>
      </c>
      <c r="CG23" s="69">
        <v>0</v>
      </c>
      <c r="CH23" s="69">
        <v>0</v>
      </c>
      <c r="CI23" s="69">
        <v>0</v>
      </c>
      <c r="CJ23" s="70">
        <v>0</v>
      </c>
      <c r="CK23" s="71">
        <v>0</v>
      </c>
      <c r="CL23" s="68">
        <v>56</v>
      </c>
      <c r="CM23" s="69">
        <v>74</v>
      </c>
      <c r="CN23" s="70">
        <v>130</v>
      </c>
      <c r="CO23" s="159"/>
      <c r="CP23" s="69">
        <v>111</v>
      </c>
      <c r="CQ23" s="69">
        <v>67</v>
      </c>
      <c r="CR23" s="69">
        <v>48</v>
      </c>
      <c r="CS23" s="69">
        <v>42</v>
      </c>
      <c r="CT23" s="69">
        <v>17</v>
      </c>
      <c r="CU23" s="70">
        <v>285</v>
      </c>
      <c r="CV23" s="71">
        <v>415</v>
      </c>
      <c r="CW23" s="108">
        <v>8</v>
      </c>
      <c r="CX23" s="80">
        <v>5</v>
      </c>
      <c r="CY23" s="81">
        <v>13</v>
      </c>
      <c r="CZ23" s="159"/>
      <c r="DA23" s="80">
        <v>11</v>
      </c>
      <c r="DB23" s="80">
        <v>6</v>
      </c>
      <c r="DC23" s="80">
        <v>8</v>
      </c>
      <c r="DD23" s="80">
        <v>4</v>
      </c>
      <c r="DE23" s="80">
        <v>0</v>
      </c>
      <c r="DF23" s="82">
        <v>29</v>
      </c>
      <c r="DG23" s="83">
        <v>42</v>
      </c>
      <c r="DH23" s="68">
        <v>0</v>
      </c>
      <c r="DI23" s="69">
        <v>0</v>
      </c>
      <c r="DJ23" s="70">
        <v>0</v>
      </c>
      <c r="DK23" s="159"/>
      <c r="DL23" s="69">
        <v>0</v>
      </c>
      <c r="DM23" s="69">
        <v>0</v>
      </c>
      <c r="DN23" s="69">
        <v>1</v>
      </c>
      <c r="DO23" s="69">
        <v>0</v>
      </c>
      <c r="DP23" s="69">
        <v>0</v>
      </c>
      <c r="DQ23" s="70">
        <v>1</v>
      </c>
      <c r="DR23" s="71">
        <v>1</v>
      </c>
      <c r="DS23" s="68">
        <v>0</v>
      </c>
      <c r="DT23" s="69">
        <v>0</v>
      </c>
      <c r="DU23" s="70">
        <v>0</v>
      </c>
      <c r="DV23" s="159"/>
      <c r="DW23" s="69">
        <v>0</v>
      </c>
      <c r="DX23" s="69">
        <v>0</v>
      </c>
      <c r="DY23" s="69">
        <v>0</v>
      </c>
      <c r="DZ23" s="69">
        <v>0</v>
      </c>
      <c r="EA23" s="69">
        <v>0</v>
      </c>
      <c r="EB23" s="70">
        <v>0</v>
      </c>
      <c r="EC23" s="71">
        <v>0</v>
      </c>
      <c r="ED23" s="68">
        <v>1</v>
      </c>
      <c r="EE23" s="69">
        <v>1</v>
      </c>
      <c r="EF23" s="70">
        <v>2</v>
      </c>
      <c r="EG23" s="159"/>
      <c r="EH23" s="69">
        <v>1</v>
      </c>
      <c r="EI23" s="69">
        <v>1</v>
      </c>
      <c r="EJ23" s="69">
        <v>0</v>
      </c>
      <c r="EK23" s="69">
        <v>0</v>
      </c>
      <c r="EL23" s="69">
        <v>0</v>
      </c>
      <c r="EM23" s="70">
        <v>2</v>
      </c>
      <c r="EN23" s="71">
        <v>4</v>
      </c>
      <c r="EO23" s="68">
        <v>5</v>
      </c>
      <c r="EP23" s="69">
        <v>1</v>
      </c>
      <c r="EQ23" s="70">
        <v>6</v>
      </c>
      <c r="ER23" s="159"/>
      <c r="ES23" s="69">
        <v>2</v>
      </c>
      <c r="ET23" s="69">
        <v>1</v>
      </c>
      <c r="EU23" s="69">
        <v>0</v>
      </c>
      <c r="EV23" s="69">
        <v>1</v>
      </c>
      <c r="EW23" s="69">
        <v>0</v>
      </c>
      <c r="EX23" s="70">
        <v>4</v>
      </c>
      <c r="EY23" s="71">
        <v>10</v>
      </c>
      <c r="EZ23" s="68">
        <v>2</v>
      </c>
      <c r="FA23" s="69">
        <v>1</v>
      </c>
      <c r="FB23" s="70">
        <v>3</v>
      </c>
      <c r="FC23" s="159"/>
      <c r="FD23" s="69">
        <v>5</v>
      </c>
      <c r="FE23" s="69">
        <v>0</v>
      </c>
      <c r="FF23" s="69">
        <v>4</v>
      </c>
      <c r="FG23" s="69">
        <v>0</v>
      </c>
      <c r="FH23" s="69">
        <v>0</v>
      </c>
      <c r="FI23" s="70">
        <v>9</v>
      </c>
      <c r="FJ23" s="71">
        <v>12</v>
      </c>
      <c r="FK23" s="68">
        <v>0</v>
      </c>
      <c r="FL23" s="69">
        <v>2</v>
      </c>
      <c r="FM23" s="70">
        <v>2</v>
      </c>
      <c r="FN23" s="159"/>
      <c r="FO23" s="69">
        <v>3</v>
      </c>
      <c r="FP23" s="69">
        <v>4</v>
      </c>
      <c r="FQ23" s="69">
        <v>3</v>
      </c>
      <c r="FR23" s="69">
        <v>3</v>
      </c>
      <c r="FS23" s="69">
        <v>0</v>
      </c>
      <c r="FT23" s="70">
        <v>13</v>
      </c>
      <c r="FU23" s="71">
        <v>15</v>
      </c>
      <c r="FV23" s="68">
        <v>0</v>
      </c>
      <c r="FW23" s="69">
        <v>0</v>
      </c>
      <c r="FX23" s="70">
        <v>0</v>
      </c>
      <c r="FY23" s="159"/>
      <c r="FZ23" s="69">
        <v>0</v>
      </c>
      <c r="GA23" s="69">
        <v>0</v>
      </c>
      <c r="GB23" s="69">
        <v>0</v>
      </c>
      <c r="GC23" s="69">
        <v>0</v>
      </c>
      <c r="GD23" s="69">
        <v>0</v>
      </c>
      <c r="GE23" s="70">
        <v>0</v>
      </c>
      <c r="GF23" s="71">
        <v>0</v>
      </c>
      <c r="GG23" s="68">
        <v>8</v>
      </c>
      <c r="GH23" s="69">
        <v>5</v>
      </c>
      <c r="GI23" s="70">
        <v>13</v>
      </c>
      <c r="GJ23" s="159"/>
      <c r="GK23" s="69">
        <v>11</v>
      </c>
      <c r="GL23" s="69">
        <v>6</v>
      </c>
      <c r="GM23" s="69">
        <v>8</v>
      </c>
      <c r="GN23" s="69">
        <v>4</v>
      </c>
      <c r="GO23" s="69">
        <v>0</v>
      </c>
      <c r="GP23" s="70">
        <v>29</v>
      </c>
      <c r="GQ23" s="71">
        <v>42</v>
      </c>
      <c r="GR23" s="108">
        <v>64</v>
      </c>
      <c r="GS23" s="80">
        <v>79</v>
      </c>
      <c r="GT23" s="81">
        <v>143</v>
      </c>
      <c r="GU23" s="159"/>
      <c r="GV23" s="80">
        <v>122</v>
      </c>
      <c r="GW23" s="80">
        <v>73</v>
      </c>
      <c r="GX23" s="80">
        <v>56</v>
      </c>
      <c r="GY23" s="80">
        <v>46</v>
      </c>
      <c r="GZ23" s="80">
        <v>17</v>
      </c>
      <c r="HA23" s="82">
        <v>314</v>
      </c>
      <c r="HB23" s="83">
        <v>457</v>
      </c>
      <c r="HC23" s="68">
        <v>0</v>
      </c>
      <c r="HD23" s="69">
        <v>2</v>
      </c>
      <c r="HE23" s="70">
        <v>2</v>
      </c>
      <c r="HF23" s="159"/>
      <c r="HG23" s="69">
        <v>3</v>
      </c>
      <c r="HH23" s="69">
        <v>0</v>
      </c>
      <c r="HI23" s="69">
        <v>2</v>
      </c>
      <c r="HJ23" s="69">
        <v>0</v>
      </c>
      <c r="HK23" s="69">
        <v>0</v>
      </c>
      <c r="HL23" s="70">
        <v>5</v>
      </c>
      <c r="HM23" s="71">
        <v>7</v>
      </c>
      <c r="HN23" s="68">
        <v>0</v>
      </c>
      <c r="HO23" s="69">
        <v>2</v>
      </c>
      <c r="HP23" s="70">
        <v>2</v>
      </c>
      <c r="HQ23" s="159"/>
      <c r="HR23" s="69">
        <v>8</v>
      </c>
      <c r="HS23" s="69">
        <v>2</v>
      </c>
      <c r="HT23" s="69">
        <v>4</v>
      </c>
      <c r="HU23" s="69">
        <v>2</v>
      </c>
      <c r="HV23" s="69">
        <v>1</v>
      </c>
      <c r="HW23" s="70">
        <v>17</v>
      </c>
      <c r="HX23" s="71">
        <v>19</v>
      </c>
      <c r="HY23" s="68">
        <v>12</v>
      </c>
      <c r="HZ23" s="69">
        <v>10</v>
      </c>
      <c r="IA23" s="70">
        <v>22</v>
      </c>
      <c r="IB23" s="159"/>
      <c r="IC23" s="69">
        <v>10</v>
      </c>
      <c r="ID23" s="69">
        <v>8</v>
      </c>
      <c r="IE23" s="69">
        <v>6</v>
      </c>
      <c r="IF23" s="69">
        <v>9</v>
      </c>
      <c r="IG23" s="69">
        <v>6</v>
      </c>
      <c r="IH23" s="70">
        <v>39</v>
      </c>
      <c r="II23" s="71">
        <v>61</v>
      </c>
      <c r="IJ23" s="68">
        <v>18</v>
      </c>
      <c r="IK23" s="69">
        <v>19</v>
      </c>
      <c r="IL23" s="70">
        <v>37</v>
      </c>
      <c r="IM23" s="159"/>
      <c r="IN23" s="69">
        <v>31</v>
      </c>
      <c r="IO23" s="69">
        <v>25</v>
      </c>
      <c r="IP23" s="69">
        <v>8</v>
      </c>
      <c r="IQ23" s="69">
        <v>7</v>
      </c>
      <c r="IR23" s="69">
        <v>3</v>
      </c>
      <c r="IS23" s="70">
        <v>74</v>
      </c>
      <c r="IT23" s="71">
        <v>111</v>
      </c>
      <c r="IU23" s="68">
        <v>18</v>
      </c>
      <c r="IV23" s="69">
        <v>25</v>
      </c>
      <c r="IW23" s="70">
        <v>43</v>
      </c>
      <c r="IX23" s="159"/>
      <c r="IY23" s="69">
        <v>42</v>
      </c>
      <c r="IZ23" s="69">
        <v>21</v>
      </c>
      <c r="JA23" s="69">
        <v>18</v>
      </c>
      <c r="JB23" s="69">
        <v>9</v>
      </c>
      <c r="JC23" s="69">
        <v>6</v>
      </c>
      <c r="JD23" s="70">
        <v>96</v>
      </c>
      <c r="JE23" s="71">
        <v>139</v>
      </c>
      <c r="JF23" s="68">
        <v>16</v>
      </c>
      <c r="JG23" s="69">
        <v>21</v>
      </c>
      <c r="JH23" s="70">
        <v>37</v>
      </c>
      <c r="JI23" s="159"/>
      <c r="JJ23" s="69">
        <v>28</v>
      </c>
      <c r="JK23" s="69">
        <v>17</v>
      </c>
      <c r="JL23" s="69">
        <v>18</v>
      </c>
      <c r="JM23" s="69">
        <v>19</v>
      </c>
      <c r="JN23" s="69">
        <v>1</v>
      </c>
      <c r="JO23" s="70">
        <v>83</v>
      </c>
      <c r="JP23" s="71">
        <v>120</v>
      </c>
      <c r="JQ23" s="68">
        <v>0</v>
      </c>
      <c r="JR23" s="69">
        <v>0</v>
      </c>
      <c r="JS23" s="70">
        <v>0</v>
      </c>
      <c r="JT23" s="159"/>
      <c r="JU23" s="69">
        <v>0</v>
      </c>
      <c r="JV23" s="69">
        <v>0</v>
      </c>
      <c r="JW23" s="69">
        <v>0</v>
      </c>
      <c r="JX23" s="69">
        <v>0</v>
      </c>
      <c r="JY23" s="69">
        <v>0</v>
      </c>
      <c r="JZ23" s="70">
        <v>0</v>
      </c>
      <c r="KA23" s="71">
        <v>0</v>
      </c>
      <c r="KB23" s="68">
        <v>64</v>
      </c>
      <c r="KC23" s="69">
        <v>79</v>
      </c>
      <c r="KD23" s="70">
        <v>143</v>
      </c>
      <c r="KE23" s="159"/>
      <c r="KF23" s="69">
        <v>122</v>
      </c>
      <c r="KG23" s="69">
        <v>73</v>
      </c>
      <c r="KH23" s="69">
        <v>56</v>
      </c>
      <c r="KI23" s="69">
        <v>46</v>
      </c>
      <c r="KJ23" s="69">
        <v>17</v>
      </c>
      <c r="KK23" s="70">
        <v>314</v>
      </c>
      <c r="KL23" s="71">
        <v>457</v>
      </c>
    </row>
    <row r="24" spans="1:298" ht="19.5" customHeight="1" x14ac:dyDescent="0.2">
      <c r="A24" s="111" t="s">
        <v>21</v>
      </c>
      <c r="B24" s="215">
        <v>50</v>
      </c>
      <c r="C24" s="80">
        <v>43</v>
      </c>
      <c r="D24" s="81">
        <v>93</v>
      </c>
      <c r="E24" s="159"/>
      <c r="F24" s="80">
        <v>67</v>
      </c>
      <c r="G24" s="80">
        <v>70</v>
      </c>
      <c r="H24" s="80">
        <v>39</v>
      </c>
      <c r="I24" s="80">
        <v>34</v>
      </c>
      <c r="J24" s="80">
        <v>17</v>
      </c>
      <c r="K24" s="82">
        <v>227</v>
      </c>
      <c r="L24" s="83">
        <v>320</v>
      </c>
      <c r="M24" s="68">
        <v>0</v>
      </c>
      <c r="N24" s="69">
        <v>1</v>
      </c>
      <c r="O24" s="70">
        <v>1</v>
      </c>
      <c r="P24" s="159"/>
      <c r="Q24" s="69">
        <v>0</v>
      </c>
      <c r="R24" s="69">
        <v>1</v>
      </c>
      <c r="S24" s="69">
        <v>0</v>
      </c>
      <c r="T24" s="69">
        <v>1</v>
      </c>
      <c r="U24" s="69">
        <v>0</v>
      </c>
      <c r="V24" s="70">
        <v>2</v>
      </c>
      <c r="W24" s="71">
        <v>3</v>
      </c>
      <c r="X24" s="68">
        <v>4</v>
      </c>
      <c r="Y24" s="69">
        <v>3</v>
      </c>
      <c r="Z24" s="70">
        <v>7</v>
      </c>
      <c r="AA24" s="159"/>
      <c r="AB24" s="69">
        <v>4</v>
      </c>
      <c r="AC24" s="69">
        <v>4</v>
      </c>
      <c r="AD24" s="69">
        <v>4</v>
      </c>
      <c r="AE24" s="69">
        <v>1</v>
      </c>
      <c r="AF24" s="69">
        <v>0</v>
      </c>
      <c r="AG24" s="70">
        <v>13</v>
      </c>
      <c r="AH24" s="71">
        <v>20</v>
      </c>
      <c r="AI24" s="68">
        <v>10</v>
      </c>
      <c r="AJ24" s="69">
        <v>2</v>
      </c>
      <c r="AK24" s="70">
        <v>12</v>
      </c>
      <c r="AL24" s="159"/>
      <c r="AM24" s="69">
        <v>4</v>
      </c>
      <c r="AN24" s="69">
        <v>7</v>
      </c>
      <c r="AO24" s="69">
        <v>4</v>
      </c>
      <c r="AP24" s="69">
        <v>5</v>
      </c>
      <c r="AQ24" s="69">
        <v>1</v>
      </c>
      <c r="AR24" s="70">
        <v>21</v>
      </c>
      <c r="AS24" s="71">
        <v>33</v>
      </c>
      <c r="AT24" s="68">
        <v>5</v>
      </c>
      <c r="AU24" s="69">
        <v>11</v>
      </c>
      <c r="AV24" s="70">
        <v>16</v>
      </c>
      <c r="AW24" s="159"/>
      <c r="AX24" s="69">
        <v>17</v>
      </c>
      <c r="AY24" s="69">
        <v>15</v>
      </c>
      <c r="AZ24" s="69">
        <v>8</v>
      </c>
      <c r="BA24" s="69">
        <v>3</v>
      </c>
      <c r="BB24" s="69">
        <v>4</v>
      </c>
      <c r="BC24" s="70">
        <v>47</v>
      </c>
      <c r="BD24" s="71">
        <v>63</v>
      </c>
      <c r="BE24" s="68">
        <v>19</v>
      </c>
      <c r="BF24" s="69">
        <v>15</v>
      </c>
      <c r="BG24" s="70">
        <v>34</v>
      </c>
      <c r="BH24" s="159"/>
      <c r="BI24" s="69">
        <v>23</v>
      </c>
      <c r="BJ24" s="69">
        <v>22</v>
      </c>
      <c r="BK24" s="69">
        <v>10</v>
      </c>
      <c r="BL24" s="69">
        <v>10</v>
      </c>
      <c r="BM24" s="69">
        <v>8</v>
      </c>
      <c r="BN24" s="70">
        <v>73</v>
      </c>
      <c r="BO24" s="71">
        <v>107</v>
      </c>
      <c r="BP24" s="68">
        <v>12</v>
      </c>
      <c r="BQ24" s="69">
        <v>11</v>
      </c>
      <c r="BR24" s="70">
        <v>23</v>
      </c>
      <c r="BS24" s="159"/>
      <c r="BT24" s="69">
        <v>19</v>
      </c>
      <c r="BU24" s="69">
        <v>21</v>
      </c>
      <c r="BV24" s="69">
        <v>13</v>
      </c>
      <c r="BW24" s="69">
        <v>14</v>
      </c>
      <c r="BX24" s="69">
        <v>4</v>
      </c>
      <c r="BY24" s="70">
        <v>71</v>
      </c>
      <c r="BZ24" s="71">
        <v>94</v>
      </c>
      <c r="CA24" s="68">
        <v>0</v>
      </c>
      <c r="CB24" s="69">
        <v>0</v>
      </c>
      <c r="CC24" s="70">
        <v>0</v>
      </c>
      <c r="CD24" s="159"/>
      <c r="CE24" s="69">
        <v>0</v>
      </c>
      <c r="CF24" s="69">
        <v>0</v>
      </c>
      <c r="CG24" s="69">
        <v>0</v>
      </c>
      <c r="CH24" s="69">
        <v>0</v>
      </c>
      <c r="CI24" s="69">
        <v>0</v>
      </c>
      <c r="CJ24" s="70">
        <v>0</v>
      </c>
      <c r="CK24" s="71">
        <v>0</v>
      </c>
      <c r="CL24" s="68">
        <v>50</v>
      </c>
      <c r="CM24" s="69">
        <v>43</v>
      </c>
      <c r="CN24" s="70">
        <v>93</v>
      </c>
      <c r="CO24" s="159"/>
      <c r="CP24" s="69">
        <v>67</v>
      </c>
      <c r="CQ24" s="69">
        <v>70</v>
      </c>
      <c r="CR24" s="69">
        <v>39</v>
      </c>
      <c r="CS24" s="69">
        <v>34</v>
      </c>
      <c r="CT24" s="69">
        <v>17</v>
      </c>
      <c r="CU24" s="70">
        <v>227</v>
      </c>
      <c r="CV24" s="71">
        <v>320</v>
      </c>
      <c r="CW24" s="108">
        <v>8</v>
      </c>
      <c r="CX24" s="80">
        <v>6</v>
      </c>
      <c r="CY24" s="81">
        <v>14</v>
      </c>
      <c r="CZ24" s="159"/>
      <c r="DA24" s="80">
        <v>12</v>
      </c>
      <c r="DB24" s="80">
        <v>8</v>
      </c>
      <c r="DC24" s="80">
        <v>9</v>
      </c>
      <c r="DD24" s="80">
        <v>4</v>
      </c>
      <c r="DE24" s="80">
        <v>6</v>
      </c>
      <c r="DF24" s="82">
        <v>39</v>
      </c>
      <c r="DG24" s="83">
        <v>53</v>
      </c>
      <c r="DH24" s="68">
        <v>0</v>
      </c>
      <c r="DI24" s="69">
        <v>1</v>
      </c>
      <c r="DJ24" s="70">
        <v>1</v>
      </c>
      <c r="DK24" s="159"/>
      <c r="DL24" s="69">
        <v>0</v>
      </c>
      <c r="DM24" s="69">
        <v>1</v>
      </c>
      <c r="DN24" s="69">
        <v>0</v>
      </c>
      <c r="DO24" s="69">
        <v>0</v>
      </c>
      <c r="DP24" s="69">
        <v>0</v>
      </c>
      <c r="DQ24" s="70">
        <v>1</v>
      </c>
      <c r="DR24" s="71">
        <v>2</v>
      </c>
      <c r="DS24" s="68">
        <v>1</v>
      </c>
      <c r="DT24" s="69">
        <v>0</v>
      </c>
      <c r="DU24" s="70">
        <v>1</v>
      </c>
      <c r="DV24" s="159"/>
      <c r="DW24" s="69">
        <v>1</v>
      </c>
      <c r="DX24" s="69">
        <v>0</v>
      </c>
      <c r="DY24" s="69">
        <v>0</v>
      </c>
      <c r="DZ24" s="69">
        <v>0</v>
      </c>
      <c r="EA24" s="69">
        <v>0</v>
      </c>
      <c r="EB24" s="70">
        <v>1</v>
      </c>
      <c r="EC24" s="71">
        <v>2</v>
      </c>
      <c r="ED24" s="68">
        <v>1</v>
      </c>
      <c r="EE24" s="69">
        <v>0</v>
      </c>
      <c r="EF24" s="70">
        <v>1</v>
      </c>
      <c r="EG24" s="159"/>
      <c r="EH24" s="69">
        <v>0</v>
      </c>
      <c r="EI24" s="69">
        <v>0</v>
      </c>
      <c r="EJ24" s="69">
        <v>0</v>
      </c>
      <c r="EK24" s="69">
        <v>0</v>
      </c>
      <c r="EL24" s="69">
        <v>0</v>
      </c>
      <c r="EM24" s="70">
        <v>0</v>
      </c>
      <c r="EN24" s="71">
        <v>1</v>
      </c>
      <c r="EO24" s="68">
        <v>0</v>
      </c>
      <c r="EP24" s="69">
        <v>2</v>
      </c>
      <c r="EQ24" s="70">
        <v>2</v>
      </c>
      <c r="ER24" s="159"/>
      <c r="ES24" s="69">
        <v>1</v>
      </c>
      <c r="ET24" s="69">
        <v>1</v>
      </c>
      <c r="EU24" s="69">
        <v>1</v>
      </c>
      <c r="EV24" s="69">
        <v>1</v>
      </c>
      <c r="EW24" s="69">
        <v>2</v>
      </c>
      <c r="EX24" s="70">
        <v>6</v>
      </c>
      <c r="EY24" s="71">
        <v>8</v>
      </c>
      <c r="EZ24" s="68">
        <v>3</v>
      </c>
      <c r="FA24" s="69">
        <v>1</v>
      </c>
      <c r="FB24" s="70">
        <v>4</v>
      </c>
      <c r="FC24" s="159"/>
      <c r="FD24" s="69">
        <v>5</v>
      </c>
      <c r="FE24" s="69">
        <v>1</v>
      </c>
      <c r="FF24" s="69">
        <v>5</v>
      </c>
      <c r="FG24" s="69">
        <v>2</v>
      </c>
      <c r="FH24" s="69">
        <v>1</v>
      </c>
      <c r="FI24" s="70">
        <v>14</v>
      </c>
      <c r="FJ24" s="71">
        <v>18</v>
      </c>
      <c r="FK24" s="68">
        <v>3</v>
      </c>
      <c r="FL24" s="69">
        <v>2</v>
      </c>
      <c r="FM24" s="70">
        <v>5</v>
      </c>
      <c r="FN24" s="159"/>
      <c r="FO24" s="69">
        <v>5</v>
      </c>
      <c r="FP24" s="69">
        <v>5</v>
      </c>
      <c r="FQ24" s="69">
        <v>3</v>
      </c>
      <c r="FR24" s="69">
        <v>1</v>
      </c>
      <c r="FS24" s="69">
        <v>3</v>
      </c>
      <c r="FT24" s="70">
        <v>17</v>
      </c>
      <c r="FU24" s="71">
        <v>22</v>
      </c>
      <c r="FV24" s="68">
        <v>0</v>
      </c>
      <c r="FW24" s="69">
        <v>0</v>
      </c>
      <c r="FX24" s="70">
        <v>0</v>
      </c>
      <c r="FY24" s="159"/>
      <c r="FZ24" s="69">
        <v>0</v>
      </c>
      <c r="GA24" s="69">
        <v>0</v>
      </c>
      <c r="GB24" s="69">
        <v>0</v>
      </c>
      <c r="GC24" s="69">
        <v>0</v>
      </c>
      <c r="GD24" s="69">
        <v>0</v>
      </c>
      <c r="GE24" s="70">
        <v>0</v>
      </c>
      <c r="GF24" s="71">
        <v>0</v>
      </c>
      <c r="GG24" s="68">
        <v>8</v>
      </c>
      <c r="GH24" s="69">
        <v>6</v>
      </c>
      <c r="GI24" s="70">
        <v>14</v>
      </c>
      <c r="GJ24" s="159"/>
      <c r="GK24" s="69">
        <v>12</v>
      </c>
      <c r="GL24" s="69">
        <v>8</v>
      </c>
      <c r="GM24" s="69">
        <v>9</v>
      </c>
      <c r="GN24" s="69">
        <v>4</v>
      </c>
      <c r="GO24" s="69">
        <v>6</v>
      </c>
      <c r="GP24" s="70">
        <v>39</v>
      </c>
      <c r="GQ24" s="71">
        <v>53</v>
      </c>
      <c r="GR24" s="108">
        <v>58</v>
      </c>
      <c r="GS24" s="80">
        <v>49</v>
      </c>
      <c r="GT24" s="81">
        <v>107</v>
      </c>
      <c r="GU24" s="159"/>
      <c r="GV24" s="80">
        <v>79</v>
      </c>
      <c r="GW24" s="80">
        <v>78</v>
      </c>
      <c r="GX24" s="80">
        <v>48</v>
      </c>
      <c r="GY24" s="80">
        <v>38</v>
      </c>
      <c r="GZ24" s="80">
        <v>23</v>
      </c>
      <c r="HA24" s="82">
        <v>266</v>
      </c>
      <c r="HB24" s="83">
        <v>373</v>
      </c>
      <c r="HC24" s="68">
        <v>0</v>
      </c>
      <c r="HD24" s="69">
        <v>2</v>
      </c>
      <c r="HE24" s="70">
        <v>2</v>
      </c>
      <c r="HF24" s="159"/>
      <c r="HG24" s="69">
        <v>0</v>
      </c>
      <c r="HH24" s="69">
        <v>2</v>
      </c>
      <c r="HI24" s="69">
        <v>0</v>
      </c>
      <c r="HJ24" s="69">
        <v>1</v>
      </c>
      <c r="HK24" s="69">
        <v>0</v>
      </c>
      <c r="HL24" s="70">
        <v>3</v>
      </c>
      <c r="HM24" s="71">
        <v>5</v>
      </c>
      <c r="HN24" s="68">
        <v>5</v>
      </c>
      <c r="HO24" s="69">
        <v>3</v>
      </c>
      <c r="HP24" s="70">
        <v>8</v>
      </c>
      <c r="HQ24" s="159"/>
      <c r="HR24" s="69">
        <v>5</v>
      </c>
      <c r="HS24" s="69">
        <v>4</v>
      </c>
      <c r="HT24" s="69">
        <v>4</v>
      </c>
      <c r="HU24" s="69">
        <v>1</v>
      </c>
      <c r="HV24" s="69">
        <v>0</v>
      </c>
      <c r="HW24" s="70">
        <v>14</v>
      </c>
      <c r="HX24" s="71">
        <v>22</v>
      </c>
      <c r="HY24" s="68">
        <v>11</v>
      </c>
      <c r="HZ24" s="69">
        <v>2</v>
      </c>
      <c r="IA24" s="70">
        <v>13</v>
      </c>
      <c r="IB24" s="159"/>
      <c r="IC24" s="69">
        <v>4</v>
      </c>
      <c r="ID24" s="69">
        <v>7</v>
      </c>
      <c r="IE24" s="69">
        <v>4</v>
      </c>
      <c r="IF24" s="69">
        <v>5</v>
      </c>
      <c r="IG24" s="69">
        <v>1</v>
      </c>
      <c r="IH24" s="70">
        <v>21</v>
      </c>
      <c r="II24" s="71">
        <v>34</v>
      </c>
      <c r="IJ24" s="68">
        <v>5</v>
      </c>
      <c r="IK24" s="69">
        <v>13</v>
      </c>
      <c r="IL24" s="70">
        <v>18</v>
      </c>
      <c r="IM24" s="159"/>
      <c r="IN24" s="69">
        <v>18</v>
      </c>
      <c r="IO24" s="69">
        <v>16</v>
      </c>
      <c r="IP24" s="69">
        <v>9</v>
      </c>
      <c r="IQ24" s="69">
        <v>4</v>
      </c>
      <c r="IR24" s="69">
        <v>6</v>
      </c>
      <c r="IS24" s="70">
        <v>53</v>
      </c>
      <c r="IT24" s="71">
        <v>71</v>
      </c>
      <c r="IU24" s="68">
        <v>22</v>
      </c>
      <c r="IV24" s="69">
        <v>16</v>
      </c>
      <c r="IW24" s="70">
        <v>38</v>
      </c>
      <c r="IX24" s="159"/>
      <c r="IY24" s="69">
        <v>28</v>
      </c>
      <c r="IZ24" s="69">
        <v>23</v>
      </c>
      <c r="JA24" s="69">
        <v>15</v>
      </c>
      <c r="JB24" s="69">
        <v>12</v>
      </c>
      <c r="JC24" s="69">
        <v>9</v>
      </c>
      <c r="JD24" s="70">
        <v>87</v>
      </c>
      <c r="JE24" s="71">
        <v>125</v>
      </c>
      <c r="JF24" s="68">
        <v>15</v>
      </c>
      <c r="JG24" s="69">
        <v>13</v>
      </c>
      <c r="JH24" s="70">
        <v>28</v>
      </c>
      <c r="JI24" s="159"/>
      <c r="JJ24" s="69">
        <v>24</v>
      </c>
      <c r="JK24" s="69">
        <v>26</v>
      </c>
      <c r="JL24" s="69">
        <v>16</v>
      </c>
      <c r="JM24" s="69">
        <v>15</v>
      </c>
      <c r="JN24" s="69">
        <v>7</v>
      </c>
      <c r="JO24" s="70">
        <v>88</v>
      </c>
      <c r="JP24" s="71">
        <v>116</v>
      </c>
      <c r="JQ24" s="68">
        <v>0</v>
      </c>
      <c r="JR24" s="69">
        <v>0</v>
      </c>
      <c r="JS24" s="70">
        <v>0</v>
      </c>
      <c r="JT24" s="159"/>
      <c r="JU24" s="69">
        <v>0</v>
      </c>
      <c r="JV24" s="69">
        <v>0</v>
      </c>
      <c r="JW24" s="69">
        <v>0</v>
      </c>
      <c r="JX24" s="69">
        <v>0</v>
      </c>
      <c r="JY24" s="69">
        <v>0</v>
      </c>
      <c r="JZ24" s="70">
        <v>0</v>
      </c>
      <c r="KA24" s="71">
        <v>0</v>
      </c>
      <c r="KB24" s="68">
        <v>58</v>
      </c>
      <c r="KC24" s="69">
        <v>49</v>
      </c>
      <c r="KD24" s="70">
        <v>107</v>
      </c>
      <c r="KE24" s="159"/>
      <c r="KF24" s="69">
        <v>79</v>
      </c>
      <c r="KG24" s="69">
        <v>78</v>
      </c>
      <c r="KH24" s="69">
        <v>48</v>
      </c>
      <c r="KI24" s="69">
        <v>38</v>
      </c>
      <c r="KJ24" s="69">
        <v>23</v>
      </c>
      <c r="KK24" s="70">
        <v>266</v>
      </c>
      <c r="KL24" s="71">
        <v>373</v>
      </c>
    </row>
    <row r="25" spans="1:298" ht="19.5" customHeight="1" x14ac:dyDescent="0.2">
      <c r="A25" s="111" t="s">
        <v>22</v>
      </c>
      <c r="B25" s="215">
        <v>20</v>
      </c>
      <c r="C25" s="80">
        <v>13</v>
      </c>
      <c r="D25" s="81">
        <v>33</v>
      </c>
      <c r="E25" s="159"/>
      <c r="F25" s="80">
        <v>34</v>
      </c>
      <c r="G25" s="80">
        <v>30</v>
      </c>
      <c r="H25" s="80">
        <v>18</v>
      </c>
      <c r="I25" s="80">
        <v>18</v>
      </c>
      <c r="J25" s="80">
        <v>7</v>
      </c>
      <c r="K25" s="82">
        <v>107</v>
      </c>
      <c r="L25" s="83">
        <v>140</v>
      </c>
      <c r="M25" s="68">
        <v>0</v>
      </c>
      <c r="N25" s="69">
        <v>0</v>
      </c>
      <c r="O25" s="70">
        <v>0</v>
      </c>
      <c r="P25" s="159"/>
      <c r="Q25" s="69">
        <v>0</v>
      </c>
      <c r="R25" s="69">
        <v>0</v>
      </c>
      <c r="S25" s="69">
        <v>0</v>
      </c>
      <c r="T25" s="69">
        <v>0</v>
      </c>
      <c r="U25" s="69">
        <v>1</v>
      </c>
      <c r="V25" s="70">
        <v>1</v>
      </c>
      <c r="W25" s="71">
        <v>1</v>
      </c>
      <c r="X25" s="68">
        <v>1</v>
      </c>
      <c r="Y25" s="69">
        <v>0</v>
      </c>
      <c r="Z25" s="70">
        <v>1</v>
      </c>
      <c r="AA25" s="159"/>
      <c r="AB25" s="69">
        <v>3</v>
      </c>
      <c r="AC25" s="69">
        <v>1</v>
      </c>
      <c r="AD25" s="69">
        <v>2</v>
      </c>
      <c r="AE25" s="69">
        <v>2</v>
      </c>
      <c r="AF25" s="69">
        <v>0</v>
      </c>
      <c r="AG25" s="70">
        <v>8</v>
      </c>
      <c r="AH25" s="71">
        <v>9</v>
      </c>
      <c r="AI25" s="68">
        <v>1</v>
      </c>
      <c r="AJ25" s="69">
        <v>0</v>
      </c>
      <c r="AK25" s="70">
        <v>1</v>
      </c>
      <c r="AL25" s="159"/>
      <c r="AM25" s="69">
        <v>3</v>
      </c>
      <c r="AN25" s="69">
        <v>2</v>
      </c>
      <c r="AO25" s="69">
        <v>4</v>
      </c>
      <c r="AP25" s="69">
        <v>2</v>
      </c>
      <c r="AQ25" s="69">
        <v>3</v>
      </c>
      <c r="AR25" s="70">
        <v>14</v>
      </c>
      <c r="AS25" s="71">
        <v>15</v>
      </c>
      <c r="AT25" s="68">
        <v>6</v>
      </c>
      <c r="AU25" s="69">
        <v>0</v>
      </c>
      <c r="AV25" s="70">
        <v>6</v>
      </c>
      <c r="AW25" s="159"/>
      <c r="AX25" s="69">
        <v>6</v>
      </c>
      <c r="AY25" s="69">
        <v>12</v>
      </c>
      <c r="AZ25" s="69">
        <v>3</v>
      </c>
      <c r="BA25" s="69">
        <v>3</v>
      </c>
      <c r="BB25" s="69">
        <v>1</v>
      </c>
      <c r="BC25" s="70">
        <v>25</v>
      </c>
      <c r="BD25" s="71">
        <v>31</v>
      </c>
      <c r="BE25" s="68">
        <v>4</v>
      </c>
      <c r="BF25" s="69">
        <v>8</v>
      </c>
      <c r="BG25" s="70">
        <v>12</v>
      </c>
      <c r="BH25" s="159"/>
      <c r="BI25" s="69">
        <v>15</v>
      </c>
      <c r="BJ25" s="69">
        <v>6</v>
      </c>
      <c r="BK25" s="69">
        <v>4</v>
      </c>
      <c r="BL25" s="69">
        <v>4</v>
      </c>
      <c r="BM25" s="69">
        <v>1</v>
      </c>
      <c r="BN25" s="70">
        <v>30</v>
      </c>
      <c r="BO25" s="71">
        <v>42</v>
      </c>
      <c r="BP25" s="68">
        <v>8</v>
      </c>
      <c r="BQ25" s="69">
        <v>5</v>
      </c>
      <c r="BR25" s="70">
        <v>13</v>
      </c>
      <c r="BS25" s="159"/>
      <c r="BT25" s="69">
        <v>7</v>
      </c>
      <c r="BU25" s="69">
        <v>9</v>
      </c>
      <c r="BV25" s="69">
        <v>5</v>
      </c>
      <c r="BW25" s="69">
        <v>7</v>
      </c>
      <c r="BX25" s="69">
        <v>1</v>
      </c>
      <c r="BY25" s="70">
        <v>29</v>
      </c>
      <c r="BZ25" s="71">
        <v>42</v>
      </c>
      <c r="CA25" s="68">
        <v>0</v>
      </c>
      <c r="CB25" s="69">
        <v>0</v>
      </c>
      <c r="CC25" s="70">
        <v>0</v>
      </c>
      <c r="CD25" s="159"/>
      <c r="CE25" s="69">
        <v>0</v>
      </c>
      <c r="CF25" s="69">
        <v>0</v>
      </c>
      <c r="CG25" s="69">
        <v>0</v>
      </c>
      <c r="CH25" s="69">
        <v>0</v>
      </c>
      <c r="CI25" s="69">
        <v>0</v>
      </c>
      <c r="CJ25" s="70">
        <v>0</v>
      </c>
      <c r="CK25" s="71">
        <v>0</v>
      </c>
      <c r="CL25" s="68">
        <v>20</v>
      </c>
      <c r="CM25" s="69">
        <v>13</v>
      </c>
      <c r="CN25" s="70">
        <v>33</v>
      </c>
      <c r="CO25" s="159"/>
      <c r="CP25" s="69">
        <v>34</v>
      </c>
      <c r="CQ25" s="69">
        <v>30</v>
      </c>
      <c r="CR25" s="69">
        <v>18</v>
      </c>
      <c r="CS25" s="69">
        <v>18</v>
      </c>
      <c r="CT25" s="69">
        <v>7</v>
      </c>
      <c r="CU25" s="70">
        <v>107</v>
      </c>
      <c r="CV25" s="71">
        <v>140</v>
      </c>
      <c r="CW25" s="108">
        <v>0</v>
      </c>
      <c r="CX25" s="80">
        <v>4</v>
      </c>
      <c r="CY25" s="81">
        <v>4</v>
      </c>
      <c r="CZ25" s="159"/>
      <c r="DA25" s="80">
        <v>8</v>
      </c>
      <c r="DB25" s="80">
        <v>2</v>
      </c>
      <c r="DC25" s="80">
        <v>1</v>
      </c>
      <c r="DD25" s="80">
        <v>3</v>
      </c>
      <c r="DE25" s="80">
        <v>2</v>
      </c>
      <c r="DF25" s="82">
        <v>16</v>
      </c>
      <c r="DG25" s="83">
        <v>20</v>
      </c>
      <c r="DH25" s="68">
        <v>0</v>
      </c>
      <c r="DI25" s="69">
        <v>0</v>
      </c>
      <c r="DJ25" s="70">
        <v>0</v>
      </c>
      <c r="DK25" s="159"/>
      <c r="DL25" s="69">
        <v>0</v>
      </c>
      <c r="DM25" s="69">
        <v>0</v>
      </c>
      <c r="DN25" s="69">
        <v>0</v>
      </c>
      <c r="DO25" s="69">
        <v>0</v>
      </c>
      <c r="DP25" s="69">
        <v>0</v>
      </c>
      <c r="DQ25" s="70">
        <v>0</v>
      </c>
      <c r="DR25" s="71">
        <v>0</v>
      </c>
      <c r="DS25" s="68">
        <v>0</v>
      </c>
      <c r="DT25" s="69">
        <v>1</v>
      </c>
      <c r="DU25" s="70">
        <v>1</v>
      </c>
      <c r="DV25" s="159"/>
      <c r="DW25" s="69">
        <v>0</v>
      </c>
      <c r="DX25" s="69">
        <v>0</v>
      </c>
      <c r="DY25" s="69">
        <v>0</v>
      </c>
      <c r="DZ25" s="69">
        <v>0</v>
      </c>
      <c r="EA25" s="69">
        <v>0</v>
      </c>
      <c r="EB25" s="70">
        <v>0</v>
      </c>
      <c r="EC25" s="71">
        <v>1</v>
      </c>
      <c r="ED25" s="68">
        <v>0</v>
      </c>
      <c r="EE25" s="69">
        <v>0</v>
      </c>
      <c r="EF25" s="70">
        <v>0</v>
      </c>
      <c r="EG25" s="159"/>
      <c r="EH25" s="69">
        <v>3</v>
      </c>
      <c r="EI25" s="69">
        <v>0</v>
      </c>
      <c r="EJ25" s="69">
        <v>1</v>
      </c>
      <c r="EK25" s="69">
        <v>0</v>
      </c>
      <c r="EL25" s="69">
        <v>1</v>
      </c>
      <c r="EM25" s="70">
        <v>5</v>
      </c>
      <c r="EN25" s="71">
        <v>5</v>
      </c>
      <c r="EO25" s="68">
        <v>0</v>
      </c>
      <c r="EP25" s="69">
        <v>0</v>
      </c>
      <c r="EQ25" s="70">
        <v>0</v>
      </c>
      <c r="ER25" s="159"/>
      <c r="ES25" s="69">
        <v>2</v>
      </c>
      <c r="ET25" s="69">
        <v>0</v>
      </c>
      <c r="EU25" s="69">
        <v>0</v>
      </c>
      <c r="EV25" s="69">
        <v>0</v>
      </c>
      <c r="EW25" s="69">
        <v>0</v>
      </c>
      <c r="EX25" s="70">
        <v>2</v>
      </c>
      <c r="EY25" s="71">
        <v>2</v>
      </c>
      <c r="EZ25" s="68">
        <v>0</v>
      </c>
      <c r="FA25" s="69">
        <v>2</v>
      </c>
      <c r="FB25" s="70">
        <v>2</v>
      </c>
      <c r="FC25" s="159"/>
      <c r="FD25" s="69">
        <v>2</v>
      </c>
      <c r="FE25" s="69">
        <v>1</v>
      </c>
      <c r="FF25" s="69">
        <v>0</v>
      </c>
      <c r="FG25" s="69">
        <v>0</v>
      </c>
      <c r="FH25" s="69">
        <v>0</v>
      </c>
      <c r="FI25" s="70">
        <v>3</v>
      </c>
      <c r="FJ25" s="71">
        <v>5</v>
      </c>
      <c r="FK25" s="68">
        <v>0</v>
      </c>
      <c r="FL25" s="69">
        <v>1</v>
      </c>
      <c r="FM25" s="70">
        <v>1</v>
      </c>
      <c r="FN25" s="159"/>
      <c r="FO25" s="69">
        <v>1</v>
      </c>
      <c r="FP25" s="69">
        <v>1</v>
      </c>
      <c r="FQ25" s="69">
        <v>0</v>
      </c>
      <c r="FR25" s="69">
        <v>3</v>
      </c>
      <c r="FS25" s="69">
        <v>1</v>
      </c>
      <c r="FT25" s="70">
        <v>6</v>
      </c>
      <c r="FU25" s="71">
        <v>7</v>
      </c>
      <c r="FV25" s="68">
        <v>0</v>
      </c>
      <c r="FW25" s="69">
        <v>0</v>
      </c>
      <c r="FX25" s="70">
        <v>0</v>
      </c>
      <c r="FY25" s="159"/>
      <c r="FZ25" s="69">
        <v>0</v>
      </c>
      <c r="GA25" s="69">
        <v>0</v>
      </c>
      <c r="GB25" s="69">
        <v>0</v>
      </c>
      <c r="GC25" s="69">
        <v>0</v>
      </c>
      <c r="GD25" s="69">
        <v>0</v>
      </c>
      <c r="GE25" s="70">
        <v>0</v>
      </c>
      <c r="GF25" s="71">
        <v>0</v>
      </c>
      <c r="GG25" s="68">
        <v>0</v>
      </c>
      <c r="GH25" s="69">
        <v>4</v>
      </c>
      <c r="GI25" s="70">
        <v>4</v>
      </c>
      <c r="GJ25" s="159"/>
      <c r="GK25" s="69">
        <v>8</v>
      </c>
      <c r="GL25" s="69">
        <v>2</v>
      </c>
      <c r="GM25" s="69">
        <v>1</v>
      </c>
      <c r="GN25" s="69">
        <v>3</v>
      </c>
      <c r="GO25" s="69">
        <v>2</v>
      </c>
      <c r="GP25" s="70">
        <v>16</v>
      </c>
      <c r="GQ25" s="71">
        <v>20</v>
      </c>
      <c r="GR25" s="108">
        <v>20</v>
      </c>
      <c r="GS25" s="80">
        <v>17</v>
      </c>
      <c r="GT25" s="81">
        <v>37</v>
      </c>
      <c r="GU25" s="159"/>
      <c r="GV25" s="80">
        <v>42</v>
      </c>
      <c r="GW25" s="80">
        <v>32</v>
      </c>
      <c r="GX25" s="80">
        <v>19</v>
      </c>
      <c r="GY25" s="80">
        <v>21</v>
      </c>
      <c r="GZ25" s="80">
        <v>9</v>
      </c>
      <c r="HA25" s="82">
        <v>123</v>
      </c>
      <c r="HB25" s="83">
        <v>160</v>
      </c>
      <c r="HC25" s="68">
        <v>0</v>
      </c>
      <c r="HD25" s="69">
        <v>0</v>
      </c>
      <c r="HE25" s="70">
        <v>0</v>
      </c>
      <c r="HF25" s="159"/>
      <c r="HG25" s="69">
        <v>0</v>
      </c>
      <c r="HH25" s="69">
        <v>0</v>
      </c>
      <c r="HI25" s="69">
        <v>0</v>
      </c>
      <c r="HJ25" s="69">
        <v>0</v>
      </c>
      <c r="HK25" s="69">
        <v>1</v>
      </c>
      <c r="HL25" s="70">
        <v>1</v>
      </c>
      <c r="HM25" s="71">
        <v>1</v>
      </c>
      <c r="HN25" s="68">
        <v>1</v>
      </c>
      <c r="HO25" s="69">
        <v>1</v>
      </c>
      <c r="HP25" s="70">
        <v>2</v>
      </c>
      <c r="HQ25" s="159"/>
      <c r="HR25" s="69">
        <v>3</v>
      </c>
      <c r="HS25" s="69">
        <v>1</v>
      </c>
      <c r="HT25" s="69">
        <v>2</v>
      </c>
      <c r="HU25" s="69">
        <v>2</v>
      </c>
      <c r="HV25" s="69">
        <v>0</v>
      </c>
      <c r="HW25" s="70">
        <v>8</v>
      </c>
      <c r="HX25" s="71">
        <v>10</v>
      </c>
      <c r="HY25" s="68">
        <v>1</v>
      </c>
      <c r="HZ25" s="69">
        <v>0</v>
      </c>
      <c r="IA25" s="70">
        <v>1</v>
      </c>
      <c r="IB25" s="159"/>
      <c r="IC25" s="69">
        <v>6</v>
      </c>
      <c r="ID25" s="69">
        <v>2</v>
      </c>
      <c r="IE25" s="69">
        <v>5</v>
      </c>
      <c r="IF25" s="69">
        <v>2</v>
      </c>
      <c r="IG25" s="69">
        <v>4</v>
      </c>
      <c r="IH25" s="70">
        <v>19</v>
      </c>
      <c r="II25" s="71">
        <v>20</v>
      </c>
      <c r="IJ25" s="68">
        <v>6</v>
      </c>
      <c r="IK25" s="69">
        <v>0</v>
      </c>
      <c r="IL25" s="70">
        <v>6</v>
      </c>
      <c r="IM25" s="159"/>
      <c r="IN25" s="69">
        <v>8</v>
      </c>
      <c r="IO25" s="69">
        <v>12</v>
      </c>
      <c r="IP25" s="69">
        <v>3</v>
      </c>
      <c r="IQ25" s="69">
        <v>3</v>
      </c>
      <c r="IR25" s="69">
        <v>1</v>
      </c>
      <c r="IS25" s="70">
        <v>27</v>
      </c>
      <c r="IT25" s="71">
        <v>33</v>
      </c>
      <c r="IU25" s="68">
        <v>4</v>
      </c>
      <c r="IV25" s="69">
        <v>10</v>
      </c>
      <c r="IW25" s="70">
        <v>14</v>
      </c>
      <c r="IX25" s="159"/>
      <c r="IY25" s="69">
        <v>17</v>
      </c>
      <c r="IZ25" s="69">
        <v>7</v>
      </c>
      <c r="JA25" s="69">
        <v>4</v>
      </c>
      <c r="JB25" s="69">
        <v>4</v>
      </c>
      <c r="JC25" s="69">
        <v>1</v>
      </c>
      <c r="JD25" s="70">
        <v>33</v>
      </c>
      <c r="JE25" s="71">
        <v>47</v>
      </c>
      <c r="JF25" s="68">
        <v>8</v>
      </c>
      <c r="JG25" s="69">
        <v>6</v>
      </c>
      <c r="JH25" s="70">
        <v>14</v>
      </c>
      <c r="JI25" s="159"/>
      <c r="JJ25" s="69">
        <v>8</v>
      </c>
      <c r="JK25" s="69">
        <v>10</v>
      </c>
      <c r="JL25" s="69">
        <v>5</v>
      </c>
      <c r="JM25" s="69">
        <v>10</v>
      </c>
      <c r="JN25" s="69">
        <v>2</v>
      </c>
      <c r="JO25" s="70">
        <v>35</v>
      </c>
      <c r="JP25" s="71">
        <v>49</v>
      </c>
      <c r="JQ25" s="68">
        <v>0</v>
      </c>
      <c r="JR25" s="69">
        <v>0</v>
      </c>
      <c r="JS25" s="70">
        <v>0</v>
      </c>
      <c r="JT25" s="159"/>
      <c r="JU25" s="69">
        <v>0</v>
      </c>
      <c r="JV25" s="69">
        <v>0</v>
      </c>
      <c r="JW25" s="69">
        <v>0</v>
      </c>
      <c r="JX25" s="69">
        <v>0</v>
      </c>
      <c r="JY25" s="69">
        <v>0</v>
      </c>
      <c r="JZ25" s="70">
        <v>0</v>
      </c>
      <c r="KA25" s="71">
        <v>0</v>
      </c>
      <c r="KB25" s="68">
        <v>20</v>
      </c>
      <c r="KC25" s="69">
        <v>17</v>
      </c>
      <c r="KD25" s="70">
        <v>37</v>
      </c>
      <c r="KE25" s="159"/>
      <c r="KF25" s="69">
        <v>42</v>
      </c>
      <c r="KG25" s="69">
        <v>32</v>
      </c>
      <c r="KH25" s="69">
        <v>19</v>
      </c>
      <c r="KI25" s="69">
        <v>21</v>
      </c>
      <c r="KJ25" s="69">
        <v>9</v>
      </c>
      <c r="KK25" s="70">
        <v>123</v>
      </c>
      <c r="KL25" s="71">
        <v>160</v>
      </c>
    </row>
    <row r="26" spans="1:298" ht="19.5" customHeight="1" x14ac:dyDescent="0.2">
      <c r="A26" s="111" t="s">
        <v>23</v>
      </c>
      <c r="B26" s="215">
        <v>31</v>
      </c>
      <c r="C26" s="80">
        <v>29</v>
      </c>
      <c r="D26" s="81">
        <v>60</v>
      </c>
      <c r="E26" s="159"/>
      <c r="F26" s="80">
        <v>54</v>
      </c>
      <c r="G26" s="80">
        <v>36</v>
      </c>
      <c r="H26" s="80">
        <v>19</v>
      </c>
      <c r="I26" s="80">
        <v>24</v>
      </c>
      <c r="J26" s="80">
        <v>10</v>
      </c>
      <c r="K26" s="82">
        <v>143</v>
      </c>
      <c r="L26" s="83">
        <v>203</v>
      </c>
      <c r="M26" s="68">
        <v>1</v>
      </c>
      <c r="N26" s="69">
        <v>2</v>
      </c>
      <c r="O26" s="70">
        <v>3</v>
      </c>
      <c r="P26" s="159"/>
      <c r="Q26" s="69">
        <v>0</v>
      </c>
      <c r="R26" s="69">
        <v>0</v>
      </c>
      <c r="S26" s="69">
        <v>1</v>
      </c>
      <c r="T26" s="69">
        <v>1</v>
      </c>
      <c r="U26" s="69">
        <v>0</v>
      </c>
      <c r="V26" s="70">
        <v>2</v>
      </c>
      <c r="W26" s="71">
        <v>5</v>
      </c>
      <c r="X26" s="68">
        <v>2</v>
      </c>
      <c r="Y26" s="69">
        <v>1</v>
      </c>
      <c r="Z26" s="70">
        <v>3</v>
      </c>
      <c r="AA26" s="159"/>
      <c r="AB26" s="69">
        <v>2</v>
      </c>
      <c r="AC26" s="69">
        <v>2</v>
      </c>
      <c r="AD26" s="69">
        <v>0</v>
      </c>
      <c r="AE26" s="69">
        <v>3</v>
      </c>
      <c r="AF26" s="69">
        <v>1</v>
      </c>
      <c r="AG26" s="70">
        <v>8</v>
      </c>
      <c r="AH26" s="71">
        <v>11</v>
      </c>
      <c r="AI26" s="68">
        <v>4</v>
      </c>
      <c r="AJ26" s="69">
        <v>3</v>
      </c>
      <c r="AK26" s="70">
        <v>7</v>
      </c>
      <c r="AL26" s="159"/>
      <c r="AM26" s="69">
        <v>4</v>
      </c>
      <c r="AN26" s="69">
        <v>4</v>
      </c>
      <c r="AO26" s="69">
        <v>1</v>
      </c>
      <c r="AP26" s="69">
        <v>4</v>
      </c>
      <c r="AQ26" s="69">
        <v>0</v>
      </c>
      <c r="AR26" s="70">
        <v>13</v>
      </c>
      <c r="AS26" s="71">
        <v>20</v>
      </c>
      <c r="AT26" s="68">
        <v>12</v>
      </c>
      <c r="AU26" s="69">
        <v>9</v>
      </c>
      <c r="AV26" s="70">
        <v>21</v>
      </c>
      <c r="AW26" s="159"/>
      <c r="AX26" s="69">
        <v>20</v>
      </c>
      <c r="AY26" s="69">
        <v>13</v>
      </c>
      <c r="AZ26" s="69">
        <v>2</v>
      </c>
      <c r="BA26" s="69">
        <v>6</v>
      </c>
      <c r="BB26" s="69">
        <v>2</v>
      </c>
      <c r="BC26" s="70">
        <v>43</v>
      </c>
      <c r="BD26" s="71">
        <v>64</v>
      </c>
      <c r="BE26" s="68">
        <v>8</v>
      </c>
      <c r="BF26" s="69">
        <v>8</v>
      </c>
      <c r="BG26" s="70">
        <v>16</v>
      </c>
      <c r="BH26" s="159"/>
      <c r="BI26" s="69">
        <v>15</v>
      </c>
      <c r="BJ26" s="69">
        <v>11</v>
      </c>
      <c r="BK26" s="69">
        <v>7</v>
      </c>
      <c r="BL26" s="69">
        <v>3</v>
      </c>
      <c r="BM26" s="69">
        <v>2</v>
      </c>
      <c r="BN26" s="70">
        <v>38</v>
      </c>
      <c r="BO26" s="71">
        <v>54</v>
      </c>
      <c r="BP26" s="68">
        <v>4</v>
      </c>
      <c r="BQ26" s="69">
        <v>6</v>
      </c>
      <c r="BR26" s="70">
        <v>10</v>
      </c>
      <c r="BS26" s="159"/>
      <c r="BT26" s="69">
        <v>13</v>
      </c>
      <c r="BU26" s="69">
        <v>6</v>
      </c>
      <c r="BV26" s="69">
        <v>8</v>
      </c>
      <c r="BW26" s="69">
        <v>7</v>
      </c>
      <c r="BX26" s="69">
        <v>5</v>
      </c>
      <c r="BY26" s="70">
        <v>39</v>
      </c>
      <c r="BZ26" s="71">
        <v>49</v>
      </c>
      <c r="CA26" s="68">
        <v>0</v>
      </c>
      <c r="CB26" s="69">
        <v>0</v>
      </c>
      <c r="CC26" s="70">
        <v>0</v>
      </c>
      <c r="CD26" s="159"/>
      <c r="CE26" s="69">
        <v>0</v>
      </c>
      <c r="CF26" s="69">
        <v>0</v>
      </c>
      <c r="CG26" s="69">
        <v>0</v>
      </c>
      <c r="CH26" s="69">
        <v>0</v>
      </c>
      <c r="CI26" s="69">
        <v>0</v>
      </c>
      <c r="CJ26" s="70">
        <v>0</v>
      </c>
      <c r="CK26" s="71">
        <v>0</v>
      </c>
      <c r="CL26" s="68">
        <v>31</v>
      </c>
      <c r="CM26" s="69">
        <v>29</v>
      </c>
      <c r="CN26" s="70">
        <v>60</v>
      </c>
      <c r="CO26" s="159"/>
      <c r="CP26" s="69">
        <v>54</v>
      </c>
      <c r="CQ26" s="69">
        <v>36</v>
      </c>
      <c r="CR26" s="69">
        <v>19</v>
      </c>
      <c r="CS26" s="69">
        <v>24</v>
      </c>
      <c r="CT26" s="69">
        <v>10</v>
      </c>
      <c r="CU26" s="70">
        <v>143</v>
      </c>
      <c r="CV26" s="71">
        <v>203</v>
      </c>
      <c r="CW26" s="108">
        <v>0</v>
      </c>
      <c r="CX26" s="80">
        <v>4</v>
      </c>
      <c r="CY26" s="81">
        <v>4</v>
      </c>
      <c r="CZ26" s="159"/>
      <c r="DA26" s="80">
        <v>5</v>
      </c>
      <c r="DB26" s="80">
        <v>5</v>
      </c>
      <c r="DC26" s="80">
        <v>0</v>
      </c>
      <c r="DD26" s="80">
        <v>4</v>
      </c>
      <c r="DE26" s="80">
        <v>1</v>
      </c>
      <c r="DF26" s="82">
        <v>15</v>
      </c>
      <c r="DG26" s="83">
        <v>19</v>
      </c>
      <c r="DH26" s="68">
        <v>0</v>
      </c>
      <c r="DI26" s="69">
        <v>0</v>
      </c>
      <c r="DJ26" s="70">
        <v>0</v>
      </c>
      <c r="DK26" s="159"/>
      <c r="DL26" s="69">
        <v>0</v>
      </c>
      <c r="DM26" s="69">
        <v>1</v>
      </c>
      <c r="DN26" s="69">
        <v>0</v>
      </c>
      <c r="DO26" s="69">
        <v>1</v>
      </c>
      <c r="DP26" s="69">
        <v>0</v>
      </c>
      <c r="DQ26" s="70">
        <v>2</v>
      </c>
      <c r="DR26" s="71">
        <v>2</v>
      </c>
      <c r="DS26" s="68">
        <v>0</v>
      </c>
      <c r="DT26" s="69">
        <v>0</v>
      </c>
      <c r="DU26" s="70">
        <v>0</v>
      </c>
      <c r="DV26" s="159"/>
      <c r="DW26" s="69">
        <v>2</v>
      </c>
      <c r="DX26" s="69">
        <v>1</v>
      </c>
      <c r="DY26" s="69">
        <v>0</v>
      </c>
      <c r="DZ26" s="69">
        <v>0</v>
      </c>
      <c r="EA26" s="69">
        <v>0</v>
      </c>
      <c r="EB26" s="70">
        <v>3</v>
      </c>
      <c r="EC26" s="71">
        <v>3</v>
      </c>
      <c r="ED26" s="68">
        <v>0</v>
      </c>
      <c r="EE26" s="69">
        <v>0</v>
      </c>
      <c r="EF26" s="70">
        <v>0</v>
      </c>
      <c r="EG26" s="159"/>
      <c r="EH26" s="69">
        <v>0</v>
      </c>
      <c r="EI26" s="69">
        <v>1</v>
      </c>
      <c r="EJ26" s="69">
        <v>0</v>
      </c>
      <c r="EK26" s="69">
        <v>1</v>
      </c>
      <c r="EL26" s="69">
        <v>0</v>
      </c>
      <c r="EM26" s="70">
        <v>2</v>
      </c>
      <c r="EN26" s="71">
        <v>2</v>
      </c>
      <c r="EO26" s="68">
        <v>0</v>
      </c>
      <c r="EP26" s="69">
        <v>1</v>
      </c>
      <c r="EQ26" s="70">
        <v>1</v>
      </c>
      <c r="ER26" s="159"/>
      <c r="ES26" s="69">
        <v>1</v>
      </c>
      <c r="ET26" s="69">
        <v>2</v>
      </c>
      <c r="EU26" s="69">
        <v>0</v>
      </c>
      <c r="EV26" s="69">
        <v>1</v>
      </c>
      <c r="EW26" s="69">
        <v>0</v>
      </c>
      <c r="EX26" s="70">
        <v>4</v>
      </c>
      <c r="EY26" s="71">
        <v>5</v>
      </c>
      <c r="EZ26" s="68">
        <v>0</v>
      </c>
      <c r="FA26" s="69">
        <v>3</v>
      </c>
      <c r="FB26" s="70">
        <v>3</v>
      </c>
      <c r="FC26" s="159"/>
      <c r="FD26" s="69">
        <v>2</v>
      </c>
      <c r="FE26" s="69">
        <v>0</v>
      </c>
      <c r="FF26" s="69">
        <v>0</v>
      </c>
      <c r="FG26" s="69">
        <v>1</v>
      </c>
      <c r="FH26" s="69">
        <v>0</v>
      </c>
      <c r="FI26" s="70">
        <v>3</v>
      </c>
      <c r="FJ26" s="71">
        <v>6</v>
      </c>
      <c r="FK26" s="68">
        <v>0</v>
      </c>
      <c r="FL26" s="69">
        <v>0</v>
      </c>
      <c r="FM26" s="70">
        <v>0</v>
      </c>
      <c r="FN26" s="159"/>
      <c r="FO26" s="69">
        <v>0</v>
      </c>
      <c r="FP26" s="69">
        <v>0</v>
      </c>
      <c r="FQ26" s="69">
        <v>0</v>
      </c>
      <c r="FR26" s="69">
        <v>0</v>
      </c>
      <c r="FS26" s="69">
        <v>1</v>
      </c>
      <c r="FT26" s="70">
        <v>1</v>
      </c>
      <c r="FU26" s="71">
        <v>1</v>
      </c>
      <c r="FV26" s="68">
        <v>0</v>
      </c>
      <c r="FW26" s="69">
        <v>0</v>
      </c>
      <c r="FX26" s="70">
        <v>0</v>
      </c>
      <c r="FY26" s="159"/>
      <c r="FZ26" s="69">
        <v>0</v>
      </c>
      <c r="GA26" s="69">
        <v>0</v>
      </c>
      <c r="GB26" s="69">
        <v>0</v>
      </c>
      <c r="GC26" s="69">
        <v>0</v>
      </c>
      <c r="GD26" s="69">
        <v>0</v>
      </c>
      <c r="GE26" s="70">
        <v>0</v>
      </c>
      <c r="GF26" s="71">
        <v>0</v>
      </c>
      <c r="GG26" s="68">
        <v>0</v>
      </c>
      <c r="GH26" s="69">
        <v>4</v>
      </c>
      <c r="GI26" s="70">
        <v>4</v>
      </c>
      <c r="GJ26" s="159"/>
      <c r="GK26" s="69">
        <v>5</v>
      </c>
      <c r="GL26" s="69">
        <v>5</v>
      </c>
      <c r="GM26" s="69">
        <v>0</v>
      </c>
      <c r="GN26" s="69">
        <v>4</v>
      </c>
      <c r="GO26" s="69">
        <v>1</v>
      </c>
      <c r="GP26" s="70">
        <v>15</v>
      </c>
      <c r="GQ26" s="71">
        <v>19</v>
      </c>
      <c r="GR26" s="108">
        <v>31</v>
      </c>
      <c r="GS26" s="80">
        <v>33</v>
      </c>
      <c r="GT26" s="81">
        <v>64</v>
      </c>
      <c r="GU26" s="159"/>
      <c r="GV26" s="80">
        <v>59</v>
      </c>
      <c r="GW26" s="80">
        <v>41</v>
      </c>
      <c r="GX26" s="80">
        <v>19</v>
      </c>
      <c r="GY26" s="80">
        <v>28</v>
      </c>
      <c r="GZ26" s="80">
        <v>11</v>
      </c>
      <c r="HA26" s="82">
        <v>158</v>
      </c>
      <c r="HB26" s="83">
        <v>222</v>
      </c>
      <c r="HC26" s="68">
        <v>1</v>
      </c>
      <c r="HD26" s="69">
        <v>2</v>
      </c>
      <c r="HE26" s="70">
        <v>3</v>
      </c>
      <c r="HF26" s="159"/>
      <c r="HG26" s="69">
        <v>0</v>
      </c>
      <c r="HH26" s="69">
        <v>1</v>
      </c>
      <c r="HI26" s="69">
        <v>1</v>
      </c>
      <c r="HJ26" s="69">
        <v>2</v>
      </c>
      <c r="HK26" s="69">
        <v>0</v>
      </c>
      <c r="HL26" s="70">
        <v>4</v>
      </c>
      <c r="HM26" s="71">
        <v>7</v>
      </c>
      <c r="HN26" s="68">
        <v>2</v>
      </c>
      <c r="HO26" s="69">
        <v>1</v>
      </c>
      <c r="HP26" s="70">
        <v>3</v>
      </c>
      <c r="HQ26" s="159"/>
      <c r="HR26" s="69">
        <v>4</v>
      </c>
      <c r="HS26" s="69">
        <v>3</v>
      </c>
      <c r="HT26" s="69">
        <v>0</v>
      </c>
      <c r="HU26" s="69">
        <v>3</v>
      </c>
      <c r="HV26" s="69">
        <v>1</v>
      </c>
      <c r="HW26" s="70">
        <v>11</v>
      </c>
      <c r="HX26" s="71">
        <v>14</v>
      </c>
      <c r="HY26" s="68">
        <v>4</v>
      </c>
      <c r="HZ26" s="69">
        <v>3</v>
      </c>
      <c r="IA26" s="70">
        <v>7</v>
      </c>
      <c r="IB26" s="159"/>
      <c r="IC26" s="69">
        <v>4</v>
      </c>
      <c r="ID26" s="69">
        <v>5</v>
      </c>
      <c r="IE26" s="69">
        <v>1</v>
      </c>
      <c r="IF26" s="69">
        <v>5</v>
      </c>
      <c r="IG26" s="69">
        <v>0</v>
      </c>
      <c r="IH26" s="70">
        <v>15</v>
      </c>
      <c r="II26" s="71">
        <v>22</v>
      </c>
      <c r="IJ26" s="68">
        <v>12</v>
      </c>
      <c r="IK26" s="69">
        <v>10</v>
      </c>
      <c r="IL26" s="70">
        <v>22</v>
      </c>
      <c r="IM26" s="159"/>
      <c r="IN26" s="69">
        <v>21</v>
      </c>
      <c r="IO26" s="69">
        <v>15</v>
      </c>
      <c r="IP26" s="69">
        <v>2</v>
      </c>
      <c r="IQ26" s="69">
        <v>7</v>
      </c>
      <c r="IR26" s="69">
        <v>2</v>
      </c>
      <c r="IS26" s="70">
        <v>47</v>
      </c>
      <c r="IT26" s="71">
        <v>69</v>
      </c>
      <c r="IU26" s="68">
        <v>8</v>
      </c>
      <c r="IV26" s="69">
        <v>11</v>
      </c>
      <c r="IW26" s="70">
        <v>19</v>
      </c>
      <c r="IX26" s="159"/>
      <c r="IY26" s="69">
        <v>17</v>
      </c>
      <c r="IZ26" s="69">
        <v>11</v>
      </c>
      <c r="JA26" s="69">
        <v>7</v>
      </c>
      <c r="JB26" s="69">
        <v>4</v>
      </c>
      <c r="JC26" s="69">
        <v>2</v>
      </c>
      <c r="JD26" s="70">
        <v>41</v>
      </c>
      <c r="JE26" s="71">
        <v>60</v>
      </c>
      <c r="JF26" s="68">
        <v>4</v>
      </c>
      <c r="JG26" s="69">
        <v>6</v>
      </c>
      <c r="JH26" s="70">
        <v>10</v>
      </c>
      <c r="JI26" s="159"/>
      <c r="JJ26" s="69">
        <v>13</v>
      </c>
      <c r="JK26" s="69">
        <v>6</v>
      </c>
      <c r="JL26" s="69">
        <v>8</v>
      </c>
      <c r="JM26" s="69">
        <v>7</v>
      </c>
      <c r="JN26" s="69">
        <v>6</v>
      </c>
      <c r="JO26" s="70">
        <v>40</v>
      </c>
      <c r="JP26" s="71">
        <v>50</v>
      </c>
      <c r="JQ26" s="68">
        <v>0</v>
      </c>
      <c r="JR26" s="69">
        <v>0</v>
      </c>
      <c r="JS26" s="70">
        <v>0</v>
      </c>
      <c r="JT26" s="159"/>
      <c r="JU26" s="69">
        <v>0</v>
      </c>
      <c r="JV26" s="69">
        <v>0</v>
      </c>
      <c r="JW26" s="69">
        <v>0</v>
      </c>
      <c r="JX26" s="69">
        <v>0</v>
      </c>
      <c r="JY26" s="69">
        <v>0</v>
      </c>
      <c r="JZ26" s="70">
        <v>0</v>
      </c>
      <c r="KA26" s="71">
        <v>0</v>
      </c>
      <c r="KB26" s="68">
        <v>31</v>
      </c>
      <c r="KC26" s="69">
        <v>33</v>
      </c>
      <c r="KD26" s="70">
        <v>64</v>
      </c>
      <c r="KE26" s="159"/>
      <c r="KF26" s="69">
        <v>59</v>
      </c>
      <c r="KG26" s="69">
        <v>41</v>
      </c>
      <c r="KH26" s="69">
        <v>19</v>
      </c>
      <c r="KI26" s="69">
        <v>28</v>
      </c>
      <c r="KJ26" s="69">
        <v>11</v>
      </c>
      <c r="KK26" s="70">
        <v>158</v>
      </c>
      <c r="KL26" s="71">
        <v>222</v>
      </c>
    </row>
    <row r="27" spans="1:298" ht="19.5" customHeight="1" x14ac:dyDescent="0.2">
      <c r="A27" s="111" t="s">
        <v>24</v>
      </c>
      <c r="B27" s="215">
        <v>40</v>
      </c>
      <c r="C27" s="80">
        <v>22</v>
      </c>
      <c r="D27" s="81">
        <v>62</v>
      </c>
      <c r="E27" s="159"/>
      <c r="F27" s="80">
        <v>46</v>
      </c>
      <c r="G27" s="80">
        <v>26</v>
      </c>
      <c r="H27" s="80">
        <v>19</v>
      </c>
      <c r="I27" s="80">
        <v>13</v>
      </c>
      <c r="J27" s="80">
        <v>9</v>
      </c>
      <c r="K27" s="82">
        <v>113</v>
      </c>
      <c r="L27" s="83">
        <v>175</v>
      </c>
      <c r="M27" s="68">
        <v>0</v>
      </c>
      <c r="N27" s="69">
        <v>0</v>
      </c>
      <c r="O27" s="70">
        <v>0</v>
      </c>
      <c r="P27" s="159"/>
      <c r="Q27" s="69">
        <v>2</v>
      </c>
      <c r="R27" s="69">
        <v>0</v>
      </c>
      <c r="S27" s="69">
        <v>1</v>
      </c>
      <c r="T27" s="69">
        <v>0</v>
      </c>
      <c r="U27" s="69">
        <v>0</v>
      </c>
      <c r="V27" s="70">
        <v>3</v>
      </c>
      <c r="W27" s="71">
        <v>3</v>
      </c>
      <c r="X27" s="68">
        <v>2</v>
      </c>
      <c r="Y27" s="69">
        <v>2</v>
      </c>
      <c r="Z27" s="70">
        <v>4</v>
      </c>
      <c r="AA27" s="159"/>
      <c r="AB27" s="69">
        <v>2</v>
      </c>
      <c r="AC27" s="69">
        <v>2</v>
      </c>
      <c r="AD27" s="69">
        <v>1</v>
      </c>
      <c r="AE27" s="69">
        <v>1</v>
      </c>
      <c r="AF27" s="69">
        <v>1</v>
      </c>
      <c r="AG27" s="70">
        <v>7</v>
      </c>
      <c r="AH27" s="71">
        <v>11</v>
      </c>
      <c r="AI27" s="68">
        <v>3</v>
      </c>
      <c r="AJ27" s="69">
        <v>3</v>
      </c>
      <c r="AK27" s="70">
        <v>6</v>
      </c>
      <c r="AL27" s="159"/>
      <c r="AM27" s="69">
        <v>3</v>
      </c>
      <c r="AN27" s="69">
        <v>4</v>
      </c>
      <c r="AO27" s="69">
        <v>0</v>
      </c>
      <c r="AP27" s="69">
        <v>2</v>
      </c>
      <c r="AQ27" s="69">
        <v>0</v>
      </c>
      <c r="AR27" s="70">
        <v>9</v>
      </c>
      <c r="AS27" s="71">
        <v>15</v>
      </c>
      <c r="AT27" s="68">
        <v>10</v>
      </c>
      <c r="AU27" s="69">
        <v>3</v>
      </c>
      <c r="AV27" s="70">
        <v>13</v>
      </c>
      <c r="AW27" s="159"/>
      <c r="AX27" s="69">
        <v>4</v>
      </c>
      <c r="AY27" s="69">
        <v>3</v>
      </c>
      <c r="AZ27" s="69">
        <v>1</v>
      </c>
      <c r="BA27" s="69">
        <v>2</v>
      </c>
      <c r="BB27" s="69">
        <v>2</v>
      </c>
      <c r="BC27" s="70">
        <v>12</v>
      </c>
      <c r="BD27" s="71">
        <v>25</v>
      </c>
      <c r="BE27" s="68">
        <v>11</v>
      </c>
      <c r="BF27" s="69">
        <v>4</v>
      </c>
      <c r="BG27" s="70">
        <v>15</v>
      </c>
      <c r="BH27" s="159"/>
      <c r="BI27" s="69">
        <v>15</v>
      </c>
      <c r="BJ27" s="69">
        <v>13</v>
      </c>
      <c r="BK27" s="69">
        <v>7</v>
      </c>
      <c r="BL27" s="69">
        <v>5</v>
      </c>
      <c r="BM27" s="69">
        <v>2</v>
      </c>
      <c r="BN27" s="70">
        <v>42</v>
      </c>
      <c r="BO27" s="71">
        <v>57</v>
      </c>
      <c r="BP27" s="68">
        <v>14</v>
      </c>
      <c r="BQ27" s="69">
        <v>10</v>
      </c>
      <c r="BR27" s="70">
        <v>24</v>
      </c>
      <c r="BS27" s="159"/>
      <c r="BT27" s="69">
        <v>20</v>
      </c>
      <c r="BU27" s="69">
        <v>4</v>
      </c>
      <c r="BV27" s="69">
        <v>9</v>
      </c>
      <c r="BW27" s="69">
        <v>3</v>
      </c>
      <c r="BX27" s="69">
        <v>4</v>
      </c>
      <c r="BY27" s="70">
        <v>40</v>
      </c>
      <c r="BZ27" s="71">
        <v>64</v>
      </c>
      <c r="CA27" s="68">
        <v>0</v>
      </c>
      <c r="CB27" s="69">
        <v>0</v>
      </c>
      <c r="CC27" s="70">
        <v>0</v>
      </c>
      <c r="CD27" s="159"/>
      <c r="CE27" s="69">
        <v>0</v>
      </c>
      <c r="CF27" s="69">
        <v>0</v>
      </c>
      <c r="CG27" s="69">
        <v>0</v>
      </c>
      <c r="CH27" s="69">
        <v>0</v>
      </c>
      <c r="CI27" s="69">
        <v>0</v>
      </c>
      <c r="CJ27" s="70">
        <v>0</v>
      </c>
      <c r="CK27" s="71">
        <v>0</v>
      </c>
      <c r="CL27" s="68">
        <v>40</v>
      </c>
      <c r="CM27" s="69">
        <v>22</v>
      </c>
      <c r="CN27" s="70">
        <v>62</v>
      </c>
      <c r="CO27" s="159"/>
      <c r="CP27" s="69">
        <v>46</v>
      </c>
      <c r="CQ27" s="69">
        <v>26</v>
      </c>
      <c r="CR27" s="69">
        <v>19</v>
      </c>
      <c r="CS27" s="69">
        <v>13</v>
      </c>
      <c r="CT27" s="69">
        <v>9</v>
      </c>
      <c r="CU27" s="70">
        <v>113</v>
      </c>
      <c r="CV27" s="71">
        <v>175</v>
      </c>
      <c r="CW27" s="108">
        <v>2</v>
      </c>
      <c r="CX27" s="80">
        <v>2</v>
      </c>
      <c r="CY27" s="81">
        <v>4</v>
      </c>
      <c r="CZ27" s="159"/>
      <c r="DA27" s="80">
        <v>10</v>
      </c>
      <c r="DB27" s="80">
        <v>6</v>
      </c>
      <c r="DC27" s="80">
        <v>3</v>
      </c>
      <c r="DD27" s="80">
        <v>6</v>
      </c>
      <c r="DE27" s="80">
        <v>2</v>
      </c>
      <c r="DF27" s="82">
        <v>27</v>
      </c>
      <c r="DG27" s="83">
        <v>31</v>
      </c>
      <c r="DH27" s="68">
        <v>0</v>
      </c>
      <c r="DI27" s="69">
        <v>0</v>
      </c>
      <c r="DJ27" s="70">
        <v>0</v>
      </c>
      <c r="DK27" s="159"/>
      <c r="DL27" s="69">
        <v>0</v>
      </c>
      <c r="DM27" s="69">
        <v>0</v>
      </c>
      <c r="DN27" s="69">
        <v>0</v>
      </c>
      <c r="DO27" s="69">
        <v>0</v>
      </c>
      <c r="DP27" s="69">
        <v>0</v>
      </c>
      <c r="DQ27" s="70">
        <v>0</v>
      </c>
      <c r="DR27" s="71">
        <v>0</v>
      </c>
      <c r="DS27" s="68">
        <v>0</v>
      </c>
      <c r="DT27" s="69">
        <v>0</v>
      </c>
      <c r="DU27" s="70">
        <v>0</v>
      </c>
      <c r="DV27" s="159"/>
      <c r="DW27" s="69">
        <v>0</v>
      </c>
      <c r="DX27" s="69">
        <v>0</v>
      </c>
      <c r="DY27" s="69">
        <v>0</v>
      </c>
      <c r="DZ27" s="69">
        <v>0</v>
      </c>
      <c r="EA27" s="69">
        <v>0</v>
      </c>
      <c r="EB27" s="70">
        <v>0</v>
      </c>
      <c r="EC27" s="71">
        <v>0</v>
      </c>
      <c r="ED27" s="68">
        <v>0</v>
      </c>
      <c r="EE27" s="69">
        <v>1</v>
      </c>
      <c r="EF27" s="70">
        <v>1</v>
      </c>
      <c r="EG27" s="159"/>
      <c r="EH27" s="69">
        <v>2</v>
      </c>
      <c r="EI27" s="69">
        <v>1</v>
      </c>
      <c r="EJ27" s="69">
        <v>0</v>
      </c>
      <c r="EK27" s="69">
        <v>0</v>
      </c>
      <c r="EL27" s="69">
        <v>0</v>
      </c>
      <c r="EM27" s="70">
        <v>3</v>
      </c>
      <c r="EN27" s="71">
        <v>4</v>
      </c>
      <c r="EO27" s="68">
        <v>0</v>
      </c>
      <c r="EP27" s="69">
        <v>0</v>
      </c>
      <c r="EQ27" s="70">
        <v>0</v>
      </c>
      <c r="ER27" s="159"/>
      <c r="ES27" s="69">
        <v>2</v>
      </c>
      <c r="ET27" s="69">
        <v>2</v>
      </c>
      <c r="EU27" s="69">
        <v>0</v>
      </c>
      <c r="EV27" s="69">
        <v>0</v>
      </c>
      <c r="EW27" s="69">
        <v>1</v>
      </c>
      <c r="EX27" s="70">
        <v>5</v>
      </c>
      <c r="EY27" s="71">
        <v>5</v>
      </c>
      <c r="EZ27" s="68">
        <v>2</v>
      </c>
      <c r="FA27" s="69">
        <v>1</v>
      </c>
      <c r="FB27" s="70">
        <v>3</v>
      </c>
      <c r="FC27" s="159"/>
      <c r="FD27" s="69">
        <v>2</v>
      </c>
      <c r="FE27" s="69">
        <v>2</v>
      </c>
      <c r="FF27" s="69">
        <v>0</v>
      </c>
      <c r="FG27" s="69">
        <v>1</v>
      </c>
      <c r="FH27" s="69">
        <v>1</v>
      </c>
      <c r="FI27" s="70">
        <v>6</v>
      </c>
      <c r="FJ27" s="71">
        <v>9</v>
      </c>
      <c r="FK27" s="68">
        <v>0</v>
      </c>
      <c r="FL27" s="69">
        <v>0</v>
      </c>
      <c r="FM27" s="70">
        <v>0</v>
      </c>
      <c r="FN27" s="159"/>
      <c r="FO27" s="69">
        <v>4</v>
      </c>
      <c r="FP27" s="69">
        <v>1</v>
      </c>
      <c r="FQ27" s="69">
        <v>3</v>
      </c>
      <c r="FR27" s="69">
        <v>5</v>
      </c>
      <c r="FS27" s="69">
        <v>0</v>
      </c>
      <c r="FT27" s="70">
        <v>13</v>
      </c>
      <c r="FU27" s="71">
        <v>13</v>
      </c>
      <c r="FV27" s="68">
        <v>0</v>
      </c>
      <c r="FW27" s="69">
        <v>0</v>
      </c>
      <c r="FX27" s="70">
        <v>0</v>
      </c>
      <c r="FY27" s="159"/>
      <c r="FZ27" s="69">
        <v>0</v>
      </c>
      <c r="GA27" s="69">
        <v>0</v>
      </c>
      <c r="GB27" s="69">
        <v>0</v>
      </c>
      <c r="GC27" s="69">
        <v>0</v>
      </c>
      <c r="GD27" s="69">
        <v>0</v>
      </c>
      <c r="GE27" s="70">
        <v>0</v>
      </c>
      <c r="GF27" s="71">
        <v>0</v>
      </c>
      <c r="GG27" s="68">
        <v>2</v>
      </c>
      <c r="GH27" s="69">
        <v>2</v>
      </c>
      <c r="GI27" s="70">
        <v>4</v>
      </c>
      <c r="GJ27" s="159"/>
      <c r="GK27" s="69">
        <v>10</v>
      </c>
      <c r="GL27" s="69">
        <v>6</v>
      </c>
      <c r="GM27" s="69">
        <v>3</v>
      </c>
      <c r="GN27" s="69">
        <v>6</v>
      </c>
      <c r="GO27" s="69">
        <v>2</v>
      </c>
      <c r="GP27" s="70">
        <v>27</v>
      </c>
      <c r="GQ27" s="71">
        <v>31</v>
      </c>
      <c r="GR27" s="108">
        <v>42</v>
      </c>
      <c r="GS27" s="80">
        <v>24</v>
      </c>
      <c r="GT27" s="81">
        <v>66</v>
      </c>
      <c r="GU27" s="159"/>
      <c r="GV27" s="80">
        <v>56</v>
      </c>
      <c r="GW27" s="80">
        <v>32</v>
      </c>
      <c r="GX27" s="80">
        <v>22</v>
      </c>
      <c r="GY27" s="80">
        <v>19</v>
      </c>
      <c r="GZ27" s="80">
        <v>11</v>
      </c>
      <c r="HA27" s="82">
        <v>140</v>
      </c>
      <c r="HB27" s="83">
        <v>206</v>
      </c>
      <c r="HC27" s="68">
        <v>0</v>
      </c>
      <c r="HD27" s="69">
        <v>0</v>
      </c>
      <c r="HE27" s="70">
        <v>0</v>
      </c>
      <c r="HF27" s="159"/>
      <c r="HG27" s="69">
        <v>2</v>
      </c>
      <c r="HH27" s="69">
        <v>0</v>
      </c>
      <c r="HI27" s="69">
        <v>1</v>
      </c>
      <c r="HJ27" s="69">
        <v>0</v>
      </c>
      <c r="HK27" s="69">
        <v>0</v>
      </c>
      <c r="HL27" s="70">
        <v>3</v>
      </c>
      <c r="HM27" s="71">
        <v>3</v>
      </c>
      <c r="HN27" s="68">
        <v>2</v>
      </c>
      <c r="HO27" s="69">
        <v>2</v>
      </c>
      <c r="HP27" s="70">
        <v>4</v>
      </c>
      <c r="HQ27" s="159"/>
      <c r="HR27" s="69">
        <v>2</v>
      </c>
      <c r="HS27" s="69">
        <v>2</v>
      </c>
      <c r="HT27" s="69">
        <v>1</v>
      </c>
      <c r="HU27" s="69">
        <v>1</v>
      </c>
      <c r="HV27" s="69">
        <v>1</v>
      </c>
      <c r="HW27" s="70">
        <v>7</v>
      </c>
      <c r="HX27" s="71">
        <v>11</v>
      </c>
      <c r="HY27" s="68">
        <v>3</v>
      </c>
      <c r="HZ27" s="69">
        <v>4</v>
      </c>
      <c r="IA27" s="70">
        <v>7</v>
      </c>
      <c r="IB27" s="159"/>
      <c r="IC27" s="69">
        <v>5</v>
      </c>
      <c r="ID27" s="69">
        <v>5</v>
      </c>
      <c r="IE27" s="69">
        <v>0</v>
      </c>
      <c r="IF27" s="69">
        <v>2</v>
      </c>
      <c r="IG27" s="69">
        <v>0</v>
      </c>
      <c r="IH27" s="70">
        <v>12</v>
      </c>
      <c r="II27" s="71">
        <v>19</v>
      </c>
      <c r="IJ27" s="68">
        <v>10</v>
      </c>
      <c r="IK27" s="69">
        <v>3</v>
      </c>
      <c r="IL27" s="70">
        <v>13</v>
      </c>
      <c r="IM27" s="159"/>
      <c r="IN27" s="69">
        <v>6</v>
      </c>
      <c r="IO27" s="69">
        <v>5</v>
      </c>
      <c r="IP27" s="69">
        <v>1</v>
      </c>
      <c r="IQ27" s="69">
        <v>2</v>
      </c>
      <c r="IR27" s="69">
        <v>3</v>
      </c>
      <c r="IS27" s="70">
        <v>17</v>
      </c>
      <c r="IT27" s="71">
        <v>30</v>
      </c>
      <c r="IU27" s="68">
        <v>13</v>
      </c>
      <c r="IV27" s="69">
        <v>5</v>
      </c>
      <c r="IW27" s="70">
        <v>18</v>
      </c>
      <c r="IX27" s="159"/>
      <c r="IY27" s="69">
        <v>17</v>
      </c>
      <c r="IZ27" s="69">
        <v>15</v>
      </c>
      <c r="JA27" s="69">
        <v>7</v>
      </c>
      <c r="JB27" s="69">
        <v>6</v>
      </c>
      <c r="JC27" s="69">
        <v>3</v>
      </c>
      <c r="JD27" s="70">
        <v>48</v>
      </c>
      <c r="JE27" s="71">
        <v>66</v>
      </c>
      <c r="JF27" s="68">
        <v>14</v>
      </c>
      <c r="JG27" s="69">
        <v>10</v>
      </c>
      <c r="JH27" s="70">
        <v>24</v>
      </c>
      <c r="JI27" s="159"/>
      <c r="JJ27" s="69">
        <v>24</v>
      </c>
      <c r="JK27" s="69">
        <v>5</v>
      </c>
      <c r="JL27" s="69">
        <v>12</v>
      </c>
      <c r="JM27" s="69">
        <v>8</v>
      </c>
      <c r="JN27" s="69">
        <v>4</v>
      </c>
      <c r="JO27" s="70">
        <v>53</v>
      </c>
      <c r="JP27" s="71">
        <v>77</v>
      </c>
      <c r="JQ27" s="68">
        <v>0</v>
      </c>
      <c r="JR27" s="69">
        <v>0</v>
      </c>
      <c r="JS27" s="70">
        <v>0</v>
      </c>
      <c r="JT27" s="159"/>
      <c r="JU27" s="69">
        <v>0</v>
      </c>
      <c r="JV27" s="69">
        <v>0</v>
      </c>
      <c r="JW27" s="69">
        <v>0</v>
      </c>
      <c r="JX27" s="69">
        <v>0</v>
      </c>
      <c r="JY27" s="69">
        <v>0</v>
      </c>
      <c r="JZ27" s="70">
        <v>0</v>
      </c>
      <c r="KA27" s="71">
        <v>0</v>
      </c>
      <c r="KB27" s="68">
        <v>42</v>
      </c>
      <c r="KC27" s="69">
        <v>24</v>
      </c>
      <c r="KD27" s="70">
        <v>66</v>
      </c>
      <c r="KE27" s="159"/>
      <c r="KF27" s="69">
        <v>56</v>
      </c>
      <c r="KG27" s="69">
        <v>32</v>
      </c>
      <c r="KH27" s="69">
        <v>22</v>
      </c>
      <c r="KI27" s="69">
        <v>19</v>
      </c>
      <c r="KJ27" s="69">
        <v>11</v>
      </c>
      <c r="KK27" s="70">
        <v>140</v>
      </c>
      <c r="KL27" s="71">
        <v>206</v>
      </c>
    </row>
    <row r="28" spans="1:298" ht="19.5" customHeight="1" x14ac:dyDescent="0.2">
      <c r="A28" s="111" t="s">
        <v>25</v>
      </c>
      <c r="B28" s="215">
        <v>11</v>
      </c>
      <c r="C28" s="80">
        <v>16</v>
      </c>
      <c r="D28" s="81">
        <v>27</v>
      </c>
      <c r="E28" s="159"/>
      <c r="F28" s="80">
        <v>44</v>
      </c>
      <c r="G28" s="80">
        <v>10</v>
      </c>
      <c r="H28" s="80">
        <v>15</v>
      </c>
      <c r="I28" s="80">
        <v>14</v>
      </c>
      <c r="J28" s="80">
        <v>7</v>
      </c>
      <c r="K28" s="82">
        <v>90</v>
      </c>
      <c r="L28" s="83">
        <v>117</v>
      </c>
      <c r="M28" s="68">
        <v>0</v>
      </c>
      <c r="N28" s="69">
        <v>0</v>
      </c>
      <c r="O28" s="70">
        <v>0</v>
      </c>
      <c r="P28" s="159"/>
      <c r="Q28" s="69">
        <v>3</v>
      </c>
      <c r="R28" s="69">
        <v>0</v>
      </c>
      <c r="S28" s="69">
        <v>0</v>
      </c>
      <c r="T28" s="69">
        <v>0</v>
      </c>
      <c r="U28" s="69">
        <v>0</v>
      </c>
      <c r="V28" s="70">
        <v>3</v>
      </c>
      <c r="W28" s="71">
        <v>3</v>
      </c>
      <c r="X28" s="68">
        <v>0</v>
      </c>
      <c r="Y28" s="69">
        <v>3</v>
      </c>
      <c r="Z28" s="70">
        <v>3</v>
      </c>
      <c r="AA28" s="159"/>
      <c r="AB28" s="69">
        <v>0</v>
      </c>
      <c r="AC28" s="69">
        <v>2</v>
      </c>
      <c r="AD28" s="69">
        <v>1</v>
      </c>
      <c r="AE28" s="69">
        <v>2</v>
      </c>
      <c r="AF28" s="69">
        <v>0</v>
      </c>
      <c r="AG28" s="70">
        <v>5</v>
      </c>
      <c r="AH28" s="71">
        <v>8</v>
      </c>
      <c r="AI28" s="68">
        <v>2</v>
      </c>
      <c r="AJ28" s="69">
        <v>4</v>
      </c>
      <c r="AK28" s="70">
        <v>6</v>
      </c>
      <c r="AL28" s="159"/>
      <c r="AM28" s="69">
        <v>5</v>
      </c>
      <c r="AN28" s="69">
        <v>0</v>
      </c>
      <c r="AO28" s="69">
        <v>0</v>
      </c>
      <c r="AP28" s="69">
        <v>2</v>
      </c>
      <c r="AQ28" s="69">
        <v>1</v>
      </c>
      <c r="AR28" s="70">
        <v>8</v>
      </c>
      <c r="AS28" s="71">
        <v>14</v>
      </c>
      <c r="AT28" s="68">
        <v>1</v>
      </c>
      <c r="AU28" s="69">
        <v>3</v>
      </c>
      <c r="AV28" s="70">
        <v>4</v>
      </c>
      <c r="AW28" s="159"/>
      <c r="AX28" s="69">
        <v>11</v>
      </c>
      <c r="AY28" s="69">
        <v>4</v>
      </c>
      <c r="AZ28" s="69">
        <v>3</v>
      </c>
      <c r="BA28" s="69">
        <v>4</v>
      </c>
      <c r="BB28" s="69">
        <v>3</v>
      </c>
      <c r="BC28" s="70">
        <v>25</v>
      </c>
      <c r="BD28" s="71">
        <v>29</v>
      </c>
      <c r="BE28" s="68">
        <v>5</v>
      </c>
      <c r="BF28" s="69">
        <v>1</v>
      </c>
      <c r="BG28" s="70">
        <v>6</v>
      </c>
      <c r="BH28" s="159"/>
      <c r="BI28" s="69">
        <v>14</v>
      </c>
      <c r="BJ28" s="69">
        <v>4</v>
      </c>
      <c r="BK28" s="69">
        <v>6</v>
      </c>
      <c r="BL28" s="69">
        <v>3</v>
      </c>
      <c r="BM28" s="69">
        <v>1</v>
      </c>
      <c r="BN28" s="70">
        <v>28</v>
      </c>
      <c r="BO28" s="71">
        <v>34</v>
      </c>
      <c r="BP28" s="68">
        <v>3</v>
      </c>
      <c r="BQ28" s="69">
        <v>5</v>
      </c>
      <c r="BR28" s="70">
        <v>8</v>
      </c>
      <c r="BS28" s="159"/>
      <c r="BT28" s="69">
        <v>11</v>
      </c>
      <c r="BU28" s="69">
        <v>0</v>
      </c>
      <c r="BV28" s="69">
        <v>5</v>
      </c>
      <c r="BW28" s="69">
        <v>3</v>
      </c>
      <c r="BX28" s="69">
        <v>2</v>
      </c>
      <c r="BY28" s="70">
        <v>21</v>
      </c>
      <c r="BZ28" s="71">
        <v>29</v>
      </c>
      <c r="CA28" s="68">
        <v>0</v>
      </c>
      <c r="CB28" s="69">
        <v>0</v>
      </c>
      <c r="CC28" s="70">
        <v>0</v>
      </c>
      <c r="CD28" s="159"/>
      <c r="CE28" s="69">
        <v>0</v>
      </c>
      <c r="CF28" s="69">
        <v>0</v>
      </c>
      <c r="CG28" s="69">
        <v>0</v>
      </c>
      <c r="CH28" s="69">
        <v>0</v>
      </c>
      <c r="CI28" s="69">
        <v>0</v>
      </c>
      <c r="CJ28" s="70">
        <v>0</v>
      </c>
      <c r="CK28" s="71">
        <v>0</v>
      </c>
      <c r="CL28" s="68">
        <v>11</v>
      </c>
      <c r="CM28" s="69">
        <v>16</v>
      </c>
      <c r="CN28" s="70">
        <v>27</v>
      </c>
      <c r="CO28" s="159"/>
      <c r="CP28" s="69">
        <v>44</v>
      </c>
      <c r="CQ28" s="69">
        <v>10</v>
      </c>
      <c r="CR28" s="69">
        <v>15</v>
      </c>
      <c r="CS28" s="69">
        <v>14</v>
      </c>
      <c r="CT28" s="69">
        <v>7</v>
      </c>
      <c r="CU28" s="70">
        <v>90</v>
      </c>
      <c r="CV28" s="71">
        <v>117</v>
      </c>
      <c r="CW28" s="108">
        <v>2</v>
      </c>
      <c r="CX28" s="80">
        <v>2</v>
      </c>
      <c r="CY28" s="81">
        <v>4</v>
      </c>
      <c r="CZ28" s="159"/>
      <c r="DA28" s="80">
        <v>3</v>
      </c>
      <c r="DB28" s="80">
        <v>2</v>
      </c>
      <c r="DC28" s="80">
        <v>0</v>
      </c>
      <c r="DD28" s="80">
        <v>4</v>
      </c>
      <c r="DE28" s="80">
        <v>0</v>
      </c>
      <c r="DF28" s="82">
        <v>9</v>
      </c>
      <c r="DG28" s="83">
        <v>13</v>
      </c>
      <c r="DH28" s="68">
        <v>0</v>
      </c>
      <c r="DI28" s="69">
        <v>0</v>
      </c>
      <c r="DJ28" s="70">
        <v>0</v>
      </c>
      <c r="DK28" s="159"/>
      <c r="DL28" s="69">
        <v>0</v>
      </c>
      <c r="DM28" s="69">
        <v>0</v>
      </c>
      <c r="DN28" s="69">
        <v>0</v>
      </c>
      <c r="DO28" s="69">
        <v>0</v>
      </c>
      <c r="DP28" s="69">
        <v>0</v>
      </c>
      <c r="DQ28" s="70">
        <v>0</v>
      </c>
      <c r="DR28" s="71">
        <v>0</v>
      </c>
      <c r="DS28" s="68">
        <v>0</v>
      </c>
      <c r="DT28" s="69">
        <v>0</v>
      </c>
      <c r="DU28" s="70">
        <v>0</v>
      </c>
      <c r="DV28" s="159"/>
      <c r="DW28" s="69">
        <v>0</v>
      </c>
      <c r="DX28" s="69">
        <v>0</v>
      </c>
      <c r="DY28" s="69">
        <v>0</v>
      </c>
      <c r="DZ28" s="69">
        <v>0</v>
      </c>
      <c r="EA28" s="69">
        <v>0</v>
      </c>
      <c r="EB28" s="70">
        <v>0</v>
      </c>
      <c r="EC28" s="71">
        <v>0</v>
      </c>
      <c r="ED28" s="68">
        <v>0</v>
      </c>
      <c r="EE28" s="69">
        <v>1</v>
      </c>
      <c r="EF28" s="70">
        <v>1</v>
      </c>
      <c r="EG28" s="159"/>
      <c r="EH28" s="69">
        <v>0</v>
      </c>
      <c r="EI28" s="69">
        <v>2</v>
      </c>
      <c r="EJ28" s="69">
        <v>0</v>
      </c>
      <c r="EK28" s="69">
        <v>0</v>
      </c>
      <c r="EL28" s="69">
        <v>0</v>
      </c>
      <c r="EM28" s="70">
        <v>2</v>
      </c>
      <c r="EN28" s="71">
        <v>3</v>
      </c>
      <c r="EO28" s="68">
        <v>1</v>
      </c>
      <c r="EP28" s="69">
        <v>0</v>
      </c>
      <c r="EQ28" s="70">
        <v>1</v>
      </c>
      <c r="ER28" s="159"/>
      <c r="ES28" s="69">
        <v>0</v>
      </c>
      <c r="ET28" s="69">
        <v>0</v>
      </c>
      <c r="EU28" s="69">
        <v>0</v>
      </c>
      <c r="EV28" s="69">
        <v>1</v>
      </c>
      <c r="EW28" s="69">
        <v>0</v>
      </c>
      <c r="EX28" s="70">
        <v>1</v>
      </c>
      <c r="EY28" s="71">
        <v>2</v>
      </c>
      <c r="EZ28" s="68">
        <v>0</v>
      </c>
      <c r="FA28" s="69">
        <v>1</v>
      </c>
      <c r="FB28" s="70">
        <v>1</v>
      </c>
      <c r="FC28" s="159"/>
      <c r="FD28" s="69">
        <v>1</v>
      </c>
      <c r="FE28" s="69">
        <v>0</v>
      </c>
      <c r="FF28" s="69">
        <v>0</v>
      </c>
      <c r="FG28" s="69">
        <v>2</v>
      </c>
      <c r="FH28" s="69">
        <v>0</v>
      </c>
      <c r="FI28" s="70">
        <v>3</v>
      </c>
      <c r="FJ28" s="71">
        <v>4</v>
      </c>
      <c r="FK28" s="68">
        <v>1</v>
      </c>
      <c r="FL28" s="69">
        <v>0</v>
      </c>
      <c r="FM28" s="70">
        <v>1</v>
      </c>
      <c r="FN28" s="159"/>
      <c r="FO28" s="69">
        <v>2</v>
      </c>
      <c r="FP28" s="69">
        <v>0</v>
      </c>
      <c r="FQ28" s="69">
        <v>0</v>
      </c>
      <c r="FR28" s="69">
        <v>1</v>
      </c>
      <c r="FS28" s="69">
        <v>0</v>
      </c>
      <c r="FT28" s="70">
        <v>3</v>
      </c>
      <c r="FU28" s="71">
        <v>4</v>
      </c>
      <c r="FV28" s="68">
        <v>0</v>
      </c>
      <c r="FW28" s="69">
        <v>0</v>
      </c>
      <c r="FX28" s="70">
        <v>0</v>
      </c>
      <c r="FY28" s="159"/>
      <c r="FZ28" s="69">
        <v>0</v>
      </c>
      <c r="GA28" s="69">
        <v>0</v>
      </c>
      <c r="GB28" s="69">
        <v>0</v>
      </c>
      <c r="GC28" s="69">
        <v>0</v>
      </c>
      <c r="GD28" s="69">
        <v>0</v>
      </c>
      <c r="GE28" s="70">
        <v>0</v>
      </c>
      <c r="GF28" s="71">
        <v>0</v>
      </c>
      <c r="GG28" s="68">
        <v>2</v>
      </c>
      <c r="GH28" s="69">
        <v>2</v>
      </c>
      <c r="GI28" s="70">
        <v>4</v>
      </c>
      <c r="GJ28" s="159"/>
      <c r="GK28" s="69">
        <v>3</v>
      </c>
      <c r="GL28" s="69">
        <v>2</v>
      </c>
      <c r="GM28" s="69">
        <v>0</v>
      </c>
      <c r="GN28" s="69">
        <v>4</v>
      </c>
      <c r="GO28" s="69">
        <v>0</v>
      </c>
      <c r="GP28" s="70">
        <v>9</v>
      </c>
      <c r="GQ28" s="71">
        <v>13</v>
      </c>
      <c r="GR28" s="108">
        <v>13</v>
      </c>
      <c r="GS28" s="80">
        <v>18</v>
      </c>
      <c r="GT28" s="81">
        <v>31</v>
      </c>
      <c r="GU28" s="159"/>
      <c r="GV28" s="80">
        <v>47</v>
      </c>
      <c r="GW28" s="80">
        <v>12</v>
      </c>
      <c r="GX28" s="80">
        <v>15</v>
      </c>
      <c r="GY28" s="80">
        <v>18</v>
      </c>
      <c r="GZ28" s="80">
        <v>7</v>
      </c>
      <c r="HA28" s="82">
        <v>99</v>
      </c>
      <c r="HB28" s="83">
        <v>130</v>
      </c>
      <c r="HC28" s="68">
        <v>0</v>
      </c>
      <c r="HD28" s="69">
        <v>0</v>
      </c>
      <c r="HE28" s="70">
        <v>0</v>
      </c>
      <c r="HF28" s="159"/>
      <c r="HG28" s="69">
        <v>3</v>
      </c>
      <c r="HH28" s="69">
        <v>0</v>
      </c>
      <c r="HI28" s="69">
        <v>0</v>
      </c>
      <c r="HJ28" s="69">
        <v>0</v>
      </c>
      <c r="HK28" s="69">
        <v>0</v>
      </c>
      <c r="HL28" s="70">
        <v>3</v>
      </c>
      <c r="HM28" s="71">
        <v>3</v>
      </c>
      <c r="HN28" s="68">
        <v>0</v>
      </c>
      <c r="HO28" s="69">
        <v>3</v>
      </c>
      <c r="HP28" s="70">
        <v>3</v>
      </c>
      <c r="HQ28" s="159"/>
      <c r="HR28" s="69">
        <v>0</v>
      </c>
      <c r="HS28" s="69">
        <v>2</v>
      </c>
      <c r="HT28" s="69">
        <v>1</v>
      </c>
      <c r="HU28" s="69">
        <v>2</v>
      </c>
      <c r="HV28" s="69">
        <v>0</v>
      </c>
      <c r="HW28" s="70">
        <v>5</v>
      </c>
      <c r="HX28" s="71">
        <v>8</v>
      </c>
      <c r="HY28" s="68">
        <v>2</v>
      </c>
      <c r="HZ28" s="69">
        <v>5</v>
      </c>
      <c r="IA28" s="70">
        <v>7</v>
      </c>
      <c r="IB28" s="159"/>
      <c r="IC28" s="69">
        <v>5</v>
      </c>
      <c r="ID28" s="69">
        <v>2</v>
      </c>
      <c r="IE28" s="69">
        <v>0</v>
      </c>
      <c r="IF28" s="69">
        <v>2</v>
      </c>
      <c r="IG28" s="69">
        <v>1</v>
      </c>
      <c r="IH28" s="70">
        <v>10</v>
      </c>
      <c r="II28" s="71">
        <v>17</v>
      </c>
      <c r="IJ28" s="68">
        <v>2</v>
      </c>
      <c r="IK28" s="69">
        <v>3</v>
      </c>
      <c r="IL28" s="70">
        <v>5</v>
      </c>
      <c r="IM28" s="159"/>
      <c r="IN28" s="69">
        <v>11</v>
      </c>
      <c r="IO28" s="69">
        <v>4</v>
      </c>
      <c r="IP28" s="69">
        <v>3</v>
      </c>
      <c r="IQ28" s="69">
        <v>5</v>
      </c>
      <c r="IR28" s="69">
        <v>3</v>
      </c>
      <c r="IS28" s="70">
        <v>26</v>
      </c>
      <c r="IT28" s="71">
        <v>31</v>
      </c>
      <c r="IU28" s="68">
        <v>5</v>
      </c>
      <c r="IV28" s="69">
        <v>2</v>
      </c>
      <c r="IW28" s="70">
        <v>7</v>
      </c>
      <c r="IX28" s="159"/>
      <c r="IY28" s="69">
        <v>15</v>
      </c>
      <c r="IZ28" s="69">
        <v>4</v>
      </c>
      <c r="JA28" s="69">
        <v>6</v>
      </c>
      <c r="JB28" s="69">
        <v>5</v>
      </c>
      <c r="JC28" s="69">
        <v>1</v>
      </c>
      <c r="JD28" s="70">
        <v>31</v>
      </c>
      <c r="JE28" s="71">
        <v>38</v>
      </c>
      <c r="JF28" s="68">
        <v>4</v>
      </c>
      <c r="JG28" s="69">
        <v>5</v>
      </c>
      <c r="JH28" s="70">
        <v>9</v>
      </c>
      <c r="JI28" s="159"/>
      <c r="JJ28" s="69">
        <v>13</v>
      </c>
      <c r="JK28" s="69">
        <v>0</v>
      </c>
      <c r="JL28" s="69">
        <v>5</v>
      </c>
      <c r="JM28" s="69">
        <v>4</v>
      </c>
      <c r="JN28" s="69">
        <v>2</v>
      </c>
      <c r="JO28" s="70">
        <v>24</v>
      </c>
      <c r="JP28" s="71">
        <v>33</v>
      </c>
      <c r="JQ28" s="68">
        <v>0</v>
      </c>
      <c r="JR28" s="69">
        <v>0</v>
      </c>
      <c r="JS28" s="70">
        <v>0</v>
      </c>
      <c r="JT28" s="159"/>
      <c r="JU28" s="69">
        <v>0</v>
      </c>
      <c r="JV28" s="69">
        <v>0</v>
      </c>
      <c r="JW28" s="69">
        <v>0</v>
      </c>
      <c r="JX28" s="69">
        <v>0</v>
      </c>
      <c r="JY28" s="69">
        <v>0</v>
      </c>
      <c r="JZ28" s="70">
        <v>0</v>
      </c>
      <c r="KA28" s="71">
        <v>0</v>
      </c>
      <c r="KB28" s="68">
        <v>13</v>
      </c>
      <c r="KC28" s="69">
        <v>18</v>
      </c>
      <c r="KD28" s="70">
        <v>31</v>
      </c>
      <c r="KE28" s="159"/>
      <c r="KF28" s="69">
        <v>47</v>
      </c>
      <c r="KG28" s="69">
        <v>12</v>
      </c>
      <c r="KH28" s="69">
        <v>15</v>
      </c>
      <c r="KI28" s="69">
        <v>18</v>
      </c>
      <c r="KJ28" s="69">
        <v>7</v>
      </c>
      <c r="KK28" s="70">
        <v>99</v>
      </c>
      <c r="KL28" s="71">
        <v>130</v>
      </c>
    </row>
    <row r="29" spans="1:298" ht="19.5" customHeight="1" x14ac:dyDescent="0.2">
      <c r="A29" s="111" t="s">
        <v>26</v>
      </c>
      <c r="B29" s="215">
        <v>21</v>
      </c>
      <c r="C29" s="80">
        <v>15</v>
      </c>
      <c r="D29" s="81">
        <v>36</v>
      </c>
      <c r="E29" s="159"/>
      <c r="F29" s="80">
        <v>21</v>
      </c>
      <c r="G29" s="80">
        <v>27</v>
      </c>
      <c r="H29" s="80">
        <v>24</v>
      </c>
      <c r="I29" s="80">
        <v>11</v>
      </c>
      <c r="J29" s="80">
        <v>5</v>
      </c>
      <c r="K29" s="82">
        <v>88</v>
      </c>
      <c r="L29" s="83">
        <v>124</v>
      </c>
      <c r="M29" s="68">
        <v>0</v>
      </c>
      <c r="N29" s="69">
        <v>0</v>
      </c>
      <c r="O29" s="70">
        <v>0</v>
      </c>
      <c r="P29" s="159"/>
      <c r="Q29" s="69">
        <v>0</v>
      </c>
      <c r="R29" s="69">
        <v>0</v>
      </c>
      <c r="S29" s="69">
        <v>1</v>
      </c>
      <c r="T29" s="69">
        <v>0</v>
      </c>
      <c r="U29" s="69">
        <v>0</v>
      </c>
      <c r="V29" s="70">
        <v>1</v>
      </c>
      <c r="W29" s="71">
        <v>1</v>
      </c>
      <c r="X29" s="68">
        <v>1</v>
      </c>
      <c r="Y29" s="69">
        <v>0</v>
      </c>
      <c r="Z29" s="70">
        <v>1</v>
      </c>
      <c r="AA29" s="159"/>
      <c r="AB29" s="69">
        <v>0</v>
      </c>
      <c r="AC29" s="69">
        <v>2</v>
      </c>
      <c r="AD29" s="69">
        <v>0</v>
      </c>
      <c r="AE29" s="69">
        <v>0</v>
      </c>
      <c r="AF29" s="69">
        <v>0</v>
      </c>
      <c r="AG29" s="70">
        <v>2</v>
      </c>
      <c r="AH29" s="71">
        <v>3</v>
      </c>
      <c r="AI29" s="68">
        <v>3</v>
      </c>
      <c r="AJ29" s="69">
        <v>4</v>
      </c>
      <c r="AK29" s="70">
        <v>7</v>
      </c>
      <c r="AL29" s="159"/>
      <c r="AM29" s="69">
        <v>2</v>
      </c>
      <c r="AN29" s="69">
        <v>3</v>
      </c>
      <c r="AO29" s="69">
        <v>2</v>
      </c>
      <c r="AP29" s="69">
        <v>2</v>
      </c>
      <c r="AQ29" s="69">
        <v>1</v>
      </c>
      <c r="AR29" s="70">
        <v>10</v>
      </c>
      <c r="AS29" s="71">
        <v>17</v>
      </c>
      <c r="AT29" s="68">
        <v>5</v>
      </c>
      <c r="AU29" s="69">
        <v>2</v>
      </c>
      <c r="AV29" s="70">
        <v>7</v>
      </c>
      <c r="AW29" s="159"/>
      <c r="AX29" s="69">
        <v>3</v>
      </c>
      <c r="AY29" s="69">
        <v>5</v>
      </c>
      <c r="AZ29" s="69">
        <v>8</v>
      </c>
      <c r="BA29" s="69">
        <v>1</v>
      </c>
      <c r="BB29" s="69">
        <v>2</v>
      </c>
      <c r="BC29" s="70">
        <v>19</v>
      </c>
      <c r="BD29" s="71">
        <v>26</v>
      </c>
      <c r="BE29" s="68">
        <v>5</v>
      </c>
      <c r="BF29" s="69">
        <v>4</v>
      </c>
      <c r="BG29" s="70">
        <v>9</v>
      </c>
      <c r="BH29" s="159"/>
      <c r="BI29" s="69">
        <v>7</v>
      </c>
      <c r="BJ29" s="69">
        <v>8</v>
      </c>
      <c r="BK29" s="69">
        <v>8</v>
      </c>
      <c r="BL29" s="69">
        <v>2</v>
      </c>
      <c r="BM29" s="69">
        <v>0</v>
      </c>
      <c r="BN29" s="70">
        <v>25</v>
      </c>
      <c r="BO29" s="71">
        <v>34</v>
      </c>
      <c r="BP29" s="68">
        <v>7</v>
      </c>
      <c r="BQ29" s="69">
        <v>5</v>
      </c>
      <c r="BR29" s="70">
        <v>12</v>
      </c>
      <c r="BS29" s="159"/>
      <c r="BT29" s="69">
        <v>9</v>
      </c>
      <c r="BU29" s="69">
        <v>9</v>
      </c>
      <c r="BV29" s="69">
        <v>5</v>
      </c>
      <c r="BW29" s="69">
        <v>6</v>
      </c>
      <c r="BX29" s="69">
        <v>2</v>
      </c>
      <c r="BY29" s="70">
        <v>31</v>
      </c>
      <c r="BZ29" s="71">
        <v>43</v>
      </c>
      <c r="CA29" s="68">
        <v>0</v>
      </c>
      <c r="CB29" s="69">
        <v>0</v>
      </c>
      <c r="CC29" s="70">
        <v>0</v>
      </c>
      <c r="CD29" s="159"/>
      <c r="CE29" s="69">
        <v>0</v>
      </c>
      <c r="CF29" s="69">
        <v>0</v>
      </c>
      <c r="CG29" s="69">
        <v>0</v>
      </c>
      <c r="CH29" s="69">
        <v>0</v>
      </c>
      <c r="CI29" s="69">
        <v>0</v>
      </c>
      <c r="CJ29" s="70">
        <v>0</v>
      </c>
      <c r="CK29" s="71">
        <v>0</v>
      </c>
      <c r="CL29" s="68">
        <v>21</v>
      </c>
      <c r="CM29" s="69">
        <v>15</v>
      </c>
      <c r="CN29" s="70">
        <v>36</v>
      </c>
      <c r="CO29" s="159"/>
      <c r="CP29" s="69">
        <v>21</v>
      </c>
      <c r="CQ29" s="69">
        <v>27</v>
      </c>
      <c r="CR29" s="69">
        <v>24</v>
      </c>
      <c r="CS29" s="69">
        <v>11</v>
      </c>
      <c r="CT29" s="69">
        <v>5</v>
      </c>
      <c r="CU29" s="70">
        <v>88</v>
      </c>
      <c r="CV29" s="71">
        <v>124</v>
      </c>
      <c r="CW29" s="108">
        <v>2</v>
      </c>
      <c r="CX29" s="80">
        <v>2</v>
      </c>
      <c r="CY29" s="81">
        <v>4</v>
      </c>
      <c r="CZ29" s="159"/>
      <c r="DA29" s="80">
        <v>2</v>
      </c>
      <c r="DB29" s="80">
        <v>3</v>
      </c>
      <c r="DC29" s="80">
        <v>0</v>
      </c>
      <c r="DD29" s="80">
        <v>4</v>
      </c>
      <c r="DE29" s="80">
        <v>4</v>
      </c>
      <c r="DF29" s="82">
        <v>13</v>
      </c>
      <c r="DG29" s="83">
        <v>17</v>
      </c>
      <c r="DH29" s="68">
        <v>0</v>
      </c>
      <c r="DI29" s="69">
        <v>0</v>
      </c>
      <c r="DJ29" s="70">
        <v>0</v>
      </c>
      <c r="DK29" s="159"/>
      <c r="DL29" s="69">
        <v>0</v>
      </c>
      <c r="DM29" s="69">
        <v>0</v>
      </c>
      <c r="DN29" s="69">
        <v>0</v>
      </c>
      <c r="DO29" s="69">
        <v>0</v>
      </c>
      <c r="DP29" s="69">
        <v>0</v>
      </c>
      <c r="DQ29" s="70">
        <v>0</v>
      </c>
      <c r="DR29" s="71">
        <v>0</v>
      </c>
      <c r="DS29" s="68">
        <v>0</v>
      </c>
      <c r="DT29" s="69">
        <v>0</v>
      </c>
      <c r="DU29" s="70">
        <v>0</v>
      </c>
      <c r="DV29" s="159"/>
      <c r="DW29" s="69">
        <v>0</v>
      </c>
      <c r="DX29" s="69">
        <v>0</v>
      </c>
      <c r="DY29" s="69">
        <v>0</v>
      </c>
      <c r="DZ29" s="69">
        <v>0</v>
      </c>
      <c r="EA29" s="69">
        <v>0</v>
      </c>
      <c r="EB29" s="70">
        <v>0</v>
      </c>
      <c r="EC29" s="71">
        <v>0</v>
      </c>
      <c r="ED29" s="68">
        <v>0</v>
      </c>
      <c r="EE29" s="69">
        <v>0</v>
      </c>
      <c r="EF29" s="70">
        <v>0</v>
      </c>
      <c r="EG29" s="159"/>
      <c r="EH29" s="69">
        <v>0</v>
      </c>
      <c r="EI29" s="69">
        <v>0</v>
      </c>
      <c r="EJ29" s="69">
        <v>0</v>
      </c>
      <c r="EK29" s="69">
        <v>0</v>
      </c>
      <c r="EL29" s="69">
        <v>0</v>
      </c>
      <c r="EM29" s="70">
        <v>0</v>
      </c>
      <c r="EN29" s="71">
        <v>0</v>
      </c>
      <c r="EO29" s="68">
        <v>0</v>
      </c>
      <c r="EP29" s="69">
        <v>0</v>
      </c>
      <c r="EQ29" s="70">
        <v>0</v>
      </c>
      <c r="ER29" s="159"/>
      <c r="ES29" s="69">
        <v>0</v>
      </c>
      <c r="ET29" s="69">
        <v>1</v>
      </c>
      <c r="EU29" s="69">
        <v>0</v>
      </c>
      <c r="EV29" s="69">
        <v>1</v>
      </c>
      <c r="EW29" s="69">
        <v>0</v>
      </c>
      <c r="EX29" s="70">
        <v>2</v>
      </c>
      <c r="EY29" s="71">
        <v>2</v>
      </c>
      <c r="EZ29" s="68">
        <v>1</v>
      </c>
      <c r="FA29" s="69">
        <v>2</v>
      </c>
      <c r="FB29" s="70">
        <v>3</v>
      </c>
      <c r="FC29" s="159"/>
      <c r="FD29" s="69">
        <v>1</v>
      </c>
      <c r="FE29" s="69">
        <v>1</v>
      </c>
      <c r="FF29" s="69">
        <v>0</v>
      </c>
      <c r="FG29" s="69">
        <v>2</v>
      </c>
      <c r="FH29" s="69">
        <v>1</v>
      </c>
      <c r="FI29" s="70">
        <v>5</v>
      </c>
      <c r="FJ29" s="71">
        <v>8</v>
      </c>
      <c r="FK29" s="68">
        <v>1</v>
      </c>
      <c r="FL29" s="69">
        <v>0</v>
      </c>
      <c r="FM29" s="70">
        <v>1</v>
      </c>
      <c r="FN29" s="159"/>
      <c r="FO29" s="69">
        <v>1</v>
      </c>
      <c r="FP29" s="69">
        <v>1</v>
      </c>
      <c r="FQ29" s="69">
        <v>0</v>
      </c>
      <c r="FR29" s="69">
        <v>1</v>
      </c>
      <c r="FS29" s="69">
        <v>3</v>
      </c>
      <c r="FT29" s="70">
        <v>6</v>
      </c>
      <c r="FU29" s="71">
        <v>7</v>
      </c>
      <c r="FV29" s="68">
        <v>0</v>
      </c>
      <c r="FW29" s="69">
        <v>0</v>
      </c>
      <c r="FX29" s="70">
        <v>0</v>
      </c>
      <c r="FY29" s="159"/>
      <c r="FZ29" s="69">
        <v>0</v>
      </c>
      <c r="GA29" s="69">
        <v>0</v>
      </c>
      <c r="GB29" s="69">
        <v>0</v>
      </c>
      <c r="GC29" s="69">
        <v>0</v>
      </c>
      <c r="GD29" s="69">
        <v>0</v>
      </c>
      <c r="GE29" s="70">
        <v>0</v>
      </c>
      <c r="GF29" s="71">
        <v>0</v>
      </c>
      <c r="GG29" s="68">
        <v>2</v>
      </c>
      <c r="GH29" s="69">
        <v>2</v>
      </c>
      <c r="GI29" s="70">
        <v>4</v>
      </c>
      <c r="GJ29" s="159"/>
      <c r="GK29" s="69">
        <v>2</v>
      </c>
      <c r="GL29" s="69">
        <v>3</v>
      </c>
      <c r="GM29" s="69">
        <v>0</v>
      </c>
      <c r="GN29" s="69">
        <v>4</v>
      </c>
      <c r="GO29" s="69">
        <v>4</v>
      </c>
      <c r="GP29" s="70">
        <v>13</v>
      </c>
      <c r="GQ29" s="71">
        <v>17</v>
      </c>
      <c r="GR29" s="108">
        <v>23</v>
      </c>
      <c r="GS29" s="80">
        <v>17</v>
      </c>
      <c r="GT29" s="81">
        <v>40</v>
      </c>
      <c r="GU29" s="159"/>
      <c r="GV29" s="80">
        <v>23</v>
      </c>
      <c r="GW29" s="80">
        <v>30</v>
      </c>
      <c r="GX29" s="80">
        <v>24</v>
      </c>
      <c r="GY29" s="80">
        <v>15</v>
      </c>
      <c r="GZ29" s="80">
        <v>9</v>
      </c>
      <c r="HA29" s="82">
        <v>101</v>
      </c>
      <c r="HB29" s="83">
        <v>141</v>
      </c>
      <c r="HC29" s="68">
        <v>0</v>
      </c>
      <c r="HD29" s="69">
        <v>0</v>
      </c>
      <c r="HE29" s="70">
        <v>0</v>
      </c>
      <c r="HF29" s="159"/>
      <c r="HG29" s="69">
        <v>0</v>
      </c>
      <c r="HH29" s="69">
        <v>0</v>
      </c>
      <c r="HI29" s="69">
        <v>1</v>
      </c>
      <c r="HJ29" s="69">
        <v>0</v>
      </c>
      <c r="HK29" s="69">
        <v>0</v>
      </c>
      <c r="HL29" s="70">
        <v>1</v>
      </c>
      <c r="HM29" s="71">
        <v>1</v>
      </c>
      <c r="HN29" s="68">
        <v>1</v>
      </c>
      <c r="HO29" s="69">
        <v>0</v>
      </c>
      <c r="HP29" s="70">
        <v>1</v>
      </c>
      <c r="HQ29" s="159"/>
      <c r="HR29" s="69">
        <v>0</v>
      </c>
      <c r="HS29" s="69">
        <v>2</v>
      </c>
      <c r="HT29" s="69">
        <v>0</v>
      </c>
      <c r="HU29" s="69">
        <v>0</v>
      </c>
      <c r="HV29" s="69">
        <v>0</v>
      </c>
      <c r="HW29" s="70">
        <v>2</v>
      </c>
      <c r="HX29" s="71">
        <v>3</v>
      </c>
      <c r="HY29" s="68">
        <v>3</v>
      </c>
      <c r="HZ29" s="69">
        <v>4</v>
      </c>
      <c r="IA29" s="70">
        <v>7</v>
      </c>
      <c r="IB29" s="159"/>
      <c r="IC29" s="69">
        <v>2</v>
      </c>
      <c r="ID29" s="69">
        <v>3</v>
      </c>
      <c r="IE29" s="69">
        <v>2</v>
      </c>
      <c r="IF29" s="69">
        <v>2</v>
      </c>
      <c r="IG29" s="69">
        <v>1</v>
      </c>
      <c r="IH29" s="70">
        <v>10</v>
      </c>
      <c r="II29" s="71">
        <v>17</v>
      </c>
      <c r="IJ29" s="68">
        <v>5</v>
      </c>
      <c r="IK29" s="69">
        <v>2</v>
      </c>
      <c r="IL29" s="70">
        <v>7</v>
      </c>
      <c r="IM29" s="159"/>
      <c r="IN29" s="69">
        <v>3</v>
      </c>
      <c r="IO29" s="69">
        <v>6</v>
      </c>
      <c r="IP29" s="69">
        <v>8</v>
      </c>
      <c r="IQ29" s="69">
        <v>2</v>
      </c>
      <c r="IR29" s="69">
        <v>2</v>
      </c>
      <c r="IS29" s="70">
        <v>21</v>
      </c>
      <c r="IT29" s="71">
        <v>28</v>
      </c>
      <c r="IU29" s="68">
        <v>6</v>
      </c>
      <c r="IV29" s="69">
        <v>6</v>
      </c>
      <c r="IW29" s="70">
        <v>12</v>
      </c>
      <c r="IX29" s="159"/>
      <c r="IY29" s="69">
        <v>8</v>
      </c>
      <c r="IZ29" s="69">
        <v>9</v>
      </c>
      <c r="JA29" s="69">
        <v>8</v>
      </c>
      <c r="JB29" s="69">
        <v>4</v>
      </c>
      <c r="JC29" s="69">
        <v>1</v>
      </c>
      <c r="JD29" s="70">
        <v>30</v>
      </c>
      <c r="JE29" s="71">
        <v>42</v>
      </c>
      <c r="JF29" s="68">
        <v>8</v>
      </c>
      <c r="JG29" s="69">
        <v>5</v>
      </c>
      <c r="JH29" s="70">
        <v>13</v>
      </c>
      <c r="JI29" s="159"/>
      <c r="JJ29" s="69">
        <v>10</v>
      </c>
      <c r="JK29" s="69">
        <v>10</v>
      </c>
      <c r="JL29" s="69">
        <v>5</v>
      </c>
      <c r="JM29" s="69">
        <v>7</v>
      </c>
      <c r="JN29" s="69">
        <v>5</v>
      </c>
      <c r="JO29" s="70">
        <v>37</v>
      </c>
      <c r="JP29" s="71">
        <v>50</v>
      </c>
      <c r="JQ29" s="68">
        <v>0</v>
      </c>
      <c r="JR29" s="69">
        <v>0</v>
      </c>
      <c r="JS29" s="70">
        <v>0</v>
      </c>
      <c r="JT29" s="159"/>
      <c r="JU29" s="69">
        <v>0</v>
      </c>
      <c r="JV29" s="69">
        <v>0</v>
      </c>
      <c r="JW29" s="69">
        <v>0</v>
      </c>
      <c r="JX29" s="69">
        <v>0</v>
      </c>
      <c r="JY29" s="69">
        <v>0</v>
      </c>
      <c r="JZ29" s="70">
        <v>0</v>
      </c>
      <c r="KA29" s="71">
        <v>0</v>
      </c>
      <c r="KB29" s="68">
        <v>23</v>
      </c>
      <c r="KC29" s="69">
        <v>17</v>
      </c>
      <c r="KD29" s="70">
        <v>40</v>
      </c>
      <c r="KE29" s="159"/>
      <c r="KF29" s="69">
        <v>23</v>
      </c>
      <c r="KG29" s="69">
        <v>30</v>
      </c>
      <c r="KH29" s="69">
        <v>24</v>
      </c>
      <c r="KI29" s="69">
        <v>15</v>
      </c>
      <c r="KJ29" s="69">
        <v>9</v>
      </c>
      <c r="KK29" s="70">
        <v>101</v>
      </c>
      <c r="KL29" s="71">
        <v>141</v>
      </c>
    </row>
    <row r="30" spans="1:298" ht="19.5" customHeight="1" x14ac:dyDescent="0.2">
      <c r="A30" s="111" t="s">
        <v>27</v>
      </c>
      <c r="B30" s="215">
        <v>18</v>
      </c>
      <c r="C30" s="80">
        <v>19</v>
      </c>
      <c r="D30" s="81">
        <v>37</v>
      </c>
      <c r="E30" s="159"/>
      <c r="F30" s="80">
        <v>20</v>
      </c>
      <c r="G30" s="80">
        <v>22</v>
      </c>
      <c r="H30" s="80">
        <v>20</v>
      </c>
      <c r="I30" s="80">
        <v>16</v>
      </c>
      <c r="J30" s="80">
        <v>10</v>
      </c>
      <c r="K30" s="82">
        <v>88</v>
      </c>
      <c r="L30" s="83">
        <v>125</v>
      </c>
      <c r="M30" s="68">
        <v>1</v>
      </c>
      <c r="N30" s="69">
        <v>0</v>
      </c>
      <c r="O30" s="70">
        <v>1</v>
      </c>
      <c r="P30" s="159"/>
      <c r="Q30" s="69">
        <v>0</v>
      </c>
      <c r="R30" s="69">
        <v>1</v>
      </c>
      <c r="S30" s="69">
        <v>0</v>
      </c>
      <c r="T30" s="69">
        <v>0</v>
      </c>
      <c r="U30" s="69">
        <v>0</v>
      </c>
      <c r="V30" s="70">
        <v>1</v>
      </c>
      <c r="W30" s="71">
        <v>2</v>
      </c>
      <c r="X30" s="68">
        <v>0</v>
      </c>
      <c r="Y30" s="69">
        <v>1</v>
      </c>
      <c r="Z30" s="70">
        <v>1</v>
      </c>
      <c r="AA30" s="159"/>
      <c r="AB30" s="69">
        <v>1</v>
      </c>
      <c r="AC30" s="69">
        <v>1</v>
      </c>
      <c r="AD30" s="69">
        <v>2</v>
      </c>
      <c r="AE30" s="69">
        <v>1</v>
      </c>
      <c r="AF30" s="69">
        <v>1</v>
      </c>
      <c r="AG30" s="70">
        <v>6</v>
      </c>
      <c r="AH30" s="71">
        <v>7</v>
      </c>
      <c r="AI30" s="68">
        <v>1</v>
      </c>
      <c r="AJ30" s="69">
        <v>1</v>
      </c>
      <c r="AK30" s="70">
        <v>2</v>
      </c>
      <c r="AL30" s="159"/>
      <c r="AM30" s="69">
        <v>2</v>
      </c>
      <c r="AN30" s="69">
        <v>0</v>
      </c>
      <c r="AO30" s="69">
        <v>3</v>
      </c>
      <c r="AP30" s="69">
        <v>1</v>
      </c>
      <c r="AQ30" s="69">
        <v>1</v>
      </c>
      <c r="AR30" s="70">
        <v>7</v>
      </c>
      <c r="AS30" s="71">
        <v>9</v>
      </c>
      <c r="AT30" s="68">
        <v>3</v>
      </c>
      <c r="AU30" s="69">
        <v>2</v>
      </c>
      <c r="AV30" s="70">
        <v>5</v>
      </c>
      <c r="AW30" s="159"/>
      <c r="AX30" s="69">
        <v>7</v>
      </c>
      <c r="AY30" s="69">
        <v>5</v>
      </c>
      <c r="AZ30" s="69">
        <v>3</v>
      </c>
      <c r="BA30" s="69">
        <v>2</v>
      </c>
      <c r="BB30" s="69">
        <v>4</v>
      </c>
      <c r="BC30" s="70">
        <v>21</v>
      </c>
      <c r="BD30" s="71">
        <v>26</v>
      </c>
      <c r="BE30" s="68">
        <v>7</v>
      </c>
      <c r="BF30" s="69">
        <v>8</v>
      </c>
      <c r="BG30" s="70">
        <v>15</v>
      </c>
      <c r="BH30" s="159"/>
      <c r="BI30" s="69">
        <v>5</v>
      </c>
      <c r="BJ30" s="69">
        <v>11</v>
      </c>
      <c r="BK30" s="69">
        <v>5</v>
      </c>
      <c r="BL30" s="69">
        <v>5</v>
      </c>
      <c r="BM30" s="69">
        <v>1</v>
      </c>
      <c r="BN30" s="70">
        <v>27</v>
      </c>
      <c r="BO30" s="71">
        <v>42</v>
      </c>
      <c r="BP30" s="68">
        <v>6</v>
      </c>
      <c r="BQ30" s="69">
        <v>7</v>
      </c>
      <c r="BR30" s="70">
        <v>13</v>
      </c>
      <c r="BS30" s="159"/>
      <c r="BT30" s="69">
        <v>5</v>
      </c>
      <c r="BU30" s="69">
        <v>4</v>
      </c>
      <c r="BV30" s="69">
        <v>7</v>
      </c>
      <c r="BW30" s="69">
        <v>7</v>
      </c>
      <c r="BX30" s="69">
        <v>3</v>
      </c>
      <c r="BY30" s="70">
        <v>26</v>
      </c>
      <c r="BZ30" s="71">
        <v>39</v>
      </c>
      <c r="CA30" s="68">
        <v>0</v>
      </c>
      <c r="CB30" s="69">
        <v>0</v>
      </c>
      <c r="CC30" s="70">
        <v>0</v>
      </c>
      <c r="CD30" s="159"/>
      <c r="CE30" s="69">
        <v>0</v>
      </c>
      <c r="CF30" s="69">
        <v>0</v>
      </c>
      <c r="CG30" s="69">
        <v>0</v>
      </c>
      <c r="CH30" s="69">
        <v>0</v>
      </c>
      <c r="CI30" s="69">
        <v>0</v>
      </c>
      <c r="CJ30" s="70">
        <v>0</v>
      </c>
      <c r="CK30" s="71">
        <v>0</v>
      </c>
      <c r="CL30" s="68">
        <v>18</v>
      </c>
      <c r="CM30" s="69">
        <v>19</v>
      </c>
      <c r="CN30" s="70">
        <v>37</v>
      </c>
      <c r="CO30" s="159"/>
      <c r="CP30" s="69">
        <v>20</v>
      </c>
      <c r="CQ30" s="69">
        <v>22</v>
      </c>
      <c r="CR30" s="69">
        <v>20</v>
      </c>
      <c r="CS30" s="69">
        <v>16</v>
      </c>
      <c r="CT30" s="69">
        <v>10</v>
      </c>
      <c r="CU30" s="70">
        <v>88</v>
      </c>
      <c r="CV30" s="71">
        <v>125</v>
      </c>
      <c r="CW30" s="108">
        <v>4</v>
      </c>
      <c r="CX30" s="80">
        <v>1</v>
      </c>
      <c r="CY30" s="81">
        <v>5</v>
      </c>
      <c r="CZ30" s="159"/>
      <c r="DA30" s="80">
        <v>4</v>
      </c>
      <c r="DB30" s="80">
        <v>2</v>
      </c>
      <c r="DC30" s="80">
        <v>1</v>
      </c>
      <c r="DD30" s="80">
        <v>3</v>
      </c>
      <c r="DE30" s="80">
        <v>1</v>
      </c>
      <c r="DF30" s="82">
        <v>11</v>
      </c>
      <c r="DG30" s="83">
        <v>16</v>
      </c>
      <c r="DH30" s="68">
        <v>0</v>
      </c>
      <c r="DI30" s="69">
        <v>0</v>
      </c>
      <c r="DJ30" s="70">
        <v>0</v>
      </c>
      <c r="DK30" s="159"/>
      <c r="DL30" s="69">
        <v>0</v>
      </c>
      <c r="DM30" s="69">
        <v>0</v>
      </c>
      <c r="DN30" s="69">
        <v>0</v>
      </c>
      <c r="DO30" s="69">
        <v>0</v>
      </c>
      <c r="DP30" s="69">
        <v>0</v>
      </c>
      <c r="DQ30" s="70">
        <v>0</v>
      </c>
      <c r="DR30" s="71">
        <v>0</v>
      </c>
      <c r="DS30" s="68">
        <v>0</v>
      </c>
      <c r="DT30" s="69">
        <v>1</v>
      </c>
      <c r="DU30" s="70">
        <v>1</v>
      </c>
      <c r="DV30" s="159"/>
      <c r="DW30" s="69">
        <v>0</v>
      </c>
      <c r="DX30" s="69">
        <v>0</v>
      </c>
      <c r="DY30" s="69">
        <v>0</v>
      </c>
      <c r="DZ30" s="69">
        <v>0</v>
      </c>
      <c r="EA30" s="69">
        <v>0</v>
      </c>
      <c r="EB30" s="70">
        <v>0</v>
      </c>
      <c r="EC30" s="71">
        <v>1</v>
      </c>
      <c r="ED30" s="68">
        <v>0</v>
      </c>
      <c r="EE30" s="69">
        <v>0</v>
      </c>
      <c r="EF30" s="70">
        <v>0</v>
      </c>
      <c r="EG30" s="159"/>
      <c r="EH30" s="69">
        <v>0</v>
      </c>
      <c r="EI30" s="69">
        <v>0</v>
      </c>
      <c r="EJ30" s="69">
        <v>0</v>
      </c>
      <c r="EK30" s="69">
        <v>0</v>
      </c>
      <c r="EL30" s="69">
        <v>0</v>
      </c>
      <c r="EM30" s="70">
        <v>0</v>
      </c>
      <c r="EN30" s="71">
        <v>0</v>
      </c>
      <c r="EO30" s="68">
        <v>3</v>
      </c>
      <c r="EP30" s="69">
        <v>0</v>
      </c>
      <c r="EQ30" s="70">
        <v>3</v>
      </c>
      <c r="ER30" s="159"/>
      <c r="ES30" s="69">
        <v>0</v>
      </c>
      <c r="ET30" s="69">
        <v>0</v>
      </c>
      <c r="EU30" s="69">
        <v>0</v>
      </c>
      <c r="EV30" s="69">
        <v>0</v>
      </c>
      <c r="EW30" s="69">
        <v>0</v>
      </c>
      <c r="EX30" s="70">
        <v>0</v>
      </c>
      <c r="EY30" s="71">
        <v>3</v>
      </c>
      <c r="EZ30" s="68">
        <v>0</v>
      </c>
      <c r="FA30" s="69">
        <v>0</v>
      </c>
      <c r="FB30" s="70">
        <v>0</v>
      </c>
      <c r="FC30" s="159"/>
      <c r="FD30" s="69">
        <v>3</v>
      </c>
      <c r="FE30" s="69">
        <v>1</v>
      </c>
      <c r="FF30" s="69">
        <v>0</v>
      </c>
      <c r="FG30" s="69">
        <v>1</v>
      </c>
      <c r="FH30" s="69">
        <v>1</v>
      </c>
      <c r="FI30" s="70">
        <v>6</v>
      </c>
      <c r="FJ30" s="71">
        <v>6</v>
      </c>
      <c r="FK30" s="68">
        <v>1</v>
      </c>
      <c r="FL30" s="69">
        <v>0</v>
      </c>
      <c r="FM30" s="70">
        <v>1</v>
      </c>
      <c r="FN30" s="159"/>
      <c r="FO30" s="69">
        <v>1</v>
      </c>
      <c r="FP30" s="69">
        <v>1</v>
      </c>
      <c r="FQ30" s="69">
        <v>1</v>
      </c>
      <c r="FR30" s="69">
        <v>2</v>
      </c>
      <c r="FS30" s="69">
        <v>0</v>
      </c>
      <c r="FT30" s="70">
        <v>5</v>
      </c>
      <c r="FU30" s="71">
        <v>6</v>
      </c>
      <c r="FV30" s="68">
        <v>0</v>
      </c>
      <c r="FW30" s="69">
        <v>0</v>
      </c>
      <c r="FX30" s="70">
        <v>0</v>
      </c>
      <c r="FY30" s="159"/>
      <c r="FZ30" s="69">
        <v>0</v>
      </c>
      <c r="GA30" s="69">
        <v>0</v>
      </c>
      <c r="GB30" s="69">
        <v>0</v>
      </c>
      <c r="GC30" s="69">
        <v>0</v>
      </c>
      <c r="GD30" s="69">
        <v>0</v>
      </c>
      <c r="GE30" s="70">
        <v>0</v>
      </c>
      <c r="GF30" s="71">
        <v>0</v>
      </c>
      <c r="GG30" s="68">
        <v>4</v>
      </c>
      <c r="GH30" s="69">
        <v>1</v>
      </c>
      <c r="GI30" s="70">
        <v>5</v>
      </c>
      <c r="GJ30" s="159"/>
      <c r="GK30" s="69">
        <v>4</v>
      </c>
      <c r="GL30" s="69">
        <v>2</v>
      </c>
      <c r="GM30" s="69">
        <v>1</v>
      </c>
      <c r="GN30" s="69">
        <v>3</v>
      </c>
      <c r="GO30" s="69">
        <v>1</v>
      </c>
      <c r="GP30" s="70">
        <v>11</v>
      </c>
      <c r="GQ30" s="71">
        <v>16</v>
      </c>
      <c r="GR30" s="108">
        <v>22</v>
      </c>
      <c r="GS30" s="80">
        <v>20</v>
      </c>
      <c r="GT30" s="81">
        <v>42</v>
      </c>
      <c r="GU30" s="159"/>
      <c r="GV30" s="80">
        <v>24</v>
      </c>
      <c r="GW30" s="80">
        <v>24</v>
      </c>
      <c r="GX30" s="80">
        <v>21</v>
      </c>
      <c r="GY30" s="80">
        <v>19</v>
      </c>
      <c r="GZ30" s="80">
        <v>11</v>
      </c>
      <c r="HA30" s="82">
        <v>99</v>
      </c>
      <c r="HB30" s="83">
        <v>141</v>
      </c>
      <c r="HC30" s="68">
        <v>1</v>
      </c>
      <c r="HD30" s="69">
        <v>0</v>
      </c>
      <c r="HE30" s="70">
        <v>1</v>
      </c>
      <c r="HF30" s="159"/>
      <c r="HG30" s="69">
        <v>0</v>
      </c>
      <c r="HH30" s="69">
        <v>1</v>
      </c>
      <c r="HI30" s="69">
        <v>0</v>
      </c>
      <c r="HJ30" s="69">
        <v>0</v>
      </c>
      <c r="HK30" s="69">
        <v>0</v>
      </c>
      <c r="HL30" s="70">
        <v>1</v>
      </c>
      <c r="HM30" s="71">
        <v>2</v>
      </c>
      <c r="HN30" s="68">
        <v>0</v>
      </c>
      <c r="HO30" s="69">
        <v>2</v>
      </c>
      <c r="HP30" s="70">
        <v>2</v>
      </c>
      <c r="HQ30" s="159"/>
      <c r="HR30" s="69">
        <v>1</v>
      </c>
      <c r="HS30" s="69">
        <v>1</v>
      </c>
      <c r="HT30" s="69">
        <v>2</v>
      </c>
      <c r="HU30" s="69">
        <v>1</v>
      </c>
      <c r="HV30" s="69">
        <v>1</v>
      </c>
      <c r="HW30" s="70">
        <v>6</v>
      </c>
      <c r="HX30" s="71">
        <v>8</v>
      </c>
      <c r="HY30" s="68">
        <v>1</v>
      </c>
      <c r="HZ30" s="69">
        <v>1</v>
      </c>
      <c r="IA30" s="70">
        <v>2</v>
      </c>
      <c r="IB30" s="159"/>
      <c r="IC30" s="69">
        <v>2</v>
      </c>
      <c r="ID30" s="69">
        <v>0</v>
      </c>
      <c r="IE30" s="69">
        <v>3</v>
      </c>
      <c r="IF30" s="69">
        <v>1</v>
      </c>
      <c r="IG30" s="69">
        <v>1</v>
      </c>
      <c r="IH30" s="70">
        <v>7</v>
      </c>
      <c r="II30" s="71">
        <v>9</v>
      </c>
      <c r="IJ30" s="68">
        <v>6</v>
      </c>
      <c r="IK30" s="69">
        <v>2</v>
      </c>
      <c r="IL30" s="70">
        <v>8</v>
      </c>
      <c r="IM30" s="159"/>
      <c r="IN30" s="69">
        <v>7</v>
      </c>
      <c r="IO30" s="69">
        <v>5</v>
      </c>
      <c r="IP30" s="69">
        <v>3</v>
      </c>
      <c r="IQ30" s="69">
        <v>2</v>
      </c>
      <c r="IR30" s="69">
        <v>4</v>
      </c>
      <c r="IS30" s="70">
        <v>21</v>
      </c>
      <c r="IT30" s="71">
        <v>29</v>
      </c>
      <c r="IU30" s="68">
        <v>7</v>
      </c>
      <c r="IV30" s="69">
        <v>8</v>
      </c>
      <c r="IW30" s="70">
        <v>15</v>
      </c>
      <c r="IX30" s="159"/>
      <c r="IY30" s="69">
        <v>8</v>
      </c>
      <c r="IZ30" s="69">
        <v>12</v>
      </c>
      <c r="JA30" s="69">
        <v>5</v>
      </c>
      <c r="JB30" s="69">
        <v>6</v>
      </c>
      <c r="JC30" s="69">
        <v>2</v>
      </c>
      <c r="JD30" s="70">
        <v>33</v>
      </c>
      <c r="JE30" s="71">
        <v>48</v>
      </c>
      <c r="JF30" s="68">
        <v>7</v>
      </c>
      <c r="JG30" s="69">
        <v>7</v>
      </c>
      <c r="JH30" s="70">
        <v>14</v>
      </c>
      <c r="JI30" s="159"/>
      <c r="JJ30" s="69">
        <v>6</v>
      </c>
      <c r="JK30" s="69">
        <v>5</v>
      </c>
      <c r="JL30" s="69">
        <v>8</v>
      </c>
      <c r="JM30" s="69">
        <v>9</v>
      </c>
      <c r="JN30" s="69">
        <v>3</v>
      </c>
      <c r="JO30" s="70">
        <v>31</v>
      </c>
      <c r="JP30" s="71">
        <v>45</v>
      </c>
      <c r="JQ30" s="68">
        <v>0</v>
      </c>
      <c r="JR30" s="69">
        <v>0</v>
      </c>
      <c r="JS30" s="70">
        <v>0</v>
      </c>
      <c r="JT30" s="159"/>
      <c r="JU30" s="69">
        <v>0</v>
      </c>
      <c r="JV30" s="69">
        <v>0</v>
      </c>
      <c r="JW30" s="69">
        <v>0</v>
      </c>
      <c r="JX30" s="69">
        <v>0</v>
      </c>
      <c r="JY30" s="69">
        <v>0</v>
      </c>
      <c r="JZ30" s="70">
        <v>0</v>
      </c>
      <c r="KA30" s="71">
        <v>0</v>
      </c>
      <c r="KB30" s="68">
        <v>22</v>
      </c>
      <c r="KC30" s="69">
        <v>20</v>
      </c>
      <c r="KD30" s="70">
        <v>42</v>
      </c>
      <c r="KE30" s="159"/>
      <c r="KF30" s="69">
        <v>24</v>
      </c>
      <c r="KG30" s="69">
        <v>24</v>
      </c>
      <c r="KH30" s="69">
        <v>21</v>
      </c>
      <c r="KI30" s="69">
        <v>19</v>
      </c>
      <c r="KJ30" s="69">
        <v>11</v>
      </c>
      <c r="KK30" s="70">
        <v>99</v>
      </c>
      <c r="KL30" s="71">
        <v>141</v>
      </c>
    </row>
    <row r="31" spans="1:298" ht="19.5" customHeight="1" x14ac:dyDescent="0.2">
      <c r="A31" s="111" t="s">
        <v>28</v>
      </c>
      <c r="B31" s="215">
        <v>4</v>
      </c>
      <c r="C31" s="80">
        <v>3</v>
      </c>
      <c r="D31" s="81">
        <v>7</v>
      </c>
      <c r="E31" s="159"/>
      <c r="F31" s="80">
        <v>7</v>
      </c>
      <c r="G31" s="80">
        <v>6</v>
      </c>
      <c r="H31" s="80">
        <v>2</v>
      </c>
      <c r="I31" s="80">
        <v>2</v>
      </c>
      <c r="J31" s="80">
        <v>0</v>
      </c>
      <c r="K31" s="82">
        <v>17</v>
      </c>
      <c r="L31" s="83">
        <v>24</v>
      </c>
      <c r="M31" s="68">
        <v>0</v>
      </c>
      <c r="N31" s="69">
        <v>0</v>
      </c>
      <c r="O31" s="70">
        <v>0</v>
      </c>
      <c r="P31" s="159"/>
      <c r="Q31" s="69">
        <v>0</v>
      </c>
      <c r="R31" s="69">
        <v>0</v>
      </c>
      <c r="S31" s="69">
        <v>0</v>
      </c>
      <c r="T31" s="69">
        <v>0</v>
      </c>
      <c r="U31" s="69">
        <v>0</v>
      </c>
      <c r="V31" s="70">
        <v>0</v>
      </c>
      <c r="W31" s="71">
        <v>0</v>
      </c>
      <c r="X31" s="68">
        <v>0</v>
      </c>
      <c r="Y31" s="69">
        <v>0</v>
      </c>
      <c r="Z31" s="70">
        <v>0</v>
      </c>
      <c r="AA31" s="159"/>
      <c r="AB31" s="69">
        <v>0</v>
      </c>
      <c r="AC31" s="69">
        <v>1</v>
      </c>
      <c r="AD31" s="69">
        <v>0</v>
      </c>
      <c r="AE31" s="69">
        <v>0</v>
      </c>
      <c r="AF31" s="69">
        <v>0</v>
      </c>
      <c r="AG31" s="70">
        <v>1</v>
      </c>
      <c r="AH31" s="71">
        <v>1</v>
      </c>
      <c r="AI31" s="68">
        <v>1</v>
      </c>
      <c r="AJ31" s="69">
        <v>1</v>
      </c>
      <c r="AK31" s="70">
        <v>2</v>
      </c>
      <c r="AL31" s="159"/>
      <c r="AM31" s="69">
        <v>0</v>
      </c>
      <c r="AN31" s="69">
        <v>1</v>
      </c>
      <c r="AO31" s="69">
        <v>0</v>
      </c>
      <c r="AP31" s="69">
        <v>0</v>
      </c>
      <c r="AQ31" s="69">
        <v>0</v>
      </c>
      <c r="AR31" s="70">
        <v>1</v>
      </c>
      <c r="AS31" s="71">
        <v>3</v>
      </c>
      <c r="AT31" s="68">
        <v>2</v>
      </c>
      <c r="AU31" s="69">
        <v>1</v>
      </c>
      <c r="AV31" s="70">
        <v>3</v>
      </c>
      <c r="AW31" s="159"/>
      <c r="AX31" s="69">
        <v>2</v>
      </c>
      <c r="AY31" s="69">
        <v>3</v>
      </c>
      <c r="AZ31" s="69">
        <v>0</v>
      </c>
      <c r="BA31" s="69">
        <v>1</v>
      </c>
      <c r="BB31" s="69">
        <v>0</v>
      </c>
      <c r="BC31" s="70">
        <v>6</v>
      </c>
      <c r="BD31" s="71">
        <v>9</v>
      </c>
      <c r="BE31" s="68">
        <v>1</v>
      </c>
      <c r="BF31" s="69">
        <v>1</v>
      </c>
      <c r="BG31" s="70">
        <v>2</v>
      </c>
      <c r="BH31" s="159"/>
      <c r="BI31" s="69">
        <v>5</v>
      </c>
      <c r="BJ31" s="69">
        <v>0</v>
      </c>
      <c r="BK31" s="69">
        <v>0</v>
      </c>
      <c r="BL31" s="69">
        <v>1</v>
      </c>
      <c r="BM31" s="69">
        <v>0</v>
      </c>
      <c r="BN31" s="70">
        <v>6</v>
      </c>
      <c r="BO31" s="71">
        <v>8</v>
      </c>
      <c r="BP31" s="68">
        <v>0</v>
      </c>
      <c r="BQ31" s="69">
        <v>0</v>
      </c>
      <c r="BR31" s="70">
        <v>0</v>
      </c>
      <c r="BS31" s="159"/>
      <c r="BT31" s="69">
        <v>0</v>
      </c>
      <c r="BU31" s="69">
        <v>1</v>
      </c>
      <c r="BV31" s="69">
        <v>2</v>
      </c>
      <c r="BW31" s="69">
        <v>0</v>
      </c>
      <c r="BX31" s="69">
        <v>0</v>
      </c>
      <c r="BY31" s="70">
        <v>3</v>
      </c>
      <c r="BZ31" s="71">
        <v>3</v>
      </c>
      <c r="CA31" s="68">
        <v>0</v>
      </c>
      <c r="CB31" s="69">
        <v>0</v>
      </c>
      <c r="CC31" s="70">
        <v>0</v>
      </c>
      <c r="CD31" s="159"/>
      <c r="CE31" s="69">
        <v>0</v>
      </c>
      <c r="CF31" s="69">
        <v>0</v>
      </c>
      <c r="CG31" s="69">
        <v>0</v>
      </c>
      <c r="CH31" s="69">
        <v>0</v>
      </c>
      <c r="CI31" s="69">
        <v>0</v>
      </c>
      <c r="CJ31" s="70">
        <v>0</v>
      </c>
      <c r="CK31" s="71">
        <v>0</v>
      </c>
      <c r="CL31" s="68">
        <v>4</v>
      </c>
      <c r="CM31" s="69">
        <v>3</v>
      </c>
      <c r="CN31" s="70">
        <v>7</v>
      </c>
      <c r="CO31" s="159"/>
      <c r="CP31" s="69">
        <v>7</v>
      </c>
      <c r="CQ31" s="69">
        <v>6</v>
      </c>
      <c r="CR31" s="69">
        <v>2</v>
      </c>
      <c r="CS31" s="69">
        <v>2</v>
      </c>
      <c r="CT31" s="69">
        <v>0</v>
      </c>
      <c r="CU31" s="70">
        <v>17</v>
      </c>
      <c r="CV31" s="71">
        <v>24</v>
      </c>
      <c r="CW31" s="108">
        <v>1</v>
      </c>
      <c r="CX31" s="80">
        <v>0</v>
      </c>
      <c r="CY31" s="81">
        <v>1</v>
      </c>
      <c r="CZ31" s="159"/>
      <c r="DA31" s="80">
        <v>1</v>
      </c>
      <c r="DB31" s="80">
        <v>2</v>
      </c>
      <c r="DC31" s="80">
        <v>0</v>
      </c>
      <c r="DD31" s="80">
        <v>0</v>
      </c>
      <c r="DE31" s="80">
        <v>1</v>
      </c>
      <c r="DF31" s="82">
        <v>4</v>
      </c>
      <c r="DG31" s="83">
        <v>5</v>
      </c>
      <c r="DH31" s="68">
        <v>0</v>
      </c>
      <c r="DI31" s="69">
        <v>0</v>
      </c>
      <c r="DJ31" s="70">
        <v>0</v>
      </c>
      <c r="DK31" s="159"/>
      <c r="DL31" s="69">
        <v>0</v>
      </c>
      <c r="DM31" s="69">
        <v>0</v>
      </c>
      <c r="DN31" s="69">
        <v>0</v>
      </c>
      <c r="DO31" s="69">
        <v>0</v>
      </c>
      <c r="DP31" s="69">
        <v>0</v>
      </c>
      <c r="DQ31" s="70">
        <v>0</v>
      </c>
      <c r="DR31" s="71">
        <v>0</v>
      </c>
      <c r="DS31" s="68">
        <v>0</v>
      </c>
      <c r="DT31" s="69">
        <v>0</v>
      </c>
      <c r="DU31" s="70">
        <v>0</v>
      </c>
      <c r="DV31" s="159"/>
      <c r="DW31" s="69">
        <v>0</v>
      </c>
      <c r="DX31" s="69">
        <v>0</v>
      </c>
      <c r="DY31" s="69">
        <v>0</v>
      </c>
      <c r="DZ31" s="69">
        <v>0</v>
      </c>
      <c r="EA31" s="69">
        <v>0</v>
      </c>
      <c r="EB31" s="70">
        <v>0</v>
      </c>
      <c r="EC31" s="71">
        <v>0</v>
      </c>
      <c r="ED31" s="68">
        <v>1</v>
      </c>
      <c r="EE31" s="69">
        <v>0</v>
      </c>
      <c r="EF31" s="70">
        <v>1</v>
      </c>
      <c r="EG31" s="159"/>
      <c r="EH31" s="69">
        <v>0</v>
      </c>
      <c r="EI31" s="69">
        <v>0</v>
      </c>
      <c r="EJ31" s="69">
        <v>0</v>
      </c>
      <c r="EK31" s="69">
        <v>0</v>
      </c>
      <c r="EL31" s="69">
        <v>0</v>
      </c>
      <c r="EM31" s="70">
        <v>0</v>
      </c>
      <c r="EN31" s="71">
        <v>1</v>
      </c>
      <c r="EO31" s="68">
        <v>0</v>
      </c>
      <c r="EP31" s="69">
        <v>0</v>
      </c>
      <c r="EQ31" s="70">
        <v>0</v>
      </c>
      <c r="ER31" s="159"/>
      <c r="ES31" s="69">
        <v>0</v>
      </c>
      <c r="ET31" s="69">
        <v>1</v>
      </c>
      <c r="EU31" s="69">
        <v>0</v>
      </c>
      <c r="EV31" s="69">
        <v>0</v>
      </c>
      <c r="EW31" s="69">
        <v>1</v>
      </c>
      <c r="EX31" s="70">
        <v>2</v>
      </c>
      <c r="EY31" s="71">
        <v>2</v>
      </c>
      <c r="EZ31" s="68">
        <v>0</v>
      </c>
      <c r="FA31" s="69">
        <v>0</v>
      </c>
      <c r="FB31" s="70">
        <v>0</v>
      </c>
      <c r="FC31" s="159"/>
      <c r="FD31" s="69">
        <v>0</v>
      </c>
      <c r="FE31" s="69">
        <v>0</v>
      </c>
      <c r="FF31" s="69">
        <v>0</v>
      </c>
      <c r="FG31" s="69">
        <v>0</v>
      </c>
      <c r="FH31" s="69">
        <v>0</v>
      </c>
      <c r="FI31" s="70">
        <v>0</v>
      </c>
      <c r="FJ31" s="71">
        <v>0</v>
      </c>
      <c r="FK31" s="68">
        <v>0</v>
      </c>
      <c r="FL31" s="69">
        <v>0</v>
      </c>
      <c r="FM31" s="70">
        <v>0</v>
      </c>
      <c r="FN31" s="159"/>
      <c r="FO31" s="69">
        <v>1</v>
      </c>
      <c r="FP31" s="69">
        <v>1</v>
      </c>
      <c r="FQ31" s="69">
        <v>0</v>
      </c>
      <c r="FR31" s="69">
        <v>0</v>
      </c>
      <c r="FS31" s="69">
        <v>0</v>
      </c>
      <c r="FT31" s="70">
        <v>2</v>
      </c>
      <c r="FU31" s="71">
        <v>2</v>
      </c>
      <c r="FV31" s="68">
        <v>0</v>
      </c>
      <c r="FW31" s="69">
        <v>0</v>
      </c>
      <c r="FX31" s="70">
        <v>0</v>
      </c>
      <c r="FY31" s="159"/>
      <c r="FZ31" s="69">
        <v>0</v>
      </c>
      <c r="GA31" s="69">
        <v>0</v>
      </c>
      <c r="GB31" s="69">
        <v>0</v>
      </c>
      <c r="GC31" s="69">
        <v>0</v>
      </c>
      <c r="GD31" s="69">
        <v>0</v>
      </c>
      <c r="GE31" s="70">
        <v>0</v>
      </c>
      <c r="GF31" s="71">
        <v>0</v>
      </c>
      <c r="GG31" s="68">
        <v>1</v>
      </c>
      <c r="GH31" s="69">
        <v>0</v>
      </c>
      <c r="GI31" s="70">
        <v>1</v>
      </c>
      <c r="GJ31" s="159"/>
      <c r="GK31" s="69">
        <v>1</v>
      </c>
      <c r="GL31" s="69">
        <v>2</v>
      </c>
      <c r="GM31" s="69">
        <v>0</v>
      </c>
      <c r="GN31" s="69">
        <v>0</v>
      </c>
      <c r="GO31" s="69">
        <v>1</v>
      </c>
      <c r="GP31" s="70">
        <v>4</v>
      </c>
      <c r="GQ31" s="71">
        <v>5</v>
      </c>
      <c r="GR31" s="108">
        <v>5</v>
      </c>
      <c r="GS31" s="80">
        <v>3</v>
      </c>
      <c r="GT31" s="81">
        <v>8</v>
      </c>
      <c r="GU31" s="159"/>
      <c r="GV31" s="80">
        <v>8</v>
      </c>
      <c r="GW31" s="80">
        <v>8</v>
      </c>
      <c r="GX31" s="80">
        <v>2</v>
      </c>
      <c r="GY31" s="80">
        <v>2</v>
      </c>
      <c r="GZ31" s="80">
        <v>1</v>
      </c>
      <c r="HA31" s="82">
        <v>21</v>
      </c>
      <c r="HB31" s="83">
        <v>29</v>
      </c>
      <c r="HC31" s="68">
        <v>0</v>
      </c>
      <c r="HD31" s="69">
        <v>0</v>
      </c>
      <c r="HE31" s="70">
        <v>0</v>
      </c>
      <c r="HF31" s="159"/>
      <c r="HG31" s="69">
        <v>0</v>
      </c>
      <c r="HH31" s="69">
        <v>0</v>
      </c>
      <c r="HI31" s="69">
        <v>0</v>
      </c>
      <c r="HJ31" s="69">
        <v>0</v>
      </c>
      <c r="HK31" s="69">
        <v>0</v>
      </c>
      <c r="HL31" s="70">
        <v>0</v>
      </c>
      <c r="HM31" s="71">
        <v>0</v>
      </c>
      <c r="HN31" s="68">
        <v>0</v>
      </c>
      <c r="HO31" s="69">
        <v>0</v>
      </c>
      <c r="HP31" s="70">
        <v>0</v>
      </c>
      <c r="HQ31" s="159"/>
      <c r="HR31" s="69">
        <v>0</v>
      </c>
      <c r="HS31" s="69">
        <v>1</v>
      </c>
      <c r="HT31" s="69">
        <v>0</v>
      </c>
      <c r="HU31" s="69">
        <v>0</v>
      </c>
      <c r="HV31" s="69">
        <v>0</v>
      </c>
      <c r="HW31" s="70">
        <v>1</v>
      </c>
      <c r="HX31" s="71">
        <v>1</v>
      </c>
      <c r="HY31" s="68">
        <v>2</v>
      </c>
      <c r="HZ31" s="69">
        <v>1</v>
      </c>
      <c r="IA31" s="70">
        <v>3</v>
      </c>
      <c r="IB31" s="159"/>
      <c r="IC31" s="69">
        <v>0</v>
      </c>
      <c r="ID31" s="69">
        <v>1</v>
      </c>
      <c r="IE31" s="69">
        <v>0</v>
      </c>
      <c r="IF31" s="69">
        <v>0</v>
      </c>
      <c r="IG31" s="69">
        <v>0</v>
      </c>
      <c r="IH31" s="70">
        <v>1</v>
      </c>
      <c r="II31" s="71">
        <v>4</v>
      </c>
      <c r="IJ31" s="68">
        <v>2</v>
      </c>
      <c r="IK31" s="69">
        <v>1</v>
      </c>
      <c r="IL31" s="70">
        <v>3</v>
      </c>
      <c r="IM31" s="159"/>
      <c r="IN31" s="69">
        <v>2</v>
      </c>
      <c r="IO31" s="69">
        <v>4</v>
      </c>
      <c r="IP31" s="69">
        <v>0</v>
      </c>
      <c r="IQ31" s="69">
        <v>1</v>
      </c>
      <c r="IR31" s="69">
        <v>1</v>
      </c>
      <c r="IS31" s="70">
        <v>8</v>
      </c>
      <c r="IT31" s="71">
        <v>11</v>
      </c>
      <c r="IU31" s="68">
        <v>1</v>
      </c>
      <c r="IV31" s="69">
        <v>1</v>
      </c>
      <c r="IW31" s="70">
        <v>2</v>
      </c>
      <c r="IX31" s="159"/>
      <c r="IY31" s="69">
        <v>5</v>
      </c>
      <c r="IZ31" s="69">
        <v>0</v>
      </c>
      <c r="JA31" s="69">
        <v>0</v>
      </c>
      <c r="JB31" s="69">
        <v>1</v>
      </c>
      <c r="JC31" s="69">
        <v>0</v>
      </c>
      <c r="JD31" s="70">
        <v>6</v>
      </c>
      <c r="JE31" s="71">
        <v>8</v>
      </c>
      <c r="JF31" s="68">
        <v>0</v>
      </c>
      <c r="JG31" s="69">
        <v>0</v>
      </c>
      <c r="JH31" s="70">
        <v>0</v>
      </c>
      <c r="JI31" s="159"/>
      <c r="JJ31" s="69">
        <v>1</v>
      </c>
      <c r="JK31" s="69">
        <v>2</v>
      </c>
      <c r="JL31" s="69">
        <v>2</v>
      </c>
      <c r="JM31" s="69">
        <v>0</v>
      </c>
      <c r="JN31" s="69">
        <v>0</v>
      </c>
      <c r="JO31" s="70">
        <v>5</v>
      </c>
      <c r="JP31" s="71">
        <v>5</v>
      </c>
      <c r="JQ31" s="68">
        <v>0</v>
      </c>
      <c r="JR31" s="69">
        <v>0</v>
      </c>
      <c r="JS31" s="70">
        <v>0</v>
      </c>
      <c r="JT31" s="159"/>
      <c r="JU31" s="69">
        <v>0</v>
      </c>
      <c r="JV31" s="69">
        <v>0</v>
      </c>
      <c r="JW31" s="69">
        <v>0</v>
      </c>
      <c r="JX31" s="69">
        <v>0</v>
      </c>
      <c r="JY31" s="69">
        <v>0</v>
      </c>
      <c r="JZ31" s="70">
        <v>0</v>
      </c>
      <c r="KA31" s="71">
        <v>0</v>
      </c>
      <c r="KB31" s="68">
        <v>5</v>
      </c>
      <c r="KC31" s="69">
        <v>3</v>
      </c>
      <c r="KD31" s="70">
        <v>8</v>
      </c>
      <c r="KE31" s="159"/>
      <c r="KF31" s="69">
        <v>8</v>
      </c>
      <c r="KG31" s="69">
        <v>8</v>
      </c>
      <c r="KH31" s="69">
        <v>2</v>
      </c>
      <c r="KI31" s="69">
        <v>2</v>
      </c>
      <c r="KJ31" s="69">
        <v>1</v>
      </c>
      <c r="KK31" s="70">
        <v>21</v>
      </c>
      <c r="KL31" s="71">
        <v>29</v>
      </c>
    </row>
    <row r="32" spans="1:298" ht="19.5" customHeight="1" x14ac:dyDescent="0.2">
      <c r="A32" s="111" t="s">
        <v>29</v>
      </c>
      <c r="B32" s="215">
        <v>4</v>
      </c>
      <c r="C32" s="80">
        <v>4</v>
      </c>
      <c r="D32" s="81">
        <v>8</v>
      </c>
      <c r="E32" s="159"/>
      <c r="F32" s="80">
        <v>3</v>
      </c>
      <c r="G32" s="80">
        <v>7</v>
      </c>
      <c r="H32" s="80">
        <v>2</v>
      </c>
      <c r="I32" s="80">
        <v>3</v>
      </c>
      <c r="J32" s="80">
        <v>4</v>
      </c>
      <c r="K32" s="82">
        <v>19</v>
      </c>
      <c r="L32" s="83">
        <v>27</v>
      </c>
      <c r="M32" s="68">
        <v>0</v>
      </c>
      <c r="N32" s="69">
        <v>0</v>
      </c>
      <c r="O32" s="70">
        <v>0</v>
      </c>
      <c r="P32" s="159"/>
      <c r="Q32" s="69">
        <v>0</v>
      </c>
      <c r="R32" s="69">
        <v>0</v>
      </c>
      <c r="S32" s="69">
        <v>0</v>
      </c>
      <c r="T32" s="69">
        <v>0</v>
      </c>
      <c r="U32" s="69">
        <v>0</v>
      </c>
      <c r="V32" s="70">
        <v>0</v>
      </c>
      <c r="W32" s="71">
        <v>0</v>
      </c>
      <c r="X32" s="68">
        <v>0</v>
      </c>
      <c r="Y32" s="69">
        <v>0</v>
      </c>
      <c r="Z32" s="70">
        <v>0</v>
      </c>
      <c r="AA32" s="159"/>
      <c r="AB32" s="69">
        <v>0</v>
      </c>
      <c r="AC32" s="69">
        <v>0</v>
      </c>
      <c r="AD32" s="69">
        <v>0</v>
      </c>
      <c r="AE32" s="69">
        <v>0</v>
      </c>
      <c r="AF32" s="69">
        <v>0</v>
      </c>
      <c r="AG32" s="70">
        <v>0</v>
      </c>
      <c r="AH32" s="71">
        <v>0</v>
      </c>
      <c r="AI32" s="68">
        <v>2</v>
      </c>
      <c r="AJ32" s="69">
        <v>1</v>
      </c>
      <c r="AK32" s="70">
        <v>3</v>
      </c>
      <c r="AL32" s="159"/>
      <c r="AM32" s="69">
        <v>0</v>
      </c>
      <c r="AN32" s="69">
        <v>2</v>
      </c>
      <c r="AO32" s="69">
        <v>0</v>
      </c>
      <c r="AP32" s="69">
        <v>0</v>
      </c>
      <c r="AQ32" s="69">
        <v>2</v>
      </c>
      <c r="AR32" s="70">
        <v>4</v>
      </c>
      <c r="AS32" s="71">
        <v>7</v>
      </c>
      <c r="AT32" s="68">
        <v>1</v>
      </c>
      <c r="AU32" s="69">
        <v>1</v>
      </c>
      <c r="AV32" s="70">
        <v>2</v>
      </c>
      <c r="AW32" s="159"/>
      <c r="AX32" s="69">
        <v>1</v>
      </c>
      <c r="AY32" s="69">
        <v>2</v>
      </c>
      <c r="AZ32" s="69">
        <v>0</v>
      </c>
      <c r="BA32" s="69">
        <v>1</v>
      </c>
      <c r="BB32" s="69">
        <v>0</v>
      </c>
      <c r="BC32" s="70">
        <v>4</v>
      </c>
      <c r="BD32" s="71">
        <v>6</v>
      </c>
      <c r="BE32" s="68">
        <v>0</v>
      </c>
      <c r="BF32" s="69">
        <v>2</v>
      </c>
      <c r="BG32" s="70">
        <v>2</v>
      </c>
      <c r="BH32" s="159"/>
      <c r="BI32" s="69">
        <v>2</v>
      </c>
      <c r="BJ32" s="69">
        <v>3</v>
      </c>
      <c r="BK32" s="69">
        <v>1</v>
      </c>
      <c r="BL32" s="69">
        <v>1</v>
      </c>
      <c r="BM32" s="69">
        <v>1</v>
      </c>
      <c r="BN32" s="70">
        <v>8</v>
      </c>
      <c r="BO32" s="71">
        <v>10</v>
      </c>
      <c r="BP32" s="68">
        <v>1</v>
      </c>
      <c r="BQ32" s="69">
        <v>0</v>
      </c>
      <c r="BR32" s="70">
        <v>1</v>
      </c>
      <c r="BS32" s="159"/>
      <c r="BT32" s="69">
        <v>0</v>
      </c>
      <c r="BU32" s="69">
        <v>0</v>
      </c>
      <c r="BV32" s="69">
        <v>1</v>
      </c>
      <c r="BW32" s="69">
        <v>1</v>
      </c>
      <c r="BX32" s="69">
        <v>1</v>
      </c>
      <c r="BY32" s="70">
        <v>3</v>
      </c>
      <c r="BZ32" s="71">
        <v>4</v>
      </c>
      <c r="CA32" s="68">
        <v>0</v>
      </c>
      <c r="CB32" s="69">
        <v>0</v>
      </c>
      <c r="CC32" s="70">
        <v>0</v>
      </c>
      <c r="CD32" s="159"/>
      <c r="CE32" s="69">
        <v>0</v>
      </c>
      <c r="CF32" s="69">
        <v>0</v>
      </c>
      <c r="CG32" s="69">
        <v>0</v>
      </c>
      <c r="CH32" s="69">
        <v>0</v>
      </c>
      <c r="CI32" s="69">
        <v>0</v>
      </c>
      <c r="CJ32" s="70">
        <v>0</v>
      </c>
      <c r="CK32" s="71">
        <v>0</v>
      </c>
      <c r="CL32" s="68">
        <v>4</v>
      </c>
      <c r="CM32" s="69">
        <v>4</v>
      </c>
      <c r="CN32" s="70">
        <v>8</v>
      </c>
      <c r="CO32" s="159"/>
      <c r="CP32" s="69">
        <v>3</v>
      </c>
      <c r="CQ32" s="69">
        <v>7</v>
      </c>
      <c r="CR32" s="69">
        <v>2</v>
      </c>
      <c r="CS32" s="69">
        <v>3</v>
      </c>
      <c r="CT32" s="69">
        <v>4</v>
      </c>
      <c r="CU32" s="70">
        <v>19</v>
      </c>
      <c r="CV32" s="71">
        <v>27</v>
      </c>
      <c r="CW32" s="108">
        <v>1</v>
      </c>
      <c r="CX32" s="80">
        <v>0</v>
      </c>
      <c r="CY32" s="81">
        <v>1</v>
      </c>
      <c r="CZ32" s="159"/>
      <c r="DA32" s="80">
        <v>4</v>
      </c>
      <c r="DB32" s="80">
        <v>2</v>
      </c>
      <c r="DC32" s="80">
        <v>0</v>
      </c>
      <c r="DD32" s="80">
        <v>1</v>
      </c>
      <c r="DE32" s="80">
        <v>0</v>
      </c>
      <c r="DF32" s="82">
        <v>7</v>
      </c>
      <c r="DG32" s="83">
        <v>8</v>
      </c>
      <c r="DH32" s="68">
        <v>0</v>
      </c>
      <c r="DI32" s="69">
        <v>0</v>
      </c>
      <c r="DJ32" s="70">
        <v>0</v>
      </c>
      <c r="DK32" s="159"/>
      <c r="DL32" s="69">
        <v>0</v>
      </c>
      <c r="DM32" s="69">
        <v>0</v>
      </c>
      <c r="DN32" s="69">
        <v>0</v>
      </c>
      <c r="DO32" s="69">
        <v>0</v>
      </c>
      <c r="DP32" s="69">
        <v>0</v>
      </c>
      <c r="DQ32" s="70">
        <v>0</v>
      </c>
      <c r="DR32" s="71">
        <v>0</v>
      </c>
      <c r="DS32" s="68">
        <v>0</v>
      </c>
      <c r="DT32" s="69">
        <v>0</v>
      </c>
      <c r="DU32" s="70">
        <v>0</v>
      </c>
      <c r="DV32" s="159"/>
      <c r="DW32" s="69">
        <v>0</v>
      </c>
      <c r="DX32" s="69">
        <v>0</v>
      </c>
      <c r="DY32" s="69">
        <v>0</v>
      </c>
      <c r="DZ32" s="69">
        <v>0</v>
      </c>
      <c r="EA32" s="69">
        <v>0</v>
      </c>
      <c r="EB32" s="70">
        <v>0</v>
      </c>
      <c r="EC32" s="71">
        <v>0</v>
      </c>
      <c r="ED32" s="68">
        <v>0</v>
      </c>
      <c r="EE32" s="69">
        <v>0</v>
      </c>
      <c r="EF32" s="70">
        <v>0</v>
      </c>
      <c r="EG32" s="159"/>
      <c r="EH32" s="69">
        <v>0</v>
      </c>
      <c r="EI32" s="69">
        <v>1</v>
      </c>
      <c r="EJ32" s="69">
        <v>0</v>
      </c>
      <c r="EK32" s="69">
        <v>0</v>
      </c>
      <c r="EL32" s="69">
        <v>0</v>
      </c>
      <c r="EM32" s="70">
        <v>1</v>
      </c>
      <c r="EN32" s="71">
        <v>1</v>
      </c>
      <c r="EO32" s="68">
        <v>0</v>
      </c>
      <c r="EP32" s="69">
        <v>0</v>
      </c>
      <c r="EQ32" s="70">
        <v>0</v>
      </c>
      <c r="ER32" s="159"/>
      <c r="ES32" s="69">
        <v>2</v>
      </c>
      <c r="ET32" s="69">
        <v>0</v>
      </c>
      <c r="EU32" s="69">
        <v>0</v>
      </c>
      <c r="EV32" s="69">
        <v>0</v>
      </c>
      <c r="EW32" s="69">
        <v>0</v>
      </c>
      <c r="EX32" s="70">
        <v>2</v>
      </c>
      <c r="EY32" s="71">
        <v>2</v>
      </c>
      <c r="EZ32" s="68">
        <v>1</v>
      </c>
      <c r="FA32" s="69">
        <v>0</v>
      </c>
      <c r="FB32" s="70">
        <v>1</v>
      </c>
      <c r="FC32" s="159"/>
      <c r="FD32" s="69">
        <v>1</v>
      </c>
      <c r="FE32" s="69">
        <v>0</v>
      </c>
      <c r="FF32" s="69">
        <v>0</v>
      </c>
      <c r="FG32" s="69">
        <v>1</v>
      </c>
      <c r="FH32" s="69">
        <v>0</v>
      </c>
      <c r="FI32" s="70">
        <v>2</v>
      </c>
      <c r="FJ32" s="71">
        <v>3</v>
      </c>
      <c r="FK32" s="68">
        <v>0</v>
      </c>
      <c r="FL32" s="69">
        <v>0</v>
      </c>
      <c r="FM32" s="70">
        <v>0</v>
      </c>
      <c r="FN32" s="159"/>
      <c r="FO32" s="69">
        <v>1</v>
      </c>
      <c r="FP32" s="69">
        <v>1</v>
      </c>
      <c r="FQ32" s="69">
        <v>0</v>
      </c>
      <c r="FR32" s="69">
        <v>0</v>
      </c>
      <c r="FS32" s="69">
        <v>0</v>
      </c>
      <c r="FT32" s="70">
        <v>2</v>
      </c>
      <c r="FU32" s="71">
        <v>2</v>
      </c>
      <c r="FV32" s="68">
        <v>0</v>
      </c>
      <c r="FW32" s="69">
        <v>0</v>
      </c>
      <c r="FX32" s="70">
        <v>0</v>
      </c>
      <c r="FY32" s="159"/>
      <c r="FZ32" s="69">
        <v>0</v>
      </c>
      <c r="GA32" s="69">
        <v>0</v>
      </c>
      <c r="GB32" s="69">
        <v>0</v>
      </c>
      <c r="GC32" s="69">
        <v>0</v>
      </c>
      <c r="GD32" s="69">
        <v>0</v>
      </c>
      <c r="GE32" s="70">
        <v>0</v>
      </c>
      <c r="GF32" s="71">
        <v>0</v>
      </c>
      <c r="GG32" s="68">
        <v>1</v>
      </c>
      <c r="GH32" s="69">
        <v>0</v>
      </c>
      <c r="GI32" s="70">
        <v>1</v>
      </c>
      <c r="GJ32" s="159"/>
      <c r="GK32" s="69">
        <v>4</v>
      </c>
      <c r="GL32" s="69">
        <v>2</v>
      </c>
      <c r="GM32" s="69">
        <v>0</v>
      </c>
      <c r="GN32" s="69">
        <v>1</v>
      </c>
      <c r="GO32" s="69">
        <v>0</v>
      </c>
      <c r="GP32" s="70">
        <v>7</v>
      </c>
      <c r="GQ32" s="71">
        <v>8</v>
      </c>
      <c r="GR32" s="108">
        <v>5</v>
      </c>
      <c r="GS32" s="80">
        <v>4</v>
      </c>
      <c r="GT32" s="81">
        <v>9</v>
      </c>
      <c r="GU32" s="159"/>
      <c r="GV32" s="80">
        <v>7</v>
      </c>
      <c r="GW32" s="80">
        <v>9</v>
      </c>
      <c r="GX32" s="80">
        <v>2</v>
      </c>
      <c r="GY32" s="80">
        <v>4</v>
      </c>
      <c r="GZ32" s="80">
        <v>4</v>
      </c>
      <c r="HA32" s="82">
        <v>26</v>
      </c>
      <c r="HB32" s="83">
        <v>35</v>
      </c>
      <c r="HC32" s="68">
        <v>0</v>
      </c>
      <c r="HD32" s="69">
        <v>0</v>
      </c>
      <c r="HE32" s="70">
        <v>0</v>
      </c>
      <c r="HF32" s="159"/>
      <c r="HG32" s="69">
        <v>0</v>
      </c>
      <c r="HH32" s="69">
        <v>0</v>
      </c>
      <c r="HI32" s="69">
        <v>0</v>
      </c>
      <c r="HJ32" s="69">
        <v>0</v>
      </c>
      <c r="HK32" s="69">
        <v>0</v>
      </c>
      <c r="HL32" s="70">
        <v>0</v>
      </c>
      <c r="HM32" s="71">
        <v>0</v>
      </c>
      <c r="HN32" s="68">
        <v>0</v>
      </c>
      <c r="HO32" s="69">
        <v>0</v>
      </c>
      <c r="HP32" s="70">
        <v>0</v>
      </c>
      <c r="HQ32" s="159"/>
      <c r="HR32" s="69">
        <v>0</v>
      </c>
      <c r="HS32" s="69">
        <v>0</v>
      </c>
      <c r="HT32" s="69">
        <v>0</v>
      </c>
      <c r="HU32" s="69">
        <v>0</v>
      </c>
      <c r="HV32" s="69">
        <v>0</v>
      </c>
      <c r="HW32" s="70">
        <v>0</v>
      </c>
      <c r="HX32" s="71">
        <v>0</v>
      </c>
      <c r="HY32" s="68">
        <v>2</v>
      </c>
      <c r="HZ32" s="69">
        <v>1</v>
      </c>
      <c r="IA32" s="70">
        <v>3</v>
      </c>
      <c r="IB32" s="159"/>
      <c r="IC32" s="69">
        <v>0</v>
      </c>
      <c r="ID32" s="69">
        <v>3</v>
      </c>
      <c r="IE32" s="69">
        <v>0</v>
      </c>
      <c r="IF32" s="69">
        <v>0</v>
      </c>
      <c r="IG32" s="69">
        <v>2</v>
      </c>
      <c r="IH32" s="70">
        <v>5</v>
      </c>
      <c r="II32" s="71">
        <v>8</v>
      </c>
      <c r="IJ32" s="68">
        <v>1</v>
      </c>
      <c r="IK32" s="69">
        <v>1</v>
      </c>
      <c r="IL32" s="70">
        <v>2</v>
      </c>
      <c r="IM32" s="159"/>
      <c r="IN32" s="69">
        <v>3</v>
      </c>
      <c r="IO32" s="69">
        <v>2</v>
      </c>
      <c r="IP32" s="69">
        <v>0</v>
      </c>
      <c r="IQ32" s="69">
        <v>1</v>
      </c>
      <c r="IR32" s="69">
        <v>0</v>
      </c>
      <c r="IS32" s="70">
        <v>6</v>
      </c>
      <c r="IT32" s="71">
        <v>8</v>
      </c>
      <c r="IU32" s="68">
        <v>1</v>
      </c>
      <c r="IV32" s="69">
        <v>2</v>
      </c>
      <c r="IW32" s="70">
        <v>3</v>
      </c>
      <c r="IX32" s="159"/>
      <c r="IY32" s="69">
        <v>3</v>
      </c>
      <c r="IZ32" s="69">
        <v>3</v>
      </c>
      <c r="JA32" s="69">
        <v>1</v>
      </c>
      <c r="JB32" s="69">
        <v>2</v>
      </c>
      <c r="JC32" s="69">
        <v>1</v>
      </c>
      <c r="JD32" s="70">
        <v>10</v>
      </c>
      <c r="JE32" s="71">
        <v>13</v>
      </c>
      <c r="JF32" s="68">
        <v>1</v>
      </c>
      <c r="JG32" s="69">
        <v>0</v>
      </c>
      <c r="JH32" s="70">
        <v>1</v>
      </c>
      <c r="JI32" s="159"/>
      <c r="JJ32" s="69">
        <v>1</v>
      </c>
      <c r="JK32" s="69">
        <v>1</v>
      </c>
      <c r="JL32" s="69">
        <v>1</v>
      </c>
      <c r="JM32" s="69">
        <v>1</v>
      </c>
      <c r="JN32" s="69">
        <v>1</v>
      </c>
      <c r="JO32" s="70">
        <v>5</v>
      </c>
      <c r="JP32" s="71">
        <v>6</v>
      </c>
      <c r="JQ32" s="68">
        <v>0</v>
      </c>
      <c r="JR32" s="69">
        <v>0</v>
      </c>
      <c r="JS32" s="70">
        <v>0</v>
      </c>
      <c r="JT32" s="159"/>
      <c r="JU32" s="69">
        <v>0</v>
      </c>
      <c r="JV32" s="69">
        <v>0</v>
      </c>
      <c r="JW32" s="69">
        <v>0</v>
      </c>
      <c r="JX32" s="69">
        <v>0</v>
      </c>
      <c r="JY32" s="69">
        <v>0</v>
      </c>
      <c r="JZ32" s="70">
        <v>0</v>
      </c>
      <c r="KA32" s="71">
        <v>0</v>
      </c>
      <c r="KB32" s="68">
        <v>5</v>
      </c>
      <c r="KC32" s="69">
        <v>4</v>
      </c>
      <c r="KD32" s="70">
        <v>9</v>
      </c>
      <c r="KE32" s="159"/>
      <c r="KF32" s="69">
        <v>7</v>
      </c>
      <c r="KG32" s="69">
        <v>9</v>
      </c>
      <c r="KH32" s="69">
        <v>2</v>
      </c>
      <c r="KI32" s="69">
        <v>4</v>
      </c>
      <c r="KJ32" s="69">
        <v>4</v>
      </c>
      <c r="KK32" s="70">
        <v>26</v>
      </c>
      <c r="KL32" s="71">
        <v>35</v>
      </c>
    </row>
    <row r="33" spans="1:298" ht="19.5" customHeight="1" x14ac:dyDescent="0.2">
      <c r="A33" s="111" t="s">
        <v>30</v>
      </c>
      <c r="B33" s="215">
        <v>3</v>
      </c>
      <c r="C33" s="80">
        <v>2</v>
      </c>
      <c r="D33" s="81">
        <v>5</v>
      </c>
      <c r="E33" s="159"/>
      <c r="F33" s="80">
        <v>5</v>
      </c>
      <c r="G33" s="80">
        <v>5</v>
      </c>
      <c r="H33" s="80">
        <v>4</v>
      </c>
      <c r="I33" s="80">
        <v>5</v>
      </c>
      <c r="J33" s="80">
        <v>1</v>
      </c>
      <c r="K33" s="82">
        <v>20</v>
      </c>
      <c r="L33" s="83">
        <v>25</v>
      </c>
      <c r="M33" s="68">
        <v>0</v>
      </c>
      <c r="N33" s="69">
        <v>0</v>
      </c>
      <c r="O33" s="70">
        <v>0</v>
      </c>
      <c r="P33" s="159"/>
      <c r="Q33" s="69">
        <v>0</v>
      </c>
      <c r="R33" s="69">
        <v>0</v>
      </c>
      <c r="S33" s="69">
        <v>0</v>
      </c>
      <c r="T33" s="69">
        <v>0</v>
      </c>
      <c r="U33" s="69">
        <v>0</v>
      </c>
      <c r="V33" s="70">
        <v>0</v>
      </c>
      <c r="W33" s="71">
        <v>0</v>
      </c>
      <c r="X33" s="68">
        <v>0</v>
      </c>
      <c r="Y33" s="69">
        <v>1</v>
      </c>
      <c r="Z33" s="70">
        <v>1</v>
      </c>
      <c r="AA33" s="159"/>
      <c r="AB33" s="69">
        <v>0</v>
      </c>
      <c r="AC33" s="69">
        <v>0</v>
      </c>
      <c r="AD33" s="69">
        <v>0</v>
      </c>
      <c r="AE33" s="69">
        <v>0</v>
      </c>
      <c r="AF33" s="69">
        <v>0</v>
      </c>
      <c r="AG33" s="70">
        <v>0</v>
      </c>
      <c r="AH33" s="71">
        <v>1</v>
      </c>
      <c r="AI33" s="68">
        <v>0</v>
      </c>
      <c r="AJ33" s="69">
        <v>1</v>
      </c>
      <c r="AK33" s="70">
        <v>1</v>
      </c>
      <c r="AL33" s="159"/>
      <c r="AM33" s="69">
        <v>0</v>
      </c>
      <c r="AN33" s="69">
        <v>0</v>
      </c>
      <c r="AO33" s="69">
        <v>1</v>
      </c>
      <c r="AP33" s="69">
        <v>1</v>
      </c>
      <c r="AQ33" s="69">
        <v>0</v>
      </c>
      <c r="AR33" s="70">
        <v>2</v>
      </c>
      <c r="AS33" s="71">
        <v>3</v>
      </c>
      <c r="AT33" s="68">
        <v>0</v>
      </c>
      <c r="AU33" s="69">
        <v>0</v>
      </c>
      <c r="AV33" s="70">
        <v>0</v>
      </c>
      <c r="AW33" s="159"/>
      <c r="AX33" s="69">
        <v>0</v>
      </c>
      <c r="AY33" s="69">
        <v>1</v>
      </c>
      <c r="AZ33" s="69">
        <v>2</v>
      </c>
      <c r="BA33" s="69">
        <v>0</v>
      </c>
      <c r="BB33" s="69">
        <v>0</v>
      </c>
      <c r="BC33" s="70">
        <v>3</v>
      </c>
      <c r="BD33" s="71">
        <v>3</v>
      </c>
      <c r="BE33" s="68">
        <v>3</v>
      </c>
      <c r="BF33" s="69">
        <v>0</v>
      </c>
      <c r="BG33" s="70">
        <v>3</v>
      </c>
      <c r="BH33" s="159"/>
      <c r="BI33" s="69">
        <v>2</v>
      </c>
      <c r="BJ33" s="69">
        <v>2</v>
      </c>
      <c r="BK33" s="69">
        <v>1</v>
      </c>
      <c r="BL33" s="69">
        <v>0</v>
      </c>
      <c r="BM33" s="69">
        <v>0</v>
      </c>
      <c r="BN33" s="70">
        <v>5</v>
      </c>
      <c r="BO33" s="71">
        <v>8</v>
      </c>
      <c r="BP33" s="68">
        <v>0</v>
      </c>
      <c r="BQ33" s="69">
        <v>0</v>
      </c>
      <c r="BR33" s="70">
        <v>0</v>
      </c>
      <c r="BS33" s="159"/>
      <c r="BT33" s="69">
        <v>3</v>
      </c>
      <c r="BU33" s="69">
        <v>2</v>
      </c>
      <c r="BV33" s="69">
        <v>0</v>
      </c>
      <c r="BW33" s="69">
        <v>4</v>
      </c>
      <c r="BX33" s="69">
        <v>1</v>
      </c>
      <c r="BY33" s="70">
        <v>10</v>
      </c>
      <c r="BZ33" s="71">
        <v>10</v>
      </c>
      <c r="CA33" s="68">
        <v>0</v>
      </c>
      <c r="CB33" s="69">
        <v>0</v>
      </c>
      <c r="CC33" s="70">
        <v>0</v>
      </c>
      <c r="CD33" s="159"/>
      <c r="CE33" s="69">
        <v>0</v>
      </c>
      <c r="CF33" s="69">
        <v>0</v>
      </c>
      <c r="CG33" s="69">
        <v>0</v>
      </c>
      <c r="CH33" s="69">
        <v>0</v>
      </c>
      <c r="CI33" s="69">
        <v>0</v>
      </c>
      <c r="CJ33" s="70">
        <v>0</v>
      </c>
      <c r="CK33" s="71">
        <v>0</v>
      </c>
      <c r="CL33" s="68">
        <v>3</v>
      </c>
      <c r="CM33" s="69">
        <v>2</v>
      </c>
      <c r="CN33" s="70">
        <v>5</v>
      </c>
      <c r="CO33" s="159"/>
      <c r="CP33" s="69">
        <v>5</v>
      </c>
      <c r="CQ33" s="69">
        <v>5</v>
      </c>
      <c r="CR33" s="69">
        <v>4</v>
      </c>
      <c r="CS33" s="69">
        <v>5</v>
      </c>
      <c r="CT33" s="69">
        <v>1</v>
      </c>
      <c r="CU33" s="70">
        <v>20</v>
      </c>
      <c r="CV33" s="71">
        <v>25</v>
      </c>
      <c r="CW33" s="108">
        <v>2</v>
      </c>
      <c r="CX33" s="80">
        <v>0</v>
      </c>
      <c r="CY33" s="81">
        <v>2</v>
      </c>
      <c r="CZ33" s="159"/>
      <c r="DA33" s="80">
        <v>2</v>
      </c>
      <c r="DB33" s="80">
        <v>0</v>
      </c>
      <c r="DC33" s="80">
        <v>2</v>
      </c>
      <c r="DD33" s="80">
        <v>3</v>
      </c>
      <c r="DE33" s="80">
        <v>0</v>
      </c>
      <c r="DF33" s="82">
        <v>7</v>
      </c>
      <c r="DG33" s="83">
        <v>9</v>
      </c>
      <c r="DH33" s="68">
        <v>0</v>
      </c>
      <c r="DI33" s="69">
        <v>0</v>
      </c>
      <c r="DJ33" s="70">
        <v>0</v>
      </c>
      <c r="DK33" s="159"/>
      <c r="DL33" s="69">
        <v>0</v>
      </c>
      <c r="DM33" s="69">
        <v>0</v>
      </c>
      <c r="DN33" s="69">
        <v>0</v>
      </c>
      <c r="DO33" s="69">
        <v>0</v>
      </c>
      <c r="DP33" s="69">
        <v>0</v>
      </c>
      <c r="DQ33" s="70">
        <v>0</v>
      </c>
      <c r="DR33" s="71">
        <v>0</v>
      </c>
      <c r="DS33" s="68">
        <v>1</v>
      </c>
      <c r="DT33" s="69">
        <v>0</v>
      </c>
      <c r="DU33" s="70">
        <v>1</v>
      </c>
      <c r="DV33" s="159"/>
      <c r="DW33" s="69">
        <v>0</v>
      </c>
      <c r="DX33" s="69">
        <v>0</v>
      </c>
      <c r="DY33" s="69">
        <v>0</v>
      </c>
      <c r="DZ33" s="69">
        <v>0</v>
      </c>
      <c r="EA33" s="69">
        <v>0</v>
      </c>
      <c r="EB33" s="70">
        <v>0</v>
      </c>
      <c r="EC33" s="71">
        <v>1</v>
      </c>
      <c r="ED33" s="68">
        <v>1</v>
      </c>
      <c r="EE33" s="69">
        <v>0</v>
      </c>
      <c r="EF33" s="70">
        <v>1</v>
      </c>
      <c r="EG33" s="159"/>
      <c r="EH33" s="69">
        <v>0</v>
      </c>
      <c r="EI33" s="69">
        <v>0</v>
      </c>
      <c r="EJ33" s="69">
        <v>0</v>
      </c>
      <c r="EK33" s="69">
        <v>0</v>
      </c>
      <c r="EL33" s="69">
        <v>0</v>
      </c>
      <c r="EM33" s="70">
        <v>0</v>
      </c>
      <c r="EN33" s="71">
        <v>1</v>
      </c>
      <c r="EO33" s="68">
        <v>0</v>
      </c>
      <c r="EP33" s="69">
        <v>0</v>
      </c>
      <c r="EQ33" s="70">
        <v>0</v>
      </c>
      <c r="ER33" s="159"/>
      <c r="ES33" s="69">
        <v>1</v>
      </c>
      <c r="ET33" s="69">
        <v>0</v>
      </c>
      <c r="EU33" s="69">
        <v>0</v>
      </c>
      <c r="EV33" s="69">
        <v>0</v>
      </c>
      <c r="EW33" s="69">
        <v>0</v>
      </c>
      <c r="EX33" s="70">
        <v>1</v>
      </c>
      <c r="EY33" s="71">
        <v>1</v>
      </c>
      <c r="EZ33" s="68">
        <v>0</v>
      </c>
      <c r="FA33" s="69">
        <v>0</v>
      </c>
      <c r="FB33" s="70">
        <v>0</v>
      </c>
      <c r="FC33" s="159"/>
      <c r="FD33" s="69">
        <v>1</v>
      </c>
      <c r="FE33" s="69">
        <v>0</v>
      </c>
      <c r="FF33" s="69">
        <v>0</v>
      </c>
      <c r="FG33" s="69">
        <v>2</v>
      </c>
      <c r="FH33" s="69">
        <v>0</v>
      </c>
      <c r="FI33" s="70">
        <v>3</v>
      </c>
      <c r="FJ33" s="71">
        <v>3</v>
      </c>
      <c r="FK33" s="68">
        <v>0</v>
      </c>
      <c r="FL33" s="69">
        <v>0</v>
      </c>
      <c r="FM33" s="70">
        <v>0</v>
      </c>
      <c r="FN33" s="159"/>
      <c r="FO33" s="69">
        <v>0</v>
      </c>
      <c r="FP33" s="69">
        <v>0</v>
      </c>
      <c r="FQ33" s="69">
        <v>2</v>
      </c>
      <c r="FR33" s="69">
        <v>1</v>
      </c>
      <c r="FS33" s="69">
        <v>0</v>
      </c>
      <c r="FT33" s="70">
        <v>3</v>
      </c>
      <c r="FU33" s="71">
        <v>3</v>
      </c>
      <c r="FV33" s="68">
        <v>0</v>
      </c>
      <c r="FW33" s="69">
        <v>0</v>
      </c>
      <c r="FX33" s="70">
        <v>0</v>
      </c>
      <c r="FY33" s="159"/>
      <c r="FZ33" s="69">
        <v>0</v>
      </c>
      <c r="GA33" s="69">
        <v>0</v>
      </c>
      <c r="GB33" s="69">
        <v>0</v>
      </c>
      <c r="GC33" s="69">
        <v>0</v>
      </c>
      <c r="GD33" s="69">
        <v>0</v>
      </c>
      <c r="GE33" s="70">
        <v>0</v>
      </c>
      <c r="GF33" s="71">
        <v>0</v>
      </c>
      <c r="GG33" s="68">
        <v>2</v>
      </c>
      <c r="GH33" s="69">
        <v>0</v>
      </c>
      <c r="GI33" s="70">
        <v>2</v>
      </c>
      <c r="GJ33" s="159"/>
      <c r="GK33" s="69">
        <v>2</v>
      </c>
      <c r="GL33" s="69">
        <v>0</v>
      </c>
      <c r="GM33" s="69">
        <v>2</v>
      </c>
      <c r="GN33" s="69">
        <v>3</v>
      </c>
      <c r="GO33" s="69">
        <v>0</v>
      </c>
      <c r="GP33" s="70">
        <v>7</v>
      </c>
      <c r="GQ33" s="71">
        <v>9</v>
      </c>
      <c r="GR33" s="108">
        <v>5</v>
      </c>
      <c r="GS33" s="80">
        <v>2</v>
      </c>
      <c r="GT33" s="81">
        <v>7</v>
      </c>
      <c r="GU33" s="159"/>
      <c r="GV33" s="80">
        <v>7</v>
      </c>
      <c r="GW33" s="80">
        <v>5</v>
      </c>
      <c r="GX33" s="80">
        <v>6</v>
      </c>
      <c r="GY33" s="80">
        <v>8</v>
      </c>
      <c r="GZ33" s="80">
        <v>1</v>
      </c>
      <c r="HA33" s="82">
        <v>27</v>
      </c>
      <c r="HB33" s="83">
        <v>34</v>
      </c>
      <c r="HC33" s="68">
        <v>0</v>
      </c>
      <c r="HD33" s="69">
        <v>0</v>
      </c>
      <c r="HE33" s="70">
        <v>0</v>
      </c>
      <c r="HF33" s="159"/>
      <c r="HG33" s="69">
        <v>0</v>
      </c>
      <c r="HH33" s="69">
        <v>0</v>
      </c>
      <c r="HI33" s="69">
        <v>0</v>
      </c>
      <c r="HJ33" s="69">
        <v>0</v>
      </c>
      <c r="HK33" s="69">
        <v>0</v>
      </c>
      <c r="HL33" s="70">
        <v>0</v>
      </c>
      <c r="HM33" s="71">
        <v>0</v>
      </c>
      <c r="HN33" s="68">
        <v>1</v>
      </c>
      <c r="HO33" s="69">
        <v>1</v>
      </c>
      <c r="HP33" s="70">
        <v>2</v>
      </c>
      <c r="HQ33" s="159"/>
      <c r="HR33" s="69">
        <v>0</v>
      </c>
      <c r="HS33" s="69">
        <v>0</v>
      </c>
      <c r="HT33" s="69">
        <v>0</v>
      </c>
      <c r="HU33" s="69">
        <v>0</v>
      </c>
      <c r="HV33" s="69">
        <v>0</v>
      </c>
      <c r="HW33" s="70">
        <v>0</v>
      </c>
      <c r="HX33" s="71">
        <v>2</v>
      </c>
      <c r="HY33" s="68">
        <v>1</v>
      </c>
      <c r="HZ33" s="69">
        <v>1</v>
      </c>
      <c r="IA33" s="70">
        <v>2</v>
      </c>
      <c r="IB33" s="159"/>
      <c r="IC33" s="69">
        <v>0</v>
      </c>
      <c r="ID33" s="69">
        <v>0</v>
      </c>
      <c r="IE33" s="69">
        <v>1</v>
      </c>
      <c r="IF33" s="69">
        <v>1</v>
      </c>
      <c r="IG33" s="69">
        <v>0</v>
      </c>
      <c r="IH33" s="70">
        <v>2</v>
      </c>
      <c r="II33" s="71">
        <v>4</v>
      </c>
      <c r="IJ33" s="68">
        <v>0</v>
      </c>
      <c r="IK33" s="69">
        <v>0</v>
      </c>
      <c r="IL33" s="70">
        <v>0</v>
      </c>
      <c r="IM33" s="159"/>
      <c r="IN33" s="69">
        <v>1</v>
      </c>
      <c r="IO33" s="69">
        <v>1</v>
      </c>
      <c r="IP33" s="69">
        <v>2</v>
      </c>
      <c r="IQ33" s="69">
        <v>0</v>
      </c>
      <c r="IR33" s="69">
        <v>0</v>
      </c>
      <c r="IS33" s="70">
        <v>4</v>
      </c>
      <c r="IT33" s="71">
        <v>4</v>
      </c>
      <c r="IU33" s="68">
        <v>3</v>
      </c>
      <c r="IV33" s="69">
        <v>0</v>
      </c>
      <c r="IW33" s="70">
        <v>3</v>
      </c>
      <c r="IX33" s="159"/>
      <c r="IY33" s="69">
        <v>3</v>
      </c>
      <c r="IZ33" s="69">
        <v>2</v>
      </c>
      <c r="JA33" s="69">
        <v>1</v>
      </c>
      <c r="JB33" s="69">
        <v>2</v>
      </c>
      <c r="JC33" s="69">
        <v>0</v>
      </c>
      <c r="JD33" s="70">
        <v>8</v>
      </c>
      <c r="JE33" s="71">
        <v>11</v>
      </c>
      <c r="JF33" s="68">
        <v>0</v>
      </c>
      <c r="JG33" s="69">
        <v>0</v>
      </c>
      <c r="JH33" s="70">
        <v>0</v>
      </c>
      <c r="JI33" s="159"/>
      <c r="JJ33" s="69">
        <v>3</v>
      </c>
      <c r="JK33" s="69">
        <v>2</v>
      </c>
      <c r="JL33" s="69">
        <v>2</v>
      </c>
      <c r="JM33" s="69">
        <v>5</v>
      </c>
      <c r="JN33" s="69">
        <v>1</v>
      </c>
      <c r="JO33" s="70">
        <v>13</v>
      </c>
      <c r="JP33" s="71">
        <v>13</v>
      </c>
      <c r="JQ33" s="68">
        <v>0</v>
      </c>
      <c r="JR33" s="69">
        <v>0</v>
      </c>
      <c r="JS33" s="70">
        <v>0</v>
      </c>
      <c r="JT33" s="159"/>
      <c r="JU33" s="69">
        <v>0</v>
      </c>
      <c r="JV33" s="69">
        <v>0</v>
      </c>
      <c r="JW33" s="69">
        <v>0</v>
      </c>
      <c r="JX33" s="69">
        <v>0</v>
      </c>
      <c r="JY33" s="69">
        <v>0</v>
      </c>
      <c r="JZ33" s="70">
        <v>0</v>
      </c>
      <c r="KA33" s="71">
        <v>0</v>
      </c>
      <c r="KB33" s="68">
        <v>5</v>
      </c>
      <c r="KC33" s="69">
        <v>2</v>
      </c>
      <c r="KD33" s="70">
        <v>7</v>
      </c>
      <c r="KE33" s="159"/>
      <c r="KF33" s="69">
        <v>7</v>
      </c>
      <c r="KG33" s="69">
        <v>5</v>
      </c>
      <c r="KH33" s="69">
        <v>6</v>
      </c>
      <c r="KI33" s="69">
        <v>8</v>
      </c>
      <c r="KJ33" s="69">
        <v>1</v>
      </c>
      <c r="KK33" s="70">
        <v>27</v>
      </c>
      <c r="KL33" s="71">
        <v>34</v>
      </c>
    </row>
    <row r="34" spans="1:298" ht="19.5" customHeight="1" x14ac:dyDescent="0.2">
      <c r="A34" s="111" t="s">
        <v>31</v>
      </c>
      <c r="B34" s="215">
        <v>3</v>
      </c>
      <c r="C34" s="80">
        <v>7</v>
      </c>
      <c r="D34" s="81">
        <v>10</v>
      </c>
      <c r="E34" s="159"/>
      <c r="F34" s="80">
        <v>7</v>
      </c>
      <c r="G34" s="80">
        <v>15</v>
      </c>
      <c r="H34" s="80">
        <v>4</v>
      </c>
      <c r="I34" s="80">
        <v>3</v>
      </c>
      <c r="J34" s="80">
        <v>1</v>
      </c>
      <c r="K34" s="82">
        <v>30</v>
      </c>
      <c r="L34" s="83">
        <v>40</v>
      </c>
      <c r="M34" s="68">
        <v>0</v>
      </c>
      <c r="N34" s="69">
        <v>0</v>
      </c>
      <c r="O34" s="70">
        <v>0</v>
      </c>
      <c r="P34" s="159"/>
      <c r="Q34" s="69">
        <v>0</v>
      </c>
      <c r="R34" s="69">
        <v>0</v>
      </c>
      <c r="S34" s="69">
        <v>0</v>
      </c>
      <c r="T34" s="69">
        <v>0</v>
      </c>
      <c r="U34" s="69">
        <v>0</v>
      </c>
      <c r="V34" s="70">
        <v>0</v>
      </c>
      <c r="W34" s="71">
        <v>0</v>
      </c>
      <c r="X34" s="68">
        <v>0</v>
      </c>
      <c r="Y34" s="69">
        <v>1</v>
      </c>
      <c r="Z34" s="70">
        <v>1</v>
      </c>
      <c r="AA34" s="159"/>
      <c r="AB34" s="69">
        <v>0</v>
      </c>
      <c r="AC34" s="69">
        <v>0</v>
      </c>
      <c r="AD34" s="69">
        <v>0</v>
      </c>
      <c r="AE34" s="69">
        <v>0</v>
      </c>
      <c r="AF34" s="69">
        <v>0</v>
      </c>
      <c r="AG34" s="70">
        <v>0</v>
      </c>
      <c r="AH34" s="71">
        <v>1</v>
      </c>
      <c r="AI34" s="68">
        <v>0</v>
      </c>
      <c r="AJ34" s="69">
        <v>0</v>
      </c>
      <c r="AK34" s="70">
        <v>0</v>
      </c>
      <c r="AL34" s="159"/>
      <c r="AM34" s="69">
        <v>1</v>
      </c>
      <c r="AN34" s="69">
        <v>1</v>
      </c>
      <c r="AO34" s="69">
        <v>0</v>
      </c>
      <c r="AP34" s="69">
        <v>0</v>
      </c>
      <c r="AQ34" s="69">
        <v>0</v>
      </c>
      <c r="AR34" s="70">
        <v>2</v>
      </c>
      <c r="AS34" s="71">
        <v>2</v>
      </c>
      <c r="AT34" s="68">
        <v>0</v>
      </c>
      <c r="AU34" s="69">
        <v>0</v>
      </c>
      <c r="AV34" s="70">
        <v>0</v>
      </c>
      <c r="AW34" s="159"/>
      <c r="AX34" s="69">
        <v>3</v>
      </c>
      <c r="AY34" s="69">
        <v>4</v>
      </c>
      <c r="AZ34" s="69">
        <v>1</v>
      </c>
      <c r="BA34" s="69">
        <v>0</v>
      </c>
      <c r="BB34" s="69">
        <v>0</v>
      </c>
      <c r="BC34" s="70">
        <v>8</v>
      </c>
      <c r="BD34" s="71">
        <v>8</v>
      </c>
      <c r="BE34" s="68">
        <v>1</v>
      </c>
      <c r="BF34" s="69">
        <v>2</v>
      </c>
      <c r="BG34" s="70">
        <v>3</v>
      </c>
      <c r="BH34" s="159"/>
      <c r="BI34" s="69">
        <v>0</v>
      </c>
      <c r="BJ34" s="69">
        <v>5</v>
      </c>
      <c r="BK34" s="69">
        <v>0</v>
      </c>
      <c r="BL34" s="69">
        <v>1</v>
      </c>
      <c r="BM34" s="69">
        <v>0</v>
      </c>
      <c r="BN34" s="70">
        <v>6</v>
      </c>
      <c r="BO34" s="71">
        <v>9</v>
      </c>
      <c r="BP34" s="68">
        <v>2</v>
      </c>
      <c r="BQ34" s="69">
        <v>4</v>
      </c>
      <c r="BR34" s="70">
        <v>6</v>
      </c>
      <c r="BS34" s="159"/>
      <c r="BT34" s="69">
        <v>3</v>
      </c>
      <c r="BU34" s="69">
        <v>5</v>
      </c>
      <c r="BV34" s="69">
        <v>3</v>
      </c>
      <c r="BW34" s="69">
        <v>2</v>
      </c>
      <c r="BX34" s="69">
        <v>1</v>
      </c>
      <c r="BY34" s="70">
        <v>14</v>
      </c>
      <c r="BZ34" s="71">
        <v>20</v>
      </c>
      <c r="CA34" s="68">
        <v>0</v>
      </c>
      <c r="CB34" s="69">
        <v>0</v>
      </c>
      <c r="CC34" s="70">
        <v>0</v>
      </c>
      <c r="CD34" s="159"/>
      <c r="CE34" s="69">
        <v>0</v>
      </c>
      <c r="CF34" s="69">
        <v>0</v>
      </c>
      <c r="CG34" s="69">
        <v>0</v>
      </c>
      <c r="CH34" s="69">
        <v>0</v>
      </c>
      <c r="CI34" s="69">
        <v>0</v>
      </c>
      <c r="CJ34" s="70">
        <v>0</v>
      </c>
      <c r="CK34" s="71">
        <v>0</v>
      </c>
      <c r="CL34" s="68">
        <v>3</v>
      </c>
      <c r="CM34" s="69">
        <v>7</v>
      </c>
      <c r="CN34" s="70">
        <v>10</v>
      </c>
      <c r="CO34" s="159"/>
      <c r="CP34" s="69">
        <v>7</v>
      </c>
      <c r="CQ34" s="69">
        <v>15</v>
      </c>
      <c r="CR34" s="69">
        <v>4</v>
      </c>
      <c r="CS34" s="69">
        <v>3</v>
      </c>
      <c r="CT34" s="69">
        <v>1</v>
      </c>
      <c r="CU34" s="70">
        <v>30</v>
      </c>
      <c r="CV34" s="71">
        <v>40</v>
      </c>
      <c r="CW34" s="108">
        <v>1</v>
      </c>
      <c r="CX34" s="80">
        <v>1</v>
      </c>
      <c r="CY34" s="81">
        <v>2</v>
      </c>
      <c r="CZ34" s="159"/>
      <c r="DA34" s="80">
        <v>2</v>
      </c>
      <c r="DB34" s="80">
        <v>3</v>
      </c>
      <c r="DC34" s="80">
        <v>1</v>
      </c>
      <c r="DD34" s="80">
        <v>0</v>
      </c>
      <c r="DE34" s="80">
        <v>0</v>
      </c>
      <c r="DF34" s="82">
        <v>6</v>
      </c>
      <c r="DG34" s="83">
        <v>8</v>
      </c>
      <c r="DH34" s="68">
        <v>0</v>
      </c>
      <c r="DI34" s="69">
        <v>0</v>
      </c>
      <c r="DJ34" s="70">
        <v>0</v>
      </c>
      <c r="DK34" s="159"/>
      <c r="DL34" s="69">
        <v>0</v>
      </c>
      <c r="DM34" s="69">
        <v>0</v>
      </c>
      <c r="DN34" s="69">
        <v>0</v>
      </c>
      <c r="DO34" s="69">
        <v>0</v>
      </c>
      <c r="DP34" s="69">
        <v>0</v>
      </c>
      <c r="DQ34" s="70">
        <v>0</v>
      </c>
      <c r="DR34" s="71">
        <v>0</v>
      </c>
      <c r="DS34" s="68">
        <v>0</v>
      </c>
      <c r="DT34" s="69">
        <v>0</v>
      </c>
      <c r="DU34" s="70">
        <v>0</v>
      </c>
      <c r="DV34" s="159"/>
      <c r="DW34" s="69">
        <v>0</v>
      </c>
      <c r="DX34" s="69">
        <v>0</v>
      </c>
      <c r="DY34" s="69">
        <v>0</v>
      </c>
      <c r="DZ34" s="69">
        <v>0</v>
      </c>
      <c r="EA34" s="69">
        <v>0</v>
      </c>
      <c r="EB34" s="70">
        <v>0</v>
      </c>
      <c r="EC34" s="71">
        <v>0</v>
      </c>
      <c r="ED34" s="68">
        <v>1</v>
      </c>
      <c r="EE34" s="69">
        <v>0</v>
      </c>
      <c r="EF34" s="70">
        <v>1</v>
      </c>
      <c r="EG34" s="159"/>
      <c r="EH34" s="69">
        <v>0</v>
      </c>
      <c r="EI34" s="69">
        <v>0</v>
      </c>
      <c r="EJ34" s="69">
        <v>0</v>
      </c>
      <c r="EK34" s="69">
        <v>0</v>
      </c>
      <c r="EL34" s="69">
        <v>0</v>
      </c>
      <c r="EM34" s="70">
        <v>0</v>
      </c>
      <c r="EN34" s="71">
        <v>1</v>
      </c>
      <c r="EO34" s="68">
        <v>0</v>
      </c>
      <c r="EP34" s="69">
        <v>0</v>
      </c>
      <c r="EQ34" s="70">
        <v>0</v>
      </c>
      <c r="ER34" s="159"/>
      <c r="ES34" s="69">
        <v>0</v>
      </c>
      <c r="ET34" s="69">
        <v>1</v>
      </c>
      <c r="EU34" s="69">
        <v>0</v>
      </c>
      <c r="EV34" s="69">
        <v>0</v>
      </c>
      <c r="EW34" s="69">
        <v>0</v>
      </c>
      <c r="EX34" s="70">
        <v>1</v>
      </c>
      <c r="EY34" s="71">
        <v>1</v>
      </c>
      <c r="EZ34" s="68">
        <v>0</v>
      </c>
      <c r="FA34" s="69">
        <v>1</v>
      </c>
      <c r="FB34" s="70">
        <v>1</v>
      </c>
      <c r="FC34" s="159"/>
      <c r="FD34" s="69">
        <v>0</v>
      </c>
      <c r="FE34" s="69">
        <v>0</v>
      </c>
      <c r="FF34" s="69">
        <v>0</v>
      </c>
      <c r="FG34" s="69">
        <v>0</v>
      </c>
      <c r="FH34" s="69">
        <v>0</v>
      </c>
      <c r="FI34" s="70">
        <v>0</v>
      </c>
      <c r="FJ34" s="71">
        <v>1</v>
      </c>
      <c r="FK34" s="68">
        <v>0</v>
      </c>
      <c r="FL34" s="69">
        <v>0</v>
      </c>
      <c r="FM34" s="70">
        <v>0</v>
      </c>
      <c r="FN34" s="159"/>
      <c r="FO34" s="69">
        <v>2</v>
      </c>
      <c r="FP34" s="69">
        <v>2</v>
      </c>
      <c r="FQ34" s="69">
        <v>1</v>
      </c>
      <c r="FR34" s="69">
        <v>0</v>
      </c>
      <c r="FS34" s="69">
        <v>0</v>
      </c>
      <c r="FT34" s="70">
        <v>5</v>
      </c>
      <c r="FU34" s="71">
        <v>5</v>
      </c>
      <c r="FV34" s="68">
        <v>0</v>
      </c>
      <c r="FW34" s="69">
        <v>0</v>
      </c>
      <c r="FX34" s="70">
        <v>0</v>
      </c>
      <c r="FY34" s="159"/>
      <c r="FZ34" s="69">
        <v>0</v>
      </c>
      <c r="GA34" s="69">
        <v>0</v>
      </c>
      <c r="GB34" s="69">
        <v>0</v>
      </c>
      <c r="GC34" s="69">
        <v>0</v>
      </c>
      <c r="GD34" s="69">
        <v>0</v>
      </c>
      <c r="GE34" s="70">
        <v>0</v>
      </c>
      <c r="GF34" s="71">
        <v>0</v>
      </c>
      <c r="GG34" s="68">
        <v>1</v>
      </c>
      <c r="GH34" s="69">
        <v>1</v>
      </c>
      <c r="GI34" s="70">
        <v>2</v>
      </c>
      <c r="GJ34" s="159"/>
      <c r="GK34" s="69">
        <v>2</v>
      </c>
      <c r="GL34" s="69">
        <v>3</v>
      </c>
      <c r="GM34" s="69">
        <v>1</v>
      </c>
      <c r="GN34" s="69">
        <v>0</v>
      </c>
      <c r="GO34" s="69">
        <v>0</v>
      </c>
      <c r="GP34" s="70">
        <v>6</v>
      </c>
      <c r="GQ34" s="71">
        <v>8</v>
      </c>
      <c r="GR34" s="108">
        <v>4</v>
      </c>
      <c r="GS34" s="80">
        <v>8</v>
      </c>
      <c r="GT34" s="81">
        <v>12</v>
      </c>
      <c r="GU34" s="159"/>
      <c r="GV34" s="80">
        <v>9</v>
      </c>
      <c r="GW34" s="80">
        <v>18</v>
      </c>
      <c r="GX34" s="80">
        <v>5</v>
      </c>
      <c r="GY34" s="80">
        <v>3</v>
      </c>
      <c r="GZ34" s="80">
        <v>1</v>
      </c>
      <c r="HA34" s="82">
        <v>36</v>
      </c>
      <c r="HB34" s="83">
        <v>48</v>
      </c>
      <c r="HC34" s="68">
        <v>0</v>
      </c>
      <c r="HD34" s="69">
        <v>0</v>
      </c>
      <c r="HE34" s="70">
        <v>0</v>
      </c>
      <c r="HF34" s="159"/>
      <c r="HG34" s="69">
        <v>0</v>
      </c>
      <c r="HH34" s="69">
        <v>0</v>
      </c>
      <c r="HI34" s="69">
        <v>0</v>
      </c>
      <c r="HJ34" s="69">
        <v>0</v>
      </c>
      <c r="HK34" s="69">
        <v>0</v>
      </c>
      <c r="HL34" s="70">
        <v>0</v>
      </c>
      <c r="HM34" s="71">
        <v>0</v>
      </c>
      <c r="HN34" s="68">
        <v>0</v>
      </c>
      <c r="HO34" s="69">
        <v>1</v>
      </c>
      <c r="HP34" s="70">
        <v>1</v>
      </c>
      <c r="HQ34" s="159"/>
      <c r="HR34" s="69">
        <v>0</v>
      </c>
      <c r="HS34" s="69">
        <v>0</v>
      </c>
      <c r="HT34" s="69">
        <v>0</v>
      </c>
      <c r="HU34" s="69">
        <v>0</v>
      </c>
      <c r="HV34" s="69">
        <v>0</v>
      </c>
      <c r="HW34" s="70">
        <v>0</v>
      </c>
      <c r="HX34" s="71">
        <v>1</v>
      </c>
      <c r="HY34" s="68">
        <v>1</v>
      </c>
      <c r="HZ34" s="69">
        <v>0</v>
      </c>
      <c r="IA34" s="70">
        <v>1</v>
      </c>
      <c r="IB34" s="159"/>
      <c r="IC34" s="69">
        <v>1</v>
      </c>
      <c r="ID34" s="69">
        <v>1</v>
      </c>
      <c r="IE34" s="69">
        <v>0</v>
      </c>
      <c r="IF34" s="69">
        <v>0</v>
      </c>
      <c r="IG34" s="69">
        <v>0</v>
      </c>
      <c r="IH34" s="70">
        <v>2</v>
      </c>
      <c r="II34" s="71">
        <v>3</v>
      </c>
      <c r="IJ34" s="68">
        <v>0</v>
      </c>
      <c r="IK34" s="69">
        <v>0</v>
      </c>
      <c r="IL34" s="70">
        <v>0</v>
      </c>
      <c r="IM34" s="159"/>
      <c r="IN34" s="69">
        <v>3</v>
      </c>
      <c r="IO34" s="69">
        <v>5</v>
      </c>
      <c r="IP34" s="69">
        <v>1</v>
      </c>
      <c r="IQ34" s="69">
        <v>0</v>
      </c>
      <c r="IR34" s="69">
        <v>0</v>
      </c>
      <c r="IS34" s="70">
        <v>9</v>
      </c>
      <c r="IT34" s="71">
        <v>9</v>
      </c>
      <c r="IU34" s="68">
        <v>1</v>
      </c>
      <c r="IV34" s="69">
        <v>3</v>
      </c>
      <c r="IW34" s="70">
        <v>4</v>
      </c>
      <c r="IX34" s="159"/>
      <c r="IY34" s="69">
        <v>0</v>
      </c>
      <c r="IZ34" s="69">
        <v>5</v>
      </c>
      <c r="JA34" s="69">
        <v>0</v>
      </c>
      <c r="JB34" s="69">
        <v>1</v>
      </c>
      <c r="JC34" s="69">
        <v>0</v>
      </c>
      <c r="JD34" s="70">
        <v>6</v>
      </c>
      <c r="JE34" s="71">
        <v>10</v>
      </c>
      <c r="JF34" s="68">
        <v>2</v>
      </c>
      <c r="JG34" s="69">
        <v>4</v>
      </c>
      <c r="JH34" s="70">
        <v>6</v>
      </c>
      <c r="JI34" s="159"/>
      <c r="JJ34" s="69">
        <v>5</v>
      </c>
      <c r="JK34" s="69">
        <v>7</v>
      </c>
      <c r="JL34" s="69">
        <v>4</v>
      </c>
      <c r="JM34" s="69">
        <v>2</v>
      </c>
      <c r="JN34" s="69">
        <v>1</v>
      </c>
      <c r="JO34" s="70">
        <v>19</v>
      </c>
      <c r="JP34" s="71">
        <v>25</v>
      </c>
      <c r="JQ34" s="68">
        <v>0</v>
      </c>
      <c r="JR34" s="69">
        <v>0</v>
      </c>
      <c r="JS34" s="70">
        <v>0</v>
      </c>
      <c r="JT34" s="159"/>
      <c r="JU34" s="69">
        <v>0</v>
      </c>
      <c r="JV34" s="69">
        <v>0</v>
      </c>
      <c r="JW34" s="69">
        <v>0</v>
      </c>
      <c r="JX34" s="69">
        <v>0</v>
      </c>
      <c r="JY34" s="69">
        <v>0</v>
      </c>
      <c r="JZ34" s="70">
        <v>0</v>
      </c>
      <c r="KA34" s="71">
        <v>0</v>
      </c>
      <c r="KB34" s="68">
        <v>4</v>
      </c>
      <c r="KC34" s="69">
        <v>8</v>
      </c>
      <c r="KD34" s="70">
        <v>12</v>
      </c>
      <c r="KE34" s="159"/>
      <c r="KF34" s="69">
        <v>9</v>
      </c>
      <c r="KG34" s="69">
        <v>18</v>
      </c>
      <c r="KH34" s="69">
        <v>5</v>
      </c>
      <c r="KI34" s="69">
        <v>3</v>
      </c>
      <c r="KJ34" s="69">
        <v>1</v>
      </c>
      <c r="KK34" s="70">
        <v>36</v>
      </c>
      <c r="KL34" s="71">
        <v>48</v>
      </c>
    </row>
    <row r="35" spans="1:298" ht="19.5" customHeight="1" x14ac:dyDescent="0.2">
      <c r="A35" s="111" t="s">
        <v>32</v>
      </c>
      <c r="B35" s="215">
        <v>1</v>
      </c>
      <c r="C35" s="80">
        <v>3</v>
      </c>
      <c r="D35" s="81">
        <v>4</v>
      </c>
      <c r="E35" s="159"/>
      <c r="F35" s="80">
        <v>13</v>
      </c>
      <c r="G35" s="80">
        <v>9</v>
      </c>
      <c r="H35" s="80">
        <v>2</v>
      </c>
      <c r="I35" s="80">
        <v>2</v>
      </c>
      <c r="J35" s="80">
        <v>3</v>
      </c>
      <c r="K35" s="82">
        <v>29</v>
      </c>
      <c r="L35" s="83">
        <v>33</v>
      </c>
      <c r="M35" s="68">
        <v>0</v>
      </c>
      <c r="N35" s="69">
        <v>0</v>
      </c>
      <c r="O35" s="70">
        <v>0</v>
      </c>
      <c r="P35" s="159"/>
      <c r="Q35" s="69">
        <v>0</v>
      </c>
      <c r="R35" s="69">
        <v>0</v>
      </c>
      <c r="S35" s="69">
        <v>0</v>
      </c>
      <c r="T35" s="69">
        <v>0</v>
      </c>
      <c r="U35" s="69">
        <v>0</v>
      </c>
      <c r="V35" s="70">
        <v>0</v>
      </c>
      <c r="W35" s="71">
        <v>0</v>
      </c>
      <c r="X35" s="68">
        <v>0</v>
      </c>
      <c r="Y35" s="69">
        <v>0</v>
      </c>
      <c r="Z35" s="70">
        <v>0</v>
      </c>
      <c r="AA35" s="159"/>
      <c r="AB35" s="69">
        <v>1</v>
      </c>
      <c r="AC35" s="69">
        <v>0</v>
      </c>
      <c r="AD35" s="69">
        <v>0</v>
      </c>
      <c r="AE35" s="69">
        <v>0</v>
      </c>
      <c r="AF35" s="69">
        <v>0</v>
      </c>
      <c r="AG35" s="70">
        <v>1</v>
      </c>
      <c r="AH35" s="71">
        <v>1</v>
      </c>
      <c r="AI35" s="68">
        <v>1</v>
      </c>
      <c r="AJ35" s="69">
        <v>0</v>
      </c>
      <c r="AK35" s="70">
        <v>1</v>
      </c>
      <c r="AL35" s="159"/>
      <c r="AM35" s="69">
        <v>2</v>
      </c>
      <c r="AN35" s="69">
        <v>1</v>
      </c>
      <c r="AO35" s="69">
        <v>0</v>
      </c>
      <c r="AP35" s="69">
        <v>0</v>
      </c>
      <c r="AQ35" s="69">
        <v>0</v>
      </c>
      <c r="AR35" s="70">
        <v>3</v>
      </c>
      <c r="AS35" s="71">
        <v>4</v>
      </c>
      <c r="AT35" s="68">
        <v>0</v>
      </c>
      <c r="AU35" s="69">
        <v>0</v>
      </c>
      <c r="AV35" s="70">
        <v>0</v>
      </c>
      <c r="AW35" s="159"/>
      <c r="AX35" s="69">
        <v>1</v>
      </c>
      <c r="AY35" s="69">
        <v>2</v>
      </c>
      <c r="AZ35" s="69">
        <v>0</v>
      </c>
      <c r="BA35" s="69">
        <v>0</v>
      </c>
      <c r="BB35" s="69">
        <v>2</v>
      </c>
      <c r="BC35" s="70">
        <v>5</v>
      </c>
      <c r="BD35" s="71">
        <v>5</v>
      </c>
      <c r="BE35" s="68">
        <v>0</v>
      </c>
      <c r="BF35" s="69">
        <v>2</v>
      </c>
      <c r="BG35" s="70">
        <v>2</v>
      </c>
      <c r="BH35" s="159"/>
      <c r="BI35" s="69">
        <v>5</v>
      </c>
      <c r="BJ35" s="69">
        <v>4</v>
      </c>
      <c r="BK35" s="69">
        <v>1</v>
      </c>
      <c r="BL35" s="69">
        <v>1</v>
      </c>
      <c r="BM35" s="69">
        <v>1</v>
      </c>
      <c r="BN35" s="70">
        <v>12</v>
      </c>
      <c r="BO35" s="71">
        <v>14</v>
      </c>
      <c r="BP35" s="68">
        <v>0</v>
      </c>
      <c r="BQ35" s="69">
        <v>1</v>
      </c>
      <c r="BR35" s="70">
        <v>1</v>
      </c>
      <c r="BS35" s="159"/>
      <c r="BT35" s="69">
        <v>4</v>
      </c>
      <c r="BU35" s="69">
        <v>2</v>
      </c>
      <c r="BV35" s="69">
        <v>1</v>
      </c>
      <c r="BW35" s="69">
        <v>1</v>
      </c>
      <c r="BX35" s="69">
        <v>0</v>
      </c>
      <c r="BY35" s="70">
        <v>8</v>
      </c>
      <c r="BZ35" s="71">
        <v>9</v>
      </c>
      <c r="CA35" s="68">
        <v>0</v>
      </c>
      <c r="CB35" s="69">
        <v>0</v>
      </c>
      <c r="CC35" s="70">
        <v>0</v>
      </c>
      <c r="CD35" s="159"/>
      <c r="CE35" s="69">
        <v>0</v>
      </c>
      <c r="CF35" s="69">
        <v>0</v>
      </c>
      <c r="CG35" s="69">
        <v>0</v>
      </c>
      <c r="CH35" s="69">
        <v>0</v>
      </c>
      <c r="CI35" s="69">
        <v>0</v>
      </c>
      <c r="CJ35" s="70">
        <v>0</v>
      </c>
      <c r="CK35" s="71">
        <v>0</v>
      </c>
      <c r="CL35" s="68">
        <v>1</v>
      </c>
      <c r="CM35" s="69">
        <v>3</v>
      </c>
      <c r="CN35" s="70">
        <v>4</v>
      </c>
      <c r="CO35" s="159"/>
      <c r="CP35" s="69">
        <v>13</v>
      </c>
      <c r="CQ35" s="69">
        <v>9</v>
      </c>
      <c r="CR35" s="69">
        <v>2</v>
      </c>
      <c r="CS35" s="69">
        <v>2</v>
      </c>
      <c r="CT35" s="69">
        <v>3</v>
      </c>
      <c r="CU35" s="70">
        <v>29</v>
      </c>
      <c r="CV35" s="71">
        <v>33</v>
      </c>
      <c r="CW35" s="108">
        <v>0</v>
      </c>
      <c r="CX35" s="80">
        <v>0</v>
      </c>
      <c r="CY35" s="81">
        <v>0</v>
      </c>
      <c r="CZ35" s="159"/>
      <c r="DA35" s="80">
        <v>1</v>
      </c>
      <c r="DB35" s="80">
        <v>0</v>
      </c>
      <c r="DC35" s="80">
        <v>5</v>
      </c>
      <c r="DD35" s="80">
        <v>4</v>
      </c>
      <c r="DE35" s="80">
        <v>0</v>
      </c>
      <c r="DF35" s="82">
        <v>10</v>
      </c>
      <c r="DG35" s="83">
        <v>10</v>
      </c>
      <c r="DH35" s="68">
        <v>0</v>
      </c>
      <c r="DI35" s="69">
        <v>0</v>
      </c>
      <c r="DJ35" s="70">
        <v>0</v>
      </c>
      <c r="DK35" s="159"/>
      <c r="DL35" s="69">
        <v>1</v>
      </c>
      <c r="DM35" s="69">
        <v>0</v>
      </c>
      <c r="DN35" s="69">
        <v>0</v>
      </c>
      <c r="DO35" s="69">
        <v>0</v>
      </c>
      <c r="DP35" s="69">
        <v>0</v>
      </c>
      <c r="DQ35" s="70">
        <v>1</v>
      </c>
      <c r="DR35" s="71">
        <v>1</v>
      </c>
      <c r="DS35" s="68">
        <v>0</v>
      </c>
      <c r="DT35" s="69">
        <v>0</v>
      </c>
      <c r="DU35" s="70">
        <v>0</v>
      </c>
      <c r="DV35" s="159"/>
      <c r="DW35" s="69">
        <v>0</v>
      </c>
      <c r="DX35" s="69">
        <v>0</v>
      </c>
      <c r="DY35" s="69">
        <v>0</v>
      </c>
      <c r="DZ35" s="69">
        <v>0</v>
      </c>
      <c r="EA35" s="69">
        <v>0</v>
      </c>
      <c r="EB35" s="70">
        <v>0</v>
      </c>
      <c r="EC35" s="71">
        <v>0</v>
      </c>
      <c r="ED35" s="68">
        <v>0</v>
      </c>
      <c r="EE35" s="69">
        <v>0</v>
      </c>
      <c r="EF35" s="70">
        <v>0</v>
      </c>
      <c r="EG35" s="159"/>
      <c r="EH35" s="69">
        <v>0</v>
      </c>
      <c r="EI35" s="69">
        <v>0</v>
      </c>
      <c r="EJ35" s="69">
        <v>0</v>
      </c>
      <c r="EK35" s="69">
        <v>0</v>
      </c>
      <c r="EL35" s="69">
        <v>0</v>
      </c>
      <c r="EM35" s="70">
        <v>0</v>
      </c>
      <c r="EN35" s="71">
        <v>0</v>
      </c>
      <c r="EO35" s="68">
        <v>0</v>
      </c>
      <c r="EP35" s="69">
        <v>0</v>
      </c>
      <c r="EQ35" s="70">
        <v>0</v>
      </c>
      <c r="ER35" s="159"/>
      <c r="ES35" s="69">
        <v>0</v>
      </c>
      <c r="ET35" s="69">
        <v>0</v>
      </c>
      <c r="EU35" s="69">
        <v>1</v>
      </c>
      <c r="EV35" s="69">
        <v>0</v>
      </c>
      <c r="EW35" s="69">
        <v>0</v>
      </c>
      <c r="EX35" s="70">
        <v>1</v>
      </c>
      <c r="EY35" s="71">
        <v>1</v>
      </c>
      <c r="EZ35" s="68">
        <v>0</v>
      </c>
      <c r="FA35" s="69">
        <v>0</v>
      </c>
      <c r="FB35" s="70">
        <v>0</v>
      </c>
      <c r="FC35" s="159"/>
      <c r="FD35" s="69">
        <v>0</v>
      </c>
      <c r="FE35" s="69">
        <v>0</v>
      </c>
      <c r="FF35" s="69">
        <v>3</v>
      </c>
      <c r="FG35" s="69">
        <v>1</v>
      </c>
      <c r="FH35" s="69">
        <v>0</v>
      </c>
      <c r="FI35" s="70">
        <v>4</v>
      </c>
      <c r="FJ35" s="71">
        <v>4</v>
      </c>
      <c r="FK35" s="68">
        <v>0</v>
      </c>
      <c r="FL35" s="69">
        <v>0</v>
      </c>
      <c r="FM35" s="70">
        <v>0</v>
      </c>
      <c r="FN35" s="159"/>
      <c r="FO35" s="69">
        <v>0</v>
      </c>
      <c r="FP35" s="69">
        <v>0</v>
      </c>
      <c r="FQ35" s="69">
        <v>1</v>
      </c>
      <c r="FR35" s="69">
        <v>3</v>
      </c>
      <c r="FS35" s="69">
        <v>0</v>
      </c>
      <c r="FT35" s="70">
        <v>4</v>
      </c>
      <c r="FU35" s="71">
        <v>4</v>
      </c>
      <c r="FV35" s="68">
        <v>0</v>
      </c>
      <c r="FW35" s="69">
        <v>0</v>
      </c>
      <c r="FX35" s="70">
        <v>0</v>
      </c>
      <c r="FY35" s="159"/>
      <c r="FZ35" s="69">
        <v>0</v>
      </c>
      <c r="GA35" s="69">
        <v>0</v>
      </c>
      <c r="GB35" s="69">
        <v>0</v>
      </c>
      <c r="GC35" s="69">
        <v>0</v>
      </c>
      <c r="GD35" s="69">
        <v>0</v>
      </c>
      <c r="GE35" s="70">
        <v>0</v>
      </c>
      <c r="GF35" s="71">
        <v>0</v>
      </c>
      <c r="GG35" s="68">
        <v>0</v>
      </c>
      <c r="GH35" s="69">
        <v>0</v>
      </c>
      <c r="GI35" s="70">
        <v>0</v>
      </c>
      <c r="GJ35" s="159"/>
      <c r="GK35" s="69">
        <v>1</v>
      </c>
      <c r="GL35" s="69">
        <v>0</v>
      </c>
      <c r="GM35" s="69">
        <v>5</v>
      </c>
      <c r="GN35" s="69">
        <v>4</v>
      </c>
      <c r="GO35" s="69">
        <v>0</v>
      </c>
      <c r="GP35" s="70">
        <v>10</v>
      </c>
      <c r="GQ35" s="71">
        <v>10</v>
      </c>
      <c r="GR35" s="108">
        <v>1</v>
      </c>
      <c r="GS35" s="80">
        <v>3</v>
      </c>
      <c r="GT35" s="81">
        <v>4</v>
      </c>
      <c r="GU35" s="159"/>
      <c r="GV35" s="80">
        <v>14</v>
      </c>
      <c r="GW35" s="80">
        <v>9</v>
      </c>
      <c r="GX35" s="80">
        <v>7</v>
      </c>
      <c r="GY35" s="80">
        <v>6</v>
      </c>
      <c r="GZ35" s="80">
        <v>3</v>
      </c>
      <c r="HA35" s="82">
        <v>39</v>
      </c>
      <c r="HB35" s="83">
        <v>43</v>
      </c>
      <c r="HC35" s="68">
        <v>0</v>
      </c>
      <c r="HD35" s="69">
        <v>0</v>
      </c>
      <c r="HE35" s="70">
        <v>0</v>
      </c>
      <c r="HF35" s="159"/>
      <c r="HG35" s="69">
        <v>1</v>
      </c>
      <c r="HH35" s="69">
        <v>0</v>
      </c>
      <c r="HI35" s="69">
        <v>0</v>
      </c>
      <c r="HJ35" s="69">
        <v>0</v>
      </c>
      <c r="HK35" s="69">
        <v>0</v>
      </c>
      <c r="HL35" s="70">
        <v>1</v>
      </c>
      <c r="HM35" s="71">
        <v>1</v>
      </c>
      <c r="HN35" s="68">
        <v>0</v>
      </c>
      <c r="HO35" s="69">
        <v>0</v>
      </c>
      <c r="HP35" s="70">
        <v>0</v>
      </c>
      <c r="HQ35" s="159"/>
      <c r="HR35" s="69">
        <v>1</v>
      </c>
      <c r="HS35" s="69">
        <v>0</v>
      </c>
      <c r="HT35" s="69">
        <v>0</v>
      </c>
      <c r="HU35" s="69">
        <v>0</v>
      </c>
      <c r="HV35" s="69">
        <v>0</v>
      </c>
      <c r="HW35" s="70">
        <v>1</v>
      </c>
      <c r="HX35" s="71">
        <v>1</v>
      </c>
      <c r="HY35" s="68">
        <v>1</v>
      </c>
      <c r="HZ35" s="69">
        <v>0</v>
      </c>
      <c r="IA35" s="70">
        <v>1</v>
      </c>
      <c r="IB35" s="159"/>
      <c r="IC35" s="69">
        <v>2</v>
      </c>
      <c r="ID35" s="69">
        <v>1</v>
      </c>
      <c r="IE35" s="69">
        <v>0</v>
      </c>
      <c r="IF35" s="69">
        <v>0</v>
      </c>
      <c r="IG35" s="69">
        <v>0</v>
      </c>
      <c r="IH35" s="70">
        <v>3</v>
      </c>
      <c r="II35" s="71">
        <v>4</v>
      </c>
      <c r="IJ35" s="68">
        <v>0</v>
      </c>
      <c r="IK35" s="69">
        <v>0</v>
      </c>
      <c r="IL35" s="70">
        <v>0</v>
      </c>
      <c r="IM35" s="159"/>
      <c r="IN35" s="69">
        <v>1</v>
      </c>
      <c r="IO35" s="69">
        <v>2</v>
      </c>
      <c r="IP35" s="69">
        <v>1</v>
      </c>
      <c r="IQ35" s="69">
        <v>0</v>
      </c>
      <c r="IR35" s="69">
        <v>2</v>
      </c>
      <c r="IS35" s="70">
        <v>6</v>
      </c>
      <c r="IT35" s="71">
        <v>6</v>
      </c>
      <c r="IU35" s="68">
        <v>0</v>
      </c>
      <c r="IV35" s="69">
        <v>2</v>
      </c>
      <c r="IW35" s="70">
        <v>2</v>
      </c>
      <c r="IX35" s="159"/>
      <c r="IY35" s="69">
        <v>5</v>
      </c>
      <c r="IZ35" s="69">
        <v>4</v>
      </c>
      <c r="JA35" s="69">
        <v>4</v>
      </c>
      <c r="JB35" s="69">
        <v>2</v>
      </c>
      <c r="JC35" s="69">
        <v>1</v>
      </c>
      <c r="JD35" s="70">
        <v>16</v>
      </c>
      <c r="JE35" s="71">
        <v>18</v>
      </c>
      <c r="JF35" s="68">
        <v>0</v>
      </c>
      <c r="JG35" s="69">
        <v>1</v>
      </c>
      <c r="JH35" s="70">
        <v>1</v>
      </c>
      <c r="JI35" s="159"/>
      <c r="JJ35" s="69">
        <v>4</v>
      </c>
      <c r="JK35" s="69">
        <v>2</v>
      </c>
      <c r="JL35" s="69">
        <v>2</v>
      </c>
      <c r="JM35" s="69">
        <v>4</v>
      </c>
      <c r="JN35" s="69">
        <v>0</v>
      </c>
      <c r="JO35" s="70">
        <v>12</v>
      </c>
      <c r="JP35" s="71">
        <v>13</v>
      </c>
      <c r="JQ35" s="68">
        <v>0</v>
      </c>
      <c r="JR35" s="69">
        <v>0</v>
      </c>
      <c r="JS35" s="70">
        <v>0</v>
      </c>
      <c r="JT35" s="159"/>
      <c r="JU35" s="69">
        <v>0</v>
      </c>
      <c r="JV35" s="69">
        <v>0</v>
      </c>
      <c r="JW35" s="69">
        <v>0</v>
      </c>
      <c r="JX35" s="69">
        <v>0</v>
      </c>
      <c r="JY35" s="69">
        <v>0</v>
      </c>
      <c r="JZ35" s="70">
        <v>0</v>
      </c>
      <c r="KA35" s="71">
        <v>0</v>
      </c>
      <c r="KB35" s="68">
        <v>1</v>
      </c>
      <c r="KC35" s="69">
        <v>3</v>
      </c>
      <c r="KD35" s="70">
        <v>4</v>
      </c>
      <c r="KE35" s="159"/>
      <c r="KF35" s="69">
        <v>14</v>
      </c>
      <c r="KG35" s="69">
        <v>9</v>
      </c>
      <c r="KH35" s="69">
        <v>7</v>
      </c>
      <c r="KI35" s="69">
        <v>6</v>
      </c>
      <c r="KJ35" s="69">
        <v>3</v>
      </c>
      <c r="KK35" s="70">
        <v>39</v>
      </c>
      <c r="KL35" s="71">
        <v>43</v>
      </c>
    </row>
    <row r="36" spans="1:298" ht="19.5" customHeight="1" x14ac:dyDescent="0.2">
      <c r="A36" s="111" t="s">
        <v>33</v>
      </c>
      <c r="B36" s="215">
        <v>4</v>
      </c>
      <c r="C36" s="80">
        <v>1</v>
      </c>
      <c r="D36" s="81">
        <v>5</v>
      </c>
      <c r="E36" s="159"/>
      <c r="F36" s="80">
        <v>6</v>
      </c>
      <c r="G36" s="80">
        <v>5</v>
      </c>
      <c r="H36" s="80">
        <v>3</v>
      </c>
      <c r="I36" s="80">
        <v>0</v>
      </c>
      <c r="J36" s="80">
        <v>2</v>
      </c>
      <c r="K36" s="82">
        <v>16</v>
      </c>
      <c r="L36" s="83">
        <v>21</v>
      </c>
      <c r="M36" s="68">
        <v>0</v>
      </c>
      <c r="N36" s="69">
        <v>0</v>
      </c>
      <c r="O36" s="70">
        <v>0</v>
      </c>
      <c r="P36" s="159"/>
      <c r="Q36" s="69">
        <v>0</v>
      </c>
      <c r="R36" s="69">
        <v>0</v>
      </c>
      <c r="S36" s="69">
        <v>1</v>
      </c>
      <c r="T36" s="69">
        <v>0</v>
      </c>
      <c r="U36" s="69">
        <v>0</v>
      </c>
      <c r="V36" s="70">
        <v>1</v>
      </c>
      <c r="W36" s="71">
        <v>1</v>
      </c>
      <c r="X36" s="68">
        <v>1</v>
      </c>
      <c r="Y36" s="69">
        <v>0</v>
      </c>
      <c r="Z36" s="70">
        <v>1</v>
      </c>
      <c r="AA36" s="159"/>
      <c r="AB36" s="69">
        <v>0</v>
      </c>
      <c r="AC36" s="69">
        <v>1</v>
      </c>
      <c r="AD36" s="69">
        <v>0</v>
      </c>
      <c r="AE36" s="69">
        <v>0</v>
      </c>
      <c r="AF36" s="69">
        <v>0</v>
      </c>
      <c r="AG36" s="70">
        <v>1</v>
      </c>
      <c r="AH36" s="71">
        <v>2</v>
      </c>
      <c r="AI36" s="68">
        <v>2</v>
      </c>
      <c r="AJ36" s="69">
        <v>0</v>
      </c>
      <c r="AK36" s="70">
        <v>2</v>
      </c>
      <c r="AL36" s="159"/>
      <c r="AM36" s="69">
        <v>1</v>
      </c>
      <c r="AN36" s="69">
        <v>0</v>
      </c>
      <c r="AO36" s="69">
        <v>0</v>
      </c>
      <c r="AP36" s="69">
        <v>0</v>
      </c>
      <c r="AQ36" s="69">
        <v>1</v>
      </c>
      <c r="AR36" s="70">
        <v>2</v>
      </c>
      <c r="AS36" s="71">
        <v>4</v>
      </c>
      <c r="AT36" s="68">
        <v>0</v>
      </c>
      <c r="AU36" s="69">
        <v>0</v>
      </c>
      <c r="AV36" s="70">
        <v>0</v>
      </c>
      <c r="AW36" s="159"/>
      <c r="AX36" s="69">
        <v>1</v>
      </c>
      <c r="AY36" s="69">
        <v>1</v>
      </c>
      <c r="AZ36" s="69">
        <v>1</v>
      </c>
      <c r="BA36" s="69">
        <v>0</v>
      </c>
      <c r="BB36" s="69">
        <v>1</v>
      </c>
      <c r="BC36" s="70">
        <v>4</v>
      </c>
      <c r="BD36" s="71">
        <v>4</v>
      </c>
      <c r="BE36" s="68">
        <v>1</v>
      </c>
      <c r="BF36" s="69">
        <v>0</v>
      </c>
      <c r="BG36" s="70">
        <v>1</v>
      </c>
      <c r="BH36" s="159"/>
      <c r="BI36" s="69">
        <v>0</v>
      </c>
      <c r="BJ36" s="69">
        <v>2</v>
      </c>
      <c r="BK36" s="69">
        <v>1</v>
      </c>
      <c r="BL36" s="69">
        <v>0</v>
      </c>
      <c r="BM36" s="69">
        <v>0</v>
      </c>
      <c r="BN36" s="70">
        <v>3</v>
      </c>
      <c r="BO36" s="71">
        <v>4</v>
      </c>
      <c r="BP36" s="68">
        <v>0</v>
      </c>
      <c r="BQ36" s="69">
        <v>1</v>
      </c>
      <c r="BR36" s="70">
        <v>1</v>
      </c>
      <c r="BS36" s="159"/>
      <c r="BT36" s="69">
        <v>4</v>
      </c>
      <c r="BU36" s="69">
        <v>1</v>
      </c>
      <c r="BV36" s="69">
        <v>0</v>
      </c>
      <c r="BW36" s="69">
        <v>0</v>
      </c>
      <c r="BX36" s="69">
        <v>0</v>
      </c>
      <c r="BY36" s="70">
        <v>5</v>
      </c>
      <c r="BZ36" s="71">
        <v>6</v>
      </c>
      <c r="CA36" s="68">
        <v>0</v>
      </c>
      <c r="CB36" s="69">
        <v>0</v>
      </c>
      <c r="CC36" s="70">
        <v>0</v>
      </c>
      <c r="CD36" s="159"/>
      <c r="CE36" s="69">
        <v>0</v>
      </c>
      <c r="CF36" s="69">
        <v>0</v>
      </c>
      <c r="CG36" s="69">
        <v>0</v>
      </c>
      <c r="CH36" s="69">
        <v>0</v>
      </c>
      <c r="CI36" s="69">
        <v>0</v>
      </c>
      <c r="CJ36" s="70">
        <v>0</v>
      </c>
      <c r="CK36" s="71">
        <v>0</v>
      </c>
      <c r="CL36" s="68">
        <v>4</v>
      </c>
      <c r="CM36" s="69">
        <v>1</v>
      </c>
      <c r="CN36" s="70">
        <v>5</v>
      </c>
      <c r="CO36" s="159"/>
      <c r="CP36" s="69">
        <v>6</v>
      </c>
      <c r="CQ36" s="69">
        <v>5</v>
      </c>
      <c r="CR36" s="69">
        <v>3</v>
      </c>
      <c r="CS36" s="69">
        <v>0</v>
      </c>
      <c r="CT36" s="69">
        <v>2</v>
      </c>
      <c r="CU36" s="70">
        <v>16</v>
      </c>
      <c r="CV36" s="71">
        <v>21</v>
      </c>
      <c r="CW36" s="108">
        <v>1</v>
      </c>
      <c r="CX36" s="80">
        <v>2</v>
      </c>
      <c r="CY36" s="81">
        <v>3</v>
      </c>
      <c r="CZ36" s="159"/>
      <c r="DA36" s="80">
        <v>1</v>
      </c>
      <c r="DB36" s="80">
        <v>0</v>
      </c>
      <c r="DC36" s="80">
        <v>0</v>
      </c>
      <c r="DD36" s="80">
        <v>1</v>
      </c>
      <c r="DE36" s="80">
        <v>1</v>
      </c>
      <c r="DF36" s="82">
        <v>3</v>
      </c>
      <c r="DG36" s="83">
        <v>6</v>
      </c>
      <c r="DH36" s="68">
        <v>0</v>
      </c>
      <c r="DI36" s="69">
        <v>0</v>
      </c>
      <c r="DJ36" s="70">
        <v>0</v>
      </c>
      <c r="DK36" s="159"/>
      <c r="DL36" s="69">
        <v>0</v>
      </c>
      <c r="DM36" s="69">
        <v>0</v>
      </c>
      <c r="DN36" s="69">
        <v>0</v>
      </c>
      <c r="DO36" s="69">
        <v>0</v>
      </c>
      <c r="DP36" s="69">
        <v>0</v>
      </c>
      <c r="DQ36" s="70">
        <v>0</v>
      </c>
      <c r="DR36" s="71">
        <v>0</v>
      </c>
      <c r="DS36" s="68">
        <v>0</v>
      </c>
      <c r="DT36" s="69">
        <v>0</v>
      </c>
      <c r="DU36" s="70">
        <v>0</v>
      </c>
      <c r="DV36" s="159"/>
      <c r="DW36" s="69">
        <v>0</v>
      </c>
      <c r="DX36" s="69">
        <v>0</v>
      </c>
      <c r="DY36" s="69">
        <v>0</v>
      </c>
      <c r="DZ36" s="69">
        <v>0</v>
      </c>
      <c r="EA36" s="69">
        <v>0</v>
      </c>
      <c r="EB36" s="70">
        <v>0</v>
      </c>
      <c r="EC36" s="71">
        <v>0</v>
      </c>
      <c r="ED36" s="68">
        <v>0</v>
      </c>
      <c r="EE36" s="69">
        <v>0</v>
      </c>
      <c r="EF36" s="70">
        <v>0</v>
      </c>
      <c r="EG36" s="159"/>
      <c r="EH36" s="69">
        <v>0</v>
      </c>
      <c r="EI36" s="69">
        <v>0</v>
      </c>
      <c r="EJ36" s="69">
        <v>0</v>
      </c>
      <c r="EK36" s="69">
        <v>0</v>
      </c>
      <c r="EL36" s="69">
        <v>0</v>
      </c>
      <c r="EM36" s="70">
        <v>0</v>
      </c>
      <c r="EN36" s="71">
        <v>0</v>
      </c>
      <c r="EO36" s="68">
        <v>0</v>
      </c>
      <c r="EP36" s="69">
        <v>0</v>
      </c>
      <c r="EQ36" s="70">
        <v>0</v>
      </c>
      <c r="ER36" s="159"/>
      <c r="ES36" s="69">
        <v>0</v>
      </c>
      <c r="ET36" s="69">
        <v>0</v>
      </c>
      <c r="EU36" s="69">
        <v>0</v>
      </c>
      <c r="EV36" s="69">
        <v>0</v>
      </c>
      <c r="EW36" s="69">
        <v>0</v>
      </c>
      <c r="EX36" s="70">
        <v>0</v>
      </c>
      <c r="EY36" s="71">
        <v>0</v>
      </c>
      <c r="EZ36" s="68">
        <v>1</v>
      </c>
      <c r="FA36" s="69">
        <v>1</v>
      </c>
      <c r="FB36" s="70">
        <v>2</v>
      </c>
      <c r="FC36" s="159"/>
      <c r="FD36" s="69">
        <v>0</v>
      </c>
      <c r="FE36" s="69">
        <v>0</v>
      </c>
      <c r="FF36" s="69">
        <v>0</v>
      </c>
      <c r="FG36" s="69">
        <v>1</v>
      </c>
      <c r="FH36" s="69">
        <v>1</v>
      </c>
      <c r="FI36" s="70">
        <v>2</v>
      </c>
      <c r="FJ36" s="71">
        <v>4</v>
      </c>
      <c r="FK36" s="68">
        <v>0</v>
      </c>
      <c r="FL36" s="69">
        <v>1</v>
      </c>
      <c r="FM36" s="70">
        <v>1</v>
      </c>
      <c r="FN36" s="159"/>
      <c r="FO36" s="69">
        <v>1</v>
      </c>
      <c r="FP36" s="69">
        <v>0</v>
      </c>
      <c r="FQ36" s="69">
        <v>0</v>
      </c>
      <c r="FR36" s="69">
        <v>0</v>
      </c>
      <c r="FS36" s="69">
        <v>0</v>
      </c>
      <c r="FT36" s="70">
        <v>1</v>
      </c>
      <c r="FU36" s="71">
        <v>2</v>
      </c>
      <c r="FV36" s="68">
        <v>0</v>
      </c>
      <c r="FW36" s="69">
        <v>0</v>
      </c>
      <c r="FX36" s="70">
        <v>0</v>
      </c>
      <c r="FY36" s="159"/>
      <c r="FZ36" s="69">
        <v>0</v>
      </c>
      <c r="GA36" s="69">
        <v>0</v>
      </c>
      <c r="GB36" s="69">
        <v>0</v>
      </c>
      <c r="GC36" s="69">
        <v>0</v>
      </c>
      <c r="GD36" s="69">
        <v>0</v>
      </c>
      <c r="GE36" s="70">
        <v>0</v>
      </c>
      <c r="GF36" s="71">
        <v>0</v>
      </c>
      <c r="GG36" s="68">
        <v>1</v>
      </c>
      <c r="GH36" s="69">
        <v>2</v>
      </c>
      <c r="GI36" s="70">
        <v>3</v>
      </c>
      <c r="GJ36" s="159"/>
      <c r="GK36" s="69">
        <v>1</v>
      </c>
      <c r="GL36" s="69">
        <v>0</v>
      </c>
      <c r="GM36" s="69">
        <v>0</v>
      </c>
      <c r="GN36" s="69">
        <v>1</v>
      </c>
      <c r="GO36" s="69">
        <v>1</v>
      </c>
      <c r="GP36" s="70">
        <v>3</v>
      </c>
      <c r="GQ36" s="71">
        <v>6</v>
      </c>
      <c r="GR36" s="108">
        <v>5</v>
      </c>
      <c r="GS36" s="80">
        <v>3</v>
      </c>
      <c r="GT36" s="81">
        <v>8</v>
      </c>
      <c r="GU36" s="159"/>
      <c r="GV36" s="80">
        <v>7</v>
      </c>
      <c r="GW36" s="80">
        <v>5</v>
      </c>
      <c r="GX36" s="80">
        <v>3</v>
      </c>
      <c r="GY36" s="80">
        <v>1</v>
      </c>
      <c r="GZ36" s="80">
        <v>3</v>
      </c>
      <c r="HA36" s="82">
        <v>19</v>
      </c>
      <c r="HB36" s="83">
        <v>27</v>
      </c>
      <c r="HC36" s="68">
        <v>0</v>
      </c>
      <c r="HD36" s="69">
        <v>0</v>
      </c>
      <c r="HE36" s="70">
        <v>0</v>
      </c>
      <c r="HF36" s="159"/>
      <c r="HG36" s="69">
        <v>0</v>
      </c>
      <c r="HH36" s="69">
        <v>0</v>
      </c>
      <c r="HI36" s="69">
        <v>1</v>
      </c>
      <c r="HJ36" s="69">
        <v>0</v>
      </c>
      <c r="HK36" s="69">
        <v>0</v>
      </c>
      <c r="HL36" s="70">
        <v>1</v>
      </c>
      <c r="HM36" s="71">
        <v>1</v>
      </c>
      <c r="HN36" s="68">
        <v>1</v>
      </c>
      <c r="HO36" s="69">
        <v>0</v>
      </c>
      <c r="HP36" s="70">
        <v>1</v>
      </c>
      <c r="HQ36" s="159"/>
      <c r="HR36" s="69">
        <v>0</v>
      </c>
      <c r="HS36" s="69">
        <v>1</v>
      </c>
      <c r="HT36" s="69">
        <v>0</v>
      </c>
      <c r="HU36" s="69">
        <v>0</v>
      </c>
      <c r="HV36" s="69">
        <v>0</v>
      </c>
      <c r="HW36" s="70">
        <v>1</v>
      </c>
      <c r="HX36" s="71">
        <v>2</v>
      </c>
      <c r="HY36" s="68">
        <v>2</v>
      </c>
      <c r="HZ36" s="69">
        <v>0</v>
      </c>
      <c r="IA36" s="70">
        <v>2</v>
      </c>
      <c r="IB36" s="159"/>
      <c r="IC36" s="69">
        <v>1</v>
      </c>
      <c r="ID36" s="69">
        <v>0</v>
      </c>
      <c r="IE36" s="69">
        <v>0</v>
      </c>
      <c r="IF36" s="69">
        <v>0</v>
      </c>
      <c r="IG36" s="69">
        <v>1</v>
      </c>
      <c r="IH36" s="70">
        <v>2</v>
      </c>
      <c r="II36" s="71">
        <v>4</v>
      </c>
      <c r="IJ36" s="68">
        <v>0</v>
      </c>
      <c r="IK36" s="69">
        <v>0</v>
      </c>
      <c r="IL36" s="70">
        <v>0</v>
      </c>
      <c r="IM36" s="159"/>
      <c r="IN36" s="69">
        <v>1</v>
      </c>
      <c r="IO36" s="69">
        <v>1</v>
      </c>
      <c r="IP36" s="69">
        <v>1</v>
      </c>
      <c r="IQ36" s="69">
        <v>0</v>
      </c>
      <c r="IR36" s="69">
        <v>1</v>
      </c>
      <c r="IS36" s="70">
        <v>4</v>
      </c>
      <c r="IT36" s="71">
        <v>4</v>
      </c>
      <c r="IU36" s="68">
        <v>2</v>
      </c>
      <c r="IV36" s="69">
        <v>1</v>
      </c>
      <c r="IW36" s="70">
        <v>3</v>
      </c>
      <c r="IX36" s="159"/>
      <c r="IY36" s="69">
        <v>0</v>
      </c>
      <c r="IZ36" s="69">
        <v>2</v>
      </c>
      <c r="JA36" s="69">
        <v>1</v>
      </c>
      <c r="JB36" s="69">
        <v>1</v>
      </c>
      <c r="JC36" s="69">
        <v>1</v>
      </c>
      <c r="JD36" s="70">
        <v>5</v>
      </c>
      <c r="JE36" s="71">
        <v>8</v>
      </c>
      <c r="JF36" s="68">
        <v>0</v>
      </c>
      <c r="JG36" s="69">
        <v>2</v>
      </c>
      <c r="JH36" s="70">
        <v>2</v>
      </c>
      <c r="JI36" s="159"/>
      <c r="JJ36" s="69">
        <v>5</v>
      </c>
      <c r="JK36" s="69">
        <v>1</v>
      </c>
      <c r="JL36" s="69">
        <v>0</v>
      </c>
      <c r="JM36" s="69">
        <v>0</v>
      </c>
      <c r="JN36" s="69">
        <v>0</v>
      </c>
      <c r="JO36" s="70">
        <v>6</v>
      </c>
      <c r="JP36" s="71">
        <v>8</v>
      </c>
      <c r="JQ36" s="68">
        <v>0</v>
      </c>
      <c r="JR36" s="69">
        <v>0</v>
      </c>
      <c r="JS36" s="70">
        <v>0</v>
      </c>
      <c r="JT36" s="159"/>
      <c r="JU36" s="69">
        <v>0</v>
      </c>
      <c r="JV36" s="69">
        <v>0</v>
      </c>
      <c r="JW36" s="69">
        <v>0</v>
      </c>
      <c r="JX36" s="69">
        <v>0</v>
      </c>
      <c r="JY36" s="69">
        <v>0</v>
      </c>
      <c r="JZ36" s="70">
        <v>0</v>
      </c>
      <c r="KA36" s="71">
        <v>0</v>
      </c>
      <c r="KB36" s="68">
        <v>5</v>
      </c>
      <c r="KC36" s="69">
        <v>3</v>
      </c>
      <c r="KD36" s="70">
        <v>8</v>
      </c>
      <c r="KE36" s="159"/>
      <c r="KF36" s="69">
        <v>7</v>
      </c>
      <c r="KG36" s="69">
        <v>5</v>
      </c>
      <c r="KH36" s="69">
        <v>3</v>
      </c>
      <c r="KI36" s="69">
        <v>1</v>
      </c>
      <c r="KJ36" s="69">
        <v>3</v>
      </c>
      <c r="KK36" s="70">
        <v>19</v>
      </c>
      <c r="KL36" s="71">
        <v>27</v>
      </c>
    </row>
    <row r="37" spans="1:298" ht="19.5" customHeight="1" x14ac:dyDescent="0.2">
      <c r="A37" s="111" t="s">
        <v>34</v>
      </c>
      <c r="B37" s="215">
        <v>3</v>
      </c>
      <c r="C37" s="80">
        <v>2</v>
      </c>
      <c r="D37" s="81">
        <v>5</v>
      </c>
      <c r="E37" s="159"/>
      <c r="F37" s="80">
        <v>8</v>
      </c>
      <c r="G37" s="80">
        <v>2</v>
      </c>
      <c r="H37" s="80">
        <v>5</v>
      </c>
      <c r="I37" s="80">
        <v>0</v>
      </c>
      <c r="J37" s="80">
        <v>1</v>
      </c>
      <c r="K37" s="82">
        <v>16</v>
      </c>
      <c r="L37" s="83">
        <v>21</v>
      </c>
      <c r="M37" s="68">
        <v>0</v>
      </c>
      <c r="N37" s="69">
        <v>0</v>
      </c>
      <c r="O37" s="70">
        <v>0</v>
      </c>
      <c r="P37" s="159"/>
      <c r="Q37" s="69">
        <v>1</v>
      </c>
      <c r="R37" s="69">
        <v>1</v>
      </c>
      <c r="S37" s="69">
        <v>0</v>
      </c>
      <c r="T37" s="69">
        <v>0</v>
      </c>
      <c r="U37" s="69">
        <v>0</v>
      </c>
      <c r="V37" s="70">
        <v>2</v>
      </c>
      <c r="W37" s="71">
        <v>2</v>
      </c>
      <c r="X37" s="68">
        <v>0</v>
      </c>
      <c r="Y37" s="69">
        <v>0</v>
      </c>
      <c r="Z37" s="70">
        <v>0</v>
      </c>
      <c r="AA37" s="159"/>
      <c r="AB37" s="69">
        <v>0</v>
      </c>
      <c r="AC37" s="69">
        <v>0</v>
      </c>
      <c r="AD37" s="69">
        <v>0</v>
      </c>
      <c r="AE37" s="69">
        <v>0</v>
      </c>
      <c r="AF37" s="69">
        <v>0</v>
      </c>
      <c r="AG37" s="70">
        <v>0</v>
      </c>
      <c r="AH37" s="71">
        <v>0</v>
      </c>
      <c r="AI37" s="68">
        <v>0</v>
      </c>
      <c r="AJ37" s="69">
        <v>0</v>
      </c>
      <c r="AK37" s="70">
        <v>0</v>
      </c>
      <c r="AL37" s="159"/>
      <c r="AM37" s="69">
        <v>0</v>
      </c>
      <c r="AN37" s="69">
        <v>0</v>
      </c>
      <c r="AO37" s="69">
        <v>0</v>
      </c>
      <c r="AP37" s="69">
        <v>0</v>
      </c>
      <c r="AQ37" s="69">
        <v>0</v>
      </c>
      <c r="AR37" s="70">
        <v>0</v>
      </c>
      <c r="AS37" s="71">
        <v>0</v>
      </c>
      <c r="AT37" s="68">
        <v>1</v>
      </c>
      <c r="AU37" s="69">
        <v>2</v>
      </c>
      <c r="AV37" s="70">
        <v>3</v>
      </c>
      <c r="AW37" s="159"/>
      <c r="AX37" s="69">
        <v>2</v>
      </c>
      <c r="AY37" s="69">
        <v>0</v>
      </c>
      <c r="AZ37" s="69">
        <v>2</v>
      </c>
      <c r="BA37" s="69">
        <v>0</v>
      </c>
      <c r="BB37" s="69">
        <v>0</v>
      </c>
      <c r="BC37" s="70">
        <v>4</v>
      </c>
      <c r="BD37" s="71">
        <v>7</v>
      </c>
      <c r="BE37" s="68">
        <v>1</v>
      </c>
      <c r="BF37" s="69">
        <v>0</v>
      </c>
      <c r="BG37" s="70">
        <v>1</v>
      </c>
      <c r="BH37" s="159"/>
      <c r="BI37" s="69">
        <v>2</v>
      </c>
      <c r="BJ37" s="69">
        <v>1</v>
      </c>
      <c r="BK37" s="69">
        <v>2</v>
      </c>
      <c r="BL37" s="69">
        <v>0</v>
      </c>
      <c r="BM37" s="69">
        <v>0</v>
      </c>
      <c r="BN37" s="70">
        <v>5</v>
      </c>
      <c r="BO37" s="71">
        <v>6</v>
      </c>
      <c r="BP37" s="68">
        <v>1</v>
      </c>
      <c r="BQ37" s="69">
        <v>0</v>
      </c>
      <c r="BR37" s="70">
        <v>1</v>
      </c>
      <c r="BS37" s="159"/>
      <c r="BT37" s="69">
        <v>3</v>
      </c>
      <c r="BU37" s="69">
        <v>0</v>
      </c>
      <c r="BV37" s="69">
        <v>1</v>
      </c>
      <c r="BW37" s="69">
        <v>0</v>
      </c>
      <c r="BX37" s="69">
        <v>1</v>
      </c>
      <c r="BY37" s="70">
        <v>5</v>
      </c>
      <c r="BZ37" s="71">
        <v>6</v>
      </c>
      <c r="CA37" s="68">
        <v>0</v>
      </c>
      <c r="CB37" s="69">
        <v>0</v>
      </c>
      <c r="CC37" s="70">
        <v>0</v>
      </c>
      <c r="CD37" s="159"/>
      <c r="CE37" s="69">
        <v>0</v>
      </c>
      <c r="CF37" s="69">
        <v>0</v>
      </c>
      <c r="CG37" s="69">
        <v>0</v>
      </c>
      <c r="CH37" s="69">
        <v>0</v>
      </c>
      <c r="CI37" s="69">
        <v>0</v>
      </c>
      <c r="CJ37" s="70">
        <v>0</v>
      </c>
      <c r="CK37" s="71">
        <v>0</v>
      </c>
      <c r="CL37" s="68">
        <v>3</v>
      </c>
      <c r="CM37" s="69">
        <v>2</v>
      </c>
      <c r="CN37" s="70">
        <v>5</v>
      </c>
      <c r="CO37" s="159"/>
      <c r="CP37" s="69">
        <v>8</v>
      </c>
      <c r="CQ37" s="69">
        <v>2</v>
      </c>
      <c r="CR37" s="69">
        <v>5</v>
      </c>
      <c r="CS37" s="69">
        <v>0</v>
      </c>
      <c r="CT37" s="69">
        <v>1</v>
      </c>
      <c r="CU37" s="70">
        <v>16</v>
      </c>
      <c r="CV37" s="71">
        <v>21</v>
      </c>
      <c r="CW37" s="108">
        <v>0</v>
      </c>
      <c r="CX37" s="80">
        <v>0</v>
      </c>
      <c r="CY37" s="81">
        <v>0</v>
      </c>
      <c r="CZ37" s="159"/>
      <c r="DA37" s="80">
        <v>1</v>
      </c>
      <c r="DB37" s="80">
        <v>1</v>
      </c>
      <c r="DC37" s="80">
        <v>0</v>
      </c>
      <c r="DD37" s="80">
        <v>0</v>
      </c>
      <c r="DE37" s="80">
        <v>1</v>
      </c>
      <c r="DF37" s="82">
        <v>3</v>
      </c>
      <c r="DG37" s="83">
        <v>3</v>
      </c>
      <c r="DH37" s="68">
        <v>0</v>
      </c>
      <c r="DI37" s="69">
        <v>0</v>
      </c>
      <c r="DJ37" s="70">
        <v>0</v>
      </c>
      <c r="DK37" s="159"/>
      <c r="DL37" s="69">
        <v>0</v>
      </c>
      <c r="DM37" s="69">
        <v>0</v>
      </c>
      <c r="DN37" s="69">
        <v>0</v>
      </c>
      <c r="DO37" s="69">
        <v>0</v>
      </c>
      <c r="DP37" s="69">
        <v>0</v>
      </c>
      <c r="DQ37" s="70">
        <v>0</v>
      </c>
      <c r="DR37" s="71">
        <v>0</v>
      </c>
      <c r="DS37" s="68">
        <v>0</v>
      </c>
      <c r="DT37" s="69">
        <v>0</v>
      </c>
      <c r="DU37" s="70">
        <v>0</v>
      </c>
      <c r="DV37" s="159"/>
      <c r="DW37" s="69">
        <v>0</v>
      </c>
      <c r="DX37" s="69">
        <v>0</v>
      </c>
      <c r="DY37" s="69">
        <v>0</v>
      </c>
      <c r="DZ37" s="69">
        <v>0</v>
      </c>
      <c r="EA37" s="69">
        <v>0</v>
      </c>
      <c r="EB37" s="70">
        <v>0</v>
      </c>
      <c r="EC37" s="71">
        <v>0</v>
      </c>
      <c r="ED37" s="68">
        <v>0</v>
      </c>
      <c r="EE37" s="69">
        <v>0</v>
      </c>
      <c r="EF37" s="70">
        <v>0</v>
      </c>
      <c r="EG37" s="159"/>
      <c r="EH37" s="69">
        <v>0</v>
      </c>
      <c r="EI37" s="69">
        <v>0</v>
      </c>
      <c r="EJ37" s="69">
        <v>0</v>
      </c>
      <c r="EK37" s="69">
        <v>0</v>
      </c>
      <c r="EL37" s="69">
        <v>0</v>
      </c>
      <c r="EM37" s="70">
        <v>0</v>
      </c>
      <c r="EN37" s="71">
        <v>0</v>
      </c>
      <c r="EO37" s="68">
        <v>0</v>
      </c>
      <c r="EP37" s="69">
        <v>0</v>
      </c>
      <c r="EQ37" s="70">
        <v>0</v>
      </c>
      <c r="ER37" s="159"/>
      <c r="ES37" s="69">
        <v>0</v>
      </c>
      <c r="ET37" s="69">
        <v>0</v>
      </c>
      <c r="EU37" s="69">
        <v>0</v>
      </c>
      <c r="EV37" s="69">
        <v>0</v>
      </c>
      <c r="EW37" s="69">
        <v>0</v>
      </c>
      <c r="EX37" s="70">
        <v>0</v>
      </c>
      <c r="EY37" s="71">
        <v>0</v>
      </c>
      <c r="EZ37" s="68">
        <v>0</v>
      </c>
      <c r="FA37" s="69">
        <v>0</v>
      </c>
      <c r="FB37" s="70">
        <v>0</v>
      </c>
      <c r="FC37" s="159"/>
      <c r="FD37" s="69">
        <v>1</v>
      </c>
      <c r="FE37" s="69">
        <v>0</v>
      </c>
      <c r="FF37" s="69">
        <v>0</v>
      </c>
      <c r="FG37" s="69">
        <v>0</v>
      </c>
      <c r="FH37" s="69">
        <v>0</v>
      </c>
      <c r="FI37" s="70">
        <v>1</v>
      </c>
      <c r="FJ37" s="71">
        <v>1</v>
      </c>
      <c r="FK37" s="68">
        <v>0</v>
      </c>
      <c r="FL37" s="69">
        <v>0</v>
      </c>
      <c r="FM37" s="70">
        <v>0</v>
      </c>
      <c r="FN37" s="159"/>
      <c r="FO37" s="69">
        <v>0</v>
      </c>
      <c r="FP37" s="69">
        <v>1</v>
      </c>
      <c r="FQ37" s="69">
        <v>0</v>
      </c>
      <c r="FR37" s="69">
        <v>0</v>
      </c>
      <c r="FS37" s="69">
        <v>1</v>
      </c>
      <c r="FT37" s="70">
        <v>2</v>
      </c>
      <c r="FU37" s="71">
        <v>2</v>
      </c>
      <c r="FV37" s="68">
        <v>0</v>
      </c>
      <c r="FW37" s="69">
        <v>0</v>
      </c>
      <c r="FX37" s="70">
        <v>0</v>
      </c>
      <c r="FY37" s="159"/>
      <c r="FZ37" s="69">
        <v>0</v>
      </c>
      <c r="GA37" s="69">
        <v>0</v>
      </c>
      <c r="GB37" s="69">
        <v>0</v>
      </c>
      <c r="GC37" s="69">
        <v>0</v>
      </c>
      <c r="GD37" s="69">
        <v>0</v>
      </c>
      <c r="GE37" s="70">
        <v>0</v>
      </c>
      <c r="GF37" s="71">
        <v>0</v>
      </c>
      <c r="GG37" s="68">
        <v>0</v>
      </c>
      <c r="GH37" s="69">
        <v>0</v>
      </c>
      <c r="GI37" s="70">
        <v>0</v>
      </c>
      <c r="GJ37" s="159"/>
      <c r="GK37" s="69">
        <v>1</v>
      </c>
      <c r="GL37" s="69">
        <v>1</v>
      </c>
      <c r="GM37" s="69">
        <v>0</v>
      </c>
      <c r="GN37" s="69">
        <v>0</v>
      </c>
      <c r="GO37" s="69">
        <v>1</v>
      </c>
      <c r="GP37" s="70">
        <v>3</v>
      </c>
      <c r="GQ37" s="71">
        <v>3</v>
      </c>
      <c r="GR37" s="108">
        <v>3</v>
      </c>
      <c r="GS37" s="80">
        <v>2</v>
      </c>
      <c r="GT37" s="81">
        <v>5</v>
      </c>
      <c r="GU37" s="159"/>
      <c r="GV37" s="80">
        <v>9</v>
      </c>
      <c r="GW37" s="80">
        <v>3</v>
      </c>
      <c r="GX37" s="80">
        <v>5</v>
      </c>
      <c r="GY37" s="80">
        <v>0</v>
      </c>
      <c r="GZ37" s="80">
        <v>2</v>
      </c>
      <c r="HA37" s="82">
        <v>19</v>
      </c>
      <c r="HB37" s="83">
        <v>24</v>
      </c>
      <c r="HC37" s="68">
        <v>0</v>
      </c>
      <c r="HD37" s="69">
        <v>0</v>
      </c>
      <c r="HE37" s="70">
        <v>0</v>
      </c>
      <c r="HF37" s="159"/>
      <c r="HG37" s="69">
        <v>1</v>
      </c>
      <c r="HH37" s="69">
        <v>1</v>
      </c>
      <c r="HI37" s="69">
        <v>0</v>
      </c>
      <c r="HJ37" s="69">
        <v>0</v>
      </c>
      <c r="HK37" s="69">
        <v>0</v>
      </c>
      <c r="HL37" s="70">
        <v>2</v>
      </c>
      <c r="HM37" s="71">
        <v>2</v>
      </c>
      <c r="HN37" s="68">
        <v>0</v>
      </c>
      <c r="HO37" s="69">
        <v>0</v>
      </c>
      <c r="HP37" s="70">
        <v>0</v>
      </c>
      <c r="HQ37" s="159"/>
      <c r="HR37" s="69">
        <v>0</v>
      </c>
      <c r="HS37" s="69">
        <v>0</v>
      </c>
      <c r="HT37" s="69">
        <v>0</v>
      </c>
      <c r="HU37" s="69">
        <v>0</v>
      </c>
      <c r="HV37" s="69">
        <v>0</v>
      </c>
      <c r="HW37" s="70">
        <v>0</v>
      </c>
      <c r="HX37" s="71">
        <v>0</v>
      </c>
      <c r="HY37" s="68">
        <v>0</v>
      </c>
      <c r="HZ37" s="69">
        <v>0</v>
      </c>
      <c r="IA37" s="70">
        <v>0</v>
      </c>
      <c r="IB37" s="159"/>
      <c r="IC37" s="69">
        <v>0</v>
      </c>
      <c r="ID37" s="69">
        <v>0</v>
      </c>
      <c r="IE37" s="69">
        <v>0</v>
      </c>
      <c r="IF37" s="69">
        <v>0</v>
      </c>
      <c r="IG37" s="69">
        <v>0</v>
      </c>
      <c r="IH37" s="70">
        <v>0</v>
      </c>
      <c r="II37" s="71">
        <v>0</v>
      </c>
      <c r="IJ37" s="68">
        <v>1</v>
      </c>
      <c r="IK37" s="69">
        <v>2</v>
      </c>
      <c r="IL37" s="70">
        <v>3</v>
      </c>
      <c r="IM37" s="159"/>
      <c r="IN37" s="69">
        <v>2</v>
      </c>
      <c r="IO37" s="69">
        <v>0</v>
      </c>
      <c r="IP37" s="69">
        <v>2</v>
      </c>
      <c r="IQ37" s="69">
        <v>0</v>
      </c>
      <c r="IR37" s="69">
        <v>0</v>
      </c>
      <c r="IS37" s="70">
        <v>4</v>
      </c>
      <c r="IT37" s="71">
        <v>7</v>
      </c>
      <c r="IU37" s="68">
        <v>1</v>
      </c>
      <c r="IV37" s="69">
        <v>0</v>
      </c>
      <c r="IW37" s="70">
        <v>1</v>
      </c>
      <c r="IX37" s="159"/>
      <c r="IY37" s="69">
        <v>3</v>
      </c>
      <c r="IZ37" s="69">
        <v>1</v>
      </c>
      <c r="JA37" s="69">
        <v>2</v>
      </c>
      <c r="JB37" s="69">
        <v>0</v>
      </c>
      <c r="JC37" s="69">
        <v>0</v>
      </c>
      <c r="JD37" s="70">
        <v>6</v>
      </c>
      <c r="JE37" s="71">
        <v>7</v>
      </c>
      <c r="JF37" s="68">
        <v>1</v>
      </c>
      <c r="JG37" s="69">
        <v>0</v>
      </c>
      <c r="JH37" s="70">
        <v>1</v>
      </c>
      <c r="JI37" s="159"/>
      <c r="JJ37" s="69">
        <v>3</v>
      </c>
      <c r="JK37" s="69">
        <v>1</v>
      </c>
      <c r="JL37" s="69">
        <v>1</v>
      </c>
      <c r="JM37" s="69">
        <v>0</v>
      </c>
      <c r="JN37" s="69">
        <v>2</v>
      </c>
      <c r="JO37" s="70">
        <v>7</v>
      </c>
      <c r="JP37" s="71">
        <v>8</v>
      </c>
      <c r="JQ37" s="68">
        <v>0</v>
      </c>
      <c r="JR37" s="69">
        <v>0</v>
      </c>
      <c r="JS37" s="70">
        <v>0</v>
      </c>
      <c r="JT37" s="159"/>
      <c r="JU37" s="69">
        <v>0</v>
      </c>
      <c r="JV37" s="69">
        <v>0</v>
      </c>
      <c r="JW37" s="69">
        <v>0</v>
      </c>
      <c r="JX37" s="69">
        <v>0</v>
      </c>
      <c r="JY37" s="69">
        <v>0</v>
      </c>
      <c r="JZ37" s="70">
        <v>0</v>
      </c>
      <c r="KA37" s="71">
        <v>0</v>
      </c>
      <c r="KB37" s="68">
        <v>3</v>
      </c>
      <c r="KC37" s="69">
        <v>2</v>
      </c>
      <c r="KD37" s="70">
        <v>5</v>
      </c>
      <c r="KE37" s="159"/>
      <c r="KF37" s="69">
        <v>9</v>
      </c>
      <c r="KG37" s="69">
        <v>3</v>
      </c>
      <c r="KH37" s="69">
        <v>5</v>
      </c>
      <c r="KI37" s="69">
        <v>0</v>
      </c>
      <c r="KJ37" s="69">
        <v>2</v>
      </c>
      <c r="KK37" s="70">
        <v>19</v>
      </c>
      <c r="KL37" s="71">
        <v>24</v>
      </c>
    </row>
    <row r="38" spans="1:298" ht="19.5" customHeight="1" x14ac:dyDescent="0.2">
      <c r="A38" s="111" t="s">
        <v>35</v>
      </c>
      <c r="B38" s="215">
        <v>8</v>
      </c>
      <c r="C38" s="80">
        <v>6</v>
      </c>
      <c r="D38" s="81">
        <v>14</v>
      </c>
      <c r="E38" s="159"/>
      <c r="F38" s="80">
        <v>14</v>
      </c>
      <c r="G38" s="80">
        <v>14</v>
      </c>
      <c r="H38" s="80">
        <v>6</v>
      </c>
      <c r="I38" s="80">
        <v>7</v>
      </c>
      <c r="J38" s="80">
        <v>2</v>
      </c>
      <c r="K38" s="82">
        <v>43</v>
      </c>
      <c r="L38" s="83">
        <v>57</v>
      </c>
      <c r="M38" s="68">
        <v>0</v>
      </c>
      <c r="N38" s="69">
        <v>0</v>
      </c>
      <c r="O38" s="70">
        <v>0</v>
      </c>
      <c r="P38" s="159"/>
      <c r="Q38" s="69">
        <v>0</v>
      </c>
      <c r="R38" s="69">
        <v>0</v>
      </c>
      <c r="S38" s="69">
        <v>0</v>
      </c>
      <c r="T38" s="69">
        <v>0</v>
      </c>
      <c r="U38" s="69">
        <v>0</v>
      </c>
      <c r="V38" s="70">
        <v>0</v>
      </c>
      <c r="W38" s="71">
        <v>0</v>
      </c>
      <c r="X38" s="68">
        <v>1</v>
      </c>
      <c r="Y38" s="69">
        <v>1</v>
      </c>
      <c r="Z38" s="70">
        <v>2</v>
      </c>
      <c r="AA38" s="159"/>
      <c r="AB38" s="69">
        <v>0</v>
      </c>
      <c r="AC38" s="69">
        <v>0</v>
      </c>
      <c r="AD38" s="69">
        <v>0</v>
      </c>
      <c r="AE38" s="69">
        <v>0</v>
      </c>
      <c r="AF38" s="69">
        <v>0</v>
      </c>
      <c r="AG38" s="70">
        <v>0</v>
      </c>
      <c r="AH38" s="71">
        <v>2</v>
      </c>
      <c r="AI38" s="68">
        <v>1</v>
      </c>
      <c r="AJ38" s="69">
        <v>1</v>
      </c>
      <c r="AK38" s="70">
        <v>2</v>
      </c>
      <c r="AL38" s="159"/>
      <c r="AM38" s="69">
        <v>3</v>
      </c>
      <c r="AN38" s="69">
        <v>1</v>
      </c>
      <c r="AO38" s="69">
        <v>1</v>
      </c>
      <c r="AP38" s="69">
        <v>1</v>
      </c>
      <c r="AQ38" s="69">
        <v>0</v>
      </c>
      <c r="AR38" s="70">
        <v>6</v>
      </c>
      <c r="AS38" s="71">
        <v>8</v>
      </c>
      <c r="AT38" s="68">
        <v>2</v>
      </c>
      <c r="AU38" s="69">
        <v>2</v>
      </c>
      <c r="AV38" s="70">
        <v>4</v>
      </c>
      <c r="AW38" s="159"/>
      <c r="AX38" s="69">
        <v>3</v>
      </c>
      <c r="AY38" s="69">
        <v>2</v>
      </c>
      <c r="AZ38" s="69">
        <v>3</v>
      </c>
      <c r="BA38" s="69">
        <v>2</v>
      </c>
      <c r="BB38" s="69">
        <v>0</v>
      </c>
      <c r="BC38" s="70">
        <v>10</v>
      </c>
      <c r="BD38" s="71">
        <v>14</v>
      </c>
      <c r="BE38" s="68">
        <v>2</v>
      </c>
      <c r="BF38" s="69">
        <v>2</v>
      </c>
      <c r="BG38" s="70">
        <v>4</v>
      </c>
      <c r="BH38" s="159"/>
      <c r="BI38" s="69">
        <v>2</v>
      </c>
      <c r="BJ38" s="69">
        <v>4</v>
      </c>
      <c r="BK38" s="69">
        <v>0</v>
      </c>
      <c r="BL38" s="69">
        <v>1</v>
      </c>
      <c r="BM38" s="69">
        <v>1</v>
      </c>
      <c r="BN38" s="70">
        <v>8</v>
      </c>
      <c r="BO38" s="71">
        <v>12</v>
      </c>
      <c r="BP38" s="68">
        <v>2</v>
      </c>
      <c r="BQ38" s="69">
        <v>0</v>
      </c>
      <c r="BR38" s="70">
        <v>2</v>
      </c>
      <c r="BS38" s="159"/>
      <c r="BT38" s="69">
        <v>6</v>
      </c>
      <c r="BU38" s="69">
        <v>7</v>
      </c>
      <c r="BV38" s="69">
        <v>2</v>
      </c>
      <c r="BW38" s="69">
        <v>3</v>
      </c>
      <c r="BX38" s="69">
        <v>1</v>
      </c>
      <c r="BY38" s="70">
        <v>19</v>
      </c>
      <c r="BZ38" s="71">
        <v>21</v>
      </c>
      <c r="CA38" s="68">
        <v>0</v>
      </c>
      <c r="CB38" s="69">
        <v>0</v>
      </c>
      <c r="CC38" s="70">
        <v>0</v>
      </c>
      <c r="CD38" s="159"/>
      <c r="CE38" s="69">
        <v>0</v>
      </c>
      <c r="CF38" s="69">
        <v>0</v>
      </c>
      <c r="CG38" s="69">
        <v>0</v>
      </c>
      <c r="CH38" s="69">
        <v>0</v>
      </c>
      <c r="CI38" s="69">
        <v>0</v>
      </c>
      <c r="CJ38" s="70">
        <v>0</v>
      </c>
      <c r="CK38" s="71">
        <v>0</v>
      </c>
      <c r="CL38" s="68">
        <v>8</v>
      </c>
      <c r="CM38" s="69">
        <v>6</v>
      </c>
      <c r="CN38" s="70">
        <v>14</v>
      </c>
      <c r="CO38" s="159"/>
      <c r="CP38" s="69">
        <v>14</v>
      </c>
      <c r="CQ38" s="69">
        <v>14</v>
      </c>
      <c r="CR38" s="69">
        <v>6</v>
      </c>
      <c r="CS38" s="69">
        <v>7</v>
      </c>
      <c r="CT38" s="69">
        <v>2</v>
      </c>
      <c r="CU38" s="70">
        <v>43</v>
      </c>
      <c r="CV38" s="71">
        <v>57</v>
      </c>
      <c r="CW38" s="108">
        <v>3</v>
      </c>
      <c r="CX38" s="80">
        <v>0</v>
      </c>
      <c r="CY38" s="81">
        <v>3</v>
      </c>
      <c r="CZ38" s="159"/>
      <c r="DA38" s="80">
        <v>5</v>
      </c>
      <c r="DB38" s="80">
        <v>4</v>
      </c>
      <c r="DC38" s="80">
        <v>0</v>
      </c>
      <c r="DD38" s="80">
        <v>3</v>
      </c>
      <c r="DE38" s="80">
        <v>1</v>
      </c>
      <c r="DF38" s="82">
        <v>13</v>
      </c>
      <c r="DG38" s="83">
        <v>16</v>
      </c>
      <c r="DH38" s="68">
        <v>0</v>
      </c>
      <c r="DI38" s="69">
        <v>0</v>
      </c>
      <c r="DJ38" s="70">
        <v>0</v>
      </c>
      <c r="DK38" s="159"/>
      <c r="DL38" s="69">
        <v>0</v>
      </c>
      <c r="DM38" s="69">
        <v>0</v>
      </c>
      <c r="DN38" s="69">
        <v>0</v>
      </c>
      <c r="DO38" s="69">
        <v>0</v>
      </c>
      <c r="DP38" s="69">
        <v>0</v>
      </c>
      <c r="DQ38" s="70">
        <v>0</v>
      </c>
      <c r="DR38" s="71">
        <v>0</v>
      </c>
      <c r="DS38" s="68">
        <v>0</v>
      </c>
      <c r="DT38" s="69">
        <v>0</v>
      </c>
      <c r="DU38" s="70">
        <v>0</v>
      </c>
      <c r="DV38" s="159"/>
      <c r="DW38" s="69">
        <v>1</v>
      </c>
      <c r="DX38" s="69">
        <v>0</v>
      </c>
      <c r="DY38" s="69">
        <v>0</v>
      </c>
      <c r="DZ38" s="69">
        <v>0</v>
      </c>
      <c r="EA38" s="69">
        <v>0</v>
      </c>
      <c r="EB38" s="70">
        <v>1</v>
      </c>
      <c r="EC38" s="71">
        <v>1</v>
      </c>
      <c r="ED38" s="68">
        <v>0</v>
      </c>
      <c r="EE38" s="69">
        <v>0</v>
      </c>
      <c r="EF38" s="70">
        <v>0</v>
      </c>
      <c r="EG38" s="159"/>
      <c r="EH38" s="69">
        <v>0</v>
      </c>
      <c r="EI38" s="69">
        <v>0</v>
      </c>
      <c r="EJ38" s="69">
        <v>0</v>
      </c>
      <c r="EK38" s="69">
        <v>0</v>
      </c>
      <c r="EL38" s="69">
        <v>0</v>
      </c>
      <c r="EM38" s="70">
        <v>0</v>
      </c>
      <c r="EN38" s="71">
        <v>0</v>
      </c>
      <c r="EO38" s="68">
        <v>1</v>
      </c>
      <c r="EP38" s="69">
        <v>0</v>
      </c>
      <c r="EQ38" s="70">
        <v>1</v>
      </c>
      <c r="ER38" s="159"/>
      <c r="ES38" s="69">
        <v>0</v>
      </c>
      <c r="ET38" s="69">
        <v>1</v>
      </c>
      <c r="EU38" s="69">
        <v>0</v>
      </c>
      <c r="EV38" s="69">
        <v>0</v>
      </c>
      <c r="EW38" s="69">
        <v>0</v>
      </c>
      <c r="EX38" s="70">
        <v>1</v>
      </c>
      <c r="EY38" s="71">
        <v>2</v>
      </c>
      <c r="EZ38" s="68">
        <v>0</v>
      </c>
      <c r="FA38" s="69">
        <v>0</v>
      </c>
      <c r="FB38" s="70">
        <v>0</v>
      </c>
      <c r="FC38" s="159"/>
      <c r="FD38" s="69">
        <v>2</v>
      </c>
      <c r="FE38" s="69">
        <v>1</v>
      </c>
      <c r="FF38" s="69">
        <v>0</v>
      </c>
      <c r="FG38" s="69">
        <v>1</v>
      </c>
      <c r="FH38" s="69">
        <v>0</v>
      </c>
      <c r="FI38" s="70">
        <v>4</v>
      </c>
      <c r="FJ38" s="71">
        <v>4</v>
      </c>
      <c r="FK38" s="68">
        <v>2</v>
      </c>
      <c r="FL38" s="69">
        <v>0</v>
      </c>
      <c r="FM38" s="70">
        <v>2</v>
      </c>
      <c r="FN38" s="159"/>
      <c r="FO38" s="69">
        <v>2</v>
      </c>
      <c r="FP38" s="69">
        <v>2</v>
      </c>
      <c r="FQ38" s="69">
        <v>0</v>
      </c>
      <c r="FR38" s="69">
        <v>2</v>
      </c>
      <c r="FS38" s="69">
        <v>1</v>
      </c>
      <c r="FT38" s="70">
        <v>7</v>
      </c>
      <c r="FU38" s="71">
        <v>9</v>
      </c>
      <c r="FV38" s="68">
        <v>0</v>
      </c>
      <c r="FW38" s="69">
        <v>0</v>
      </c>
      <c r="FX38" s="70">
        <v>0</v>
      </c>
      <c r="FY38" s="159"/>
      <c r="FZ38" s="69">
        <v>0</v>
      </c>
      <c r="GA38" s="69">
        <v>0</v>
      </c>
      <c r="GB38" s="69">
        <v>0</v>
      </c>
      <c r="GC38" s="69">
        <v>0</v>
      </c>
      <c r="GD38" s="69">
        <v>0</v>
      </c>
      <c r="GE38" s="70">
        <v>0</v>
      </c>
      <c r="GF38" s="71">
        <v>0</v>
      </c>
      <c r="GG38" s="68">
        <v>3</v>
      </c>
      <c r="GH38" s="69">
        <v>0</v>
      </c>
      <c r="GI38" s="70">
        <v>3</v>
      </c>
      <c r="GJ38" s="159"/>
      <c r="GK38" s="69">
        <v>5</v>
      </c>
      <c r="GL38" s="69">
        <v>4</v>
      </c>
      <c r="GM38" s="69">
        <v>0</v>
      </c>
      <c r="GN38" s="69">
        <v>3</v>
      </c>
      <c r="GO38" s="69">
        <v>1</v>
      </c>
      <c r="GP38" s="70">
        <v>13</v>
      </c>
      <c r="GQ38" s="71">
        <v>16</v>
      </c>
      <c r="GR38" s="108">
        <v>11</v>
      </c>
      <c r="GS38" s="80">
        <v>6</v>
      </c>
      <c r="GT38" s="81">
        <v>17</v>
      </c>
      <c r="GU38" s="159"/>
      <c r="GV38" s="80">
        <v>19</v>
      </c>
      <c r="GW38" s="80">
        <v>18</v>
      </c>
      <c r="GX38" s="80">
        <v>6</v>
      </c>
      <c r="GY38" s="80">
        <v>10</v>
      </c>
      <c r="GZ38" s="80">
        <v>3</v>
      </c>
      <c r="HA38" s="82">
        <v>56</v>
      </c>
      <c r="HB38" s="83">
        <v>73</v>
      </c>
      <c r="HC38" s="68">
        <v>0</v>
      </c>
      <c r="HD38" s="69">
        <v>0</v>
      </c>
      <c r="HE38" s="70">
        <v>0</v>
      </c>
      <c r="HF38" s="159"/>
      <c r="HG38" s="69">
        <v>0</v>
      </c>
      <c r="HH38" s="69">
        <v>0</v>
      </c>
      <c r="HI38" s="69">
        <v>0</v>
      </c>
      <c r="HJ38" s="69">
        <v>0</v>
      </c>
      <c r="HK38" s="69">
        <v>0</v>
      </c>
      <c r="HL38" s="70">
        <v>0</v>
      </c>
      <c r="HM38" s="71">
        <v>0</v>
      </c>
      <c r="HN38" s="68">
        <v>1</v>
      </c>
      <c r="HO38" s="69">
        <v>1</v>
      </c>
      <c r="HP38" s="70">
        <v>2</v>
      </c>
      <c r="HQ38" s="159"/>
      <c r="HR38" s="69">
        <v>1</v>
      </c>
      <c r="HS38" s="69">
        <v>0</v>
      </c>
      <c r="HT38" s="69">
        <v>0</v>
      </c>
      <c r="HU38" s="69">
        <v>0</v>
      </c>
      <c r="HV38" s="69">
        <v>0</v>
      </c>
      <c r="HW38" s="70">
        <v>1</v>
      </c>
      <c r="HX38" s="71">
        <v>3</v>
      </c>
      <c r="HY38" s="68">
        <v>1</v>
      </c>
      <c r="HZ38" s="69">
        <v>1</v>
      </c>
      <c r="IA38" s="70">
        <v>2</v>
      </c>
      <c r="IB38" s="159"/>
      <c r="IC38" s="69">
        <v>3</v>
      </c>
      <c r="ID38" s="69">
        <v>1</v>
      </c>
      <c r="IE38" s="69">
        <v>1</v>
      </c>
      <c r="IF38" s="69">
        <v>1</v>
      </c>
      <c r="IG38" s="69">
        <v>0</v>
      </c>
      <c r="IH38" s="70">
        <v>6</v>
      </c>
      <c r="II38" s="71">
        <v>8</v>
      </c>
      <c r="IJ38" s="68">
        <v>3</v>
      </c>
      <c r="IK38" s="69">
        <v>2</v>
      </c>
      <c r="IL38" s="70">
        <v>5</v>
      </c>
      <c r="IM38" s="159"/>
      <c r="IN38" s="69">
        <v>3</v>
      </c>
      <c r="IO38" s="69">
        <v>3</v>
      </c>
      <c r="IP38" s="69">
        <v>3</v>
      </c>
      <c r="IQ38" s="69">
        <v>2</v>
      </c>
      <c r="IR38" s="69">
        <v>0</v>
      </c>
      <c r="IS38" s="70">
        <v>11</v>
      </c>
      <c r="IT38" s="71">
        <v>16</v>
      </c>
      <c r="IU38" s="68">
        <v>2</v>
      </c>
      <c r="IV38" s="69">
        <v>2</v>
      </c>
      <c r="IW38" s="70">
        <v>4</v>
      </c>
      <c r="IX38" s="159"/>
      <c r="IY38" s="69">
        <v>4</v>
      </c>
      <c r="IZ38" s="69">
        <v>5</v>
      </c>
      <c r="JA38" s="69">
        <v>0</v>
      </c>
      <c r="JB38" s="69">
        <v>2</v>
      </c>
      <c r="JC38" s="69">
        <v>1</v>
      </c>
      <c r="JD38" s="70">
        <v>12</v>
      </c>
      <c r="JE38" s="71">
        <v>16</v>
      </c>
      <c r="JF38" s="68">
        <v>4</v>
      </c>
      <c r="JG38" s="69">
        <v>0</v>
      </c>
      <c r="JH38" s="70">
        <v>4</v>
      </c>
      <c r="JI38" s="159"/>
      <c r="JJ38" s="69">
        <v>8</v>
      </c>
      <c r="JK38" s="69">
        <v>9</v>
      </c>
      <c r="JL38" s="69">
        <v>2</v>
      </c>
      <c r="JM38" s="69">
        <v>5</v>
      </c>
      <c r="JN38" s="69">
        <v>2</v>
      </c>
      <c r="JO38" s="70">
        <v>26</v>
      </c>
      <c r="JP38" s="71">
        <v>30</v>
      </c>
      <c r="JQ38" s="68">
        <v>0</v>
      </c>
      <c r="JR38" s="69">
        <v>0</v>
      </c>
      <c r="JS38" s="70">
        <v>0</v>
      </c>
      <c r="JT38" s="159"/>
      <c r="JU38" s="69">
        <v>0</v>
      </c>
      <c r="JV38" s="69">
        <v>0</v>
      </c>
      <c r="JW38" s="69">
        <v>0</v>
      </c>
      <c r="JX38" s="69">
        <v>0</v>
      </c>
      <c r="JY38" s="69">
        <v>0</v>
      </c>
      <c r="JZ38" s="70">
        <v>0</v>
      </c>
      <c r="KA38" s="71">
        <v>0</v>
      </c>
      <c r="KB38" s="68">
        <v>11</v>
      </c>
      <c r="KC38" s="69">
        <v>6</v>
      </c>
      <c r="KD38" s="70">
        <v>17</v>
      </c>
      <c r="KE38" s="159"/>
      <c r="KF38" s="69">
        <v>19</v>
      </c>
      <c r="KG38" s="69">
        <v>18</v>
      </c>
      <c r="KH38" s="69">
        <v>6</v>
      </c>
      <c r="KI38" s="69">
        <v>10</v>
      </c>
      <c r="KJ38" s="69">
        <v>3</v>
      </c>
      <c r="KK38" s="70">
        <v>56</v>
      </c>
      <c r="KL38" s="71">
        <v>73</v>
      </c>
    </row>
    <row r="39" spans="1:298" ht="19.5" customHeight="1" x14ac:dyDescent="0.2">
      <c r="A39" s="111" t="s">
        <v>36</v>
      </c>
      <c r="B39" s="215">
        <v>5</v>
      </c>
      <c r="C39" s="80">
        <v>10</v>
      </c>
      <c r="D39" s="81">
        <v>15</v>
      </c>
      <c r="E39" s="159"/>
      <c r="F39" s="80">
        <v>11</v>
      </c>
      <c r="G39" s="80">
        <v>6</v>
      </c>
      <c r="H39" s="80">
        <v>9</v>
      </c>
      <c r="I39" s="80">
        <v>8</v>
      </c>
      <c r="J39" s="80">
        <v>2</v>
      </c>
      <c r="K39" s="82">
        <v>36</v>
      </c>
      <c r="L39" s="83">
        <v>51</v>
      </c>
      <c r="M39" s="68">
        <v>0</v>
      </c>
      <c r="N39" s="69">
        <v>0</v>
      </c>
      <c r="O39" s="70">
        <v>0</v>
      </c>
      <c r="P39" s="159"/>
      <c r="Q39" s="69">
        <v>1</v>
      </c>
      <c r="R39" s="69">
        <v>1</v>
      </c>
      <c r="S39" s="69">
        <v>0</v>
      </c>
      <c r="T39" s="69">
        <v>0</v>
      </c>
      <c r="U39" s="69">
        <v>0</v>
      </c>
      <c r="V39" s="70">
        <v>2</v>
      </c>
      <c r="W39" s="71">
        <v>2</v>
      </c>
      <c r="X39" s="68">
        <v>2</v>
      </c>
      <c r="Y39" s="69">
        <v>0</v>
      </c>
      <c r="Z39" s="70">
        <v>2</v>
      </c>
      <c r="AA39" s="159"/>
      <c r="AB39" s="69">
        <v>0</v>
      </c>
      <c r="AC39" s="69">
        <v>0</v>
      </c>
      <c r="AD39" s="69">
        <v>0</v>
      </c>
      <c r="AE39" s="69">
        <v>2</v>
      </c>
      <c r="AF39" s="69">
        <v>0</v>
      </c>
      <c r="AG39" s="70">
        <v>2</v>
      </c>
      <c r="AH39" s="71">
        <v>4</v>
      </c>
      <c r="AI39" s="68">
        <v>0</v>
      </c>
      <c r="AJ39" s="69">
        <v>1</v>
      </c>
      <c r="AK39" s="70">
        <v>1</v>
      </c>
      <c r="AL39" s="159"/>
      <c r="AM39" s="69">
        <v>1</v>
      </c>
      <c r="AN39" s="69">
        <v>0</v>
      </c>
      <c r="AO39" s="69">
        <v>1</v>
      </c>
      <c r="AP39" s="69">
        <v>0</v>
      </c>
      <c r="AQ39" s="69">
        <v>0</v>
      </c>
      <c r="AR39" s="70">
        <v>2</v>
      </c>
      <c r="AS39" s="71">
        <v>3</v>
      </c>
      <c r="AT39" s="68">
        <v>2</v>
      </c>
      <c r="AU39" s="69">
        <v>2</v>
      </c>
      <c r="AV39" s="70">
        <v>4</v>
      </c>
      <c r="AW39" s="159"/>
      <c r="AX39" s="69">
        <v>3</v>
      </c>
      <c r="AY39" s="69">
        <v>0</v>
      </c>
      <c r="AZ39" s="69">
        <v>0</v>
      </c>
      <c r="BA39" s="69">
        <v>0</v>
      </c>
      <c r="BB39" s="69">
        <v>1</v>
      </c>
      <c r="BC39" s="70">
        <v>4</v>
      </c>
      <c r="BD39" s="71">
        <v>8</v>
      </c>
      <c r="BE39" s="68">
        <v>0</v>
      </c>
      <c r="BF39" s="69">
        <v>6</v>
      </c>
      <c r="BG39" s="70">
        <v>6</v>
      </c>
      <c r="BH39" s="159"/>
      <c r="BI39" s="69">
        <v>3</v>
      </c>
      <c r="BJ39" s="69">
        <v>4</v>
      </c>
      <c r="BK39" s="69">
        <v>3</v>
      </c>
      <c r="BL39" s="69">
        <v>4</v>
      </c>
      <c r="BM39" s="69">
        <v>1</v>
      </c>
      <c r="BN39" s="70">
        <v>15</v>
      </c>
      <c r="BO39" s="71">
        <v>21</v>
      </c>
      <c r="BP39" s="68">
        <v>1</v>
      </c>
      <c r="BQ39" s="69">
        <v>1</v>
      </c>
      <c r="BR39" s="70">
        <v>2</v>
      </c>
      <c r="BS39" s="159"/>
      <c r="BT39" s="69">
        <v>3</v>
      </c>
      <c r="BU39" s="69">
        <v>1</v>
      </c>
      <c r="BV39" s="69">
        <v>5</v>
      </c>
      <c r="BW39" s="69">
        <v>2</v>
      </c>
      <c r="BX39" s="69">
        <v>0</v>
      </c>
      <c r="BY39" s="70">
        <v>11</v>
      </c>
      <c r="BZ39" s="71">
        <v>13</v>
      </c>
      <c r="CA39" s="68">
        <v>0</v>
      </c>
      <c r="CB39" s="69">
        <v>0</v>
      </c>
      <c r="CC39" s="70">
        <v>0</v>
      </c>
      <c r="CD39" s="159"/>
      <c r="CE39" s="69">
        <v>0</v>
      </c>
      <c r="CF39" s="69">
        <v>0</v>
      </c>
      <c r="CG39" s="69">
        <v>0</v>
      </c>
      <c r="CH39" s="69">
        <v>0</v>
      </c>
      <c r="CI39" s="69">
        <v>0</v>
      </c>
      <c r="CJ39" s="70">
        <v>0</v>
      </c>
      <c r="CK39" s="71">
        <v>0</v>
      </c>
      <c r="CL39" s="68">
        <v>5</v>
      </c>
      <c r="CM39" s="69">
        <v>10</v>
      </c>
      <c r="CN39" s="70">
        <v>15</v>
      </c>
      <c r="CO39" s="159"/>
      <c r="CP39" s="69">
        <v>11</v>
      </c>
      <c r="CQ39" s="69">
        <v>6</v>
      </c>
      <c r="CR39" s="69">
        <v>9</v>
      </c>
      <c r="CS39" s="69">
        <v>8</v>
      </c>
      <c r="CT39" s="69">
        <v>2</v>
      </c>
      <c r="CU39" s="70">
        <v>36</v>
      </c>
      <c r="CV39" s="71">
        <v>51</v>
      </c>
      <c r="CW39" s="108">
        <v>2</v>
      </c>
      <c r="CX39" s="80">
        <v>1</v>
      </c>
      <c r="CY39" s="81">
        <v>3</v>
      </c>
      <c r="CZ39" s="159"/>
      <c r="DA39" s="80">
        <v>0</v>
      </c>
      <c r="DB39" s="80">
        <v>0</v>
      </c>
      <c r="DC39" s="80">
        <v>0</v>
      </c>
      <c r="DD39" s="80">
        <v>0</v>
      </c>
      <c r="DE39" s="80">
        <v>5</v>
      </c>
      <c r="DF39" s="82">
        <v>5</v>
      </c>
      <c r="DG39" s="83">
        <v>8</v>
      </c>
      <c r="DH39" s="68">
        <v>0</v>
      </c>
      <c r="DI39" s="69">
        <v>0</v>
      </c>
      <c r="DJ39" s="70">
        <v>0</v>
      </c>
      <c r="DK39" s="159"/>
      <c r="DL39" s="69">
        <v>0</v>
      </c>
      <c r="DM39" s="69">
        <v>0</v>
      </c>
      <c r="DN39" s="69">
        <v>0</v>
      </c>
      <c r="DO39" s="69">
        <v>0</v>
      </c>
      <c r="DP39" s="69">
        <v>0</v>
      </c>
      <c r="DQ39" s="70">
        <v>0</v>
      </c>
      <c r="DR39" s="71">
        <v>0</v>
      </c>
      <c r="DS39" s="68">
        <v>0</v>
      </c>
      <c r="DT39" s="69">
        <v>0</v>
      </c>
      <c r="DU39" s="70">
        <v>0</v>
      </c>
      <c r="DV39" s="159"/>
      <c r="DW39" s="69">
        <v>0</v>
      </c>
      <c r="DX39" s="69">
        <v>0</v>
      </c>
      <c r="DY39" s="69">
        <v>0</v>
      </c>
      <c r="DZ39" s="69">
        <v>0</v>
      </c>
      <c r="EA39" s="69">
        <v>0</v>
      </c>
      <c r="EB39" s="70">
        <v>0</v>
      </c>
      <c r="EC39" s="71">
        <v>0</v>
      </c>
      <c r="ED39" s="68">
        <v>0</v>
      </c>
      <c r="EE39" s="69">
        <v>0</v>
      </c>
      <c r="EF39" s="70">
        <v>0</v>
      </c>
      <c r="EG39" s="159"/>
      <c r="EH39" s="69">
        <v>0</v>
      </c>
      <c r="EI39" s="69">
        <v>0</v>
      </c>
      <c r="EJ39" s="69">
        <v>0</v>
      </c>
      <c r="EK39" s="69">
        <v>0</v>
      </c>
      <c r="EL39" s="69">
        <v>0</v>
      </c>
      <c r="EM39" s="70">
        <v>0</v>
      </c>
      <c r="EN39" s="71">
        <v>0</v>
      </c>
      <c r="EO39" s="68">
        <v>0</v>
      </c>
      <c r="EP39" s="69">
        <v>1</v>
      </c>
      <c r="EQ39" s="70">
        <v>1</v>
      </c>
      <c r="ER39" s="159"/>
      <c r="ES39" s="69">
        <v>0</v>
      </c>
      <c r="ET39" s="69">
        <v>0</v>
      </c>
      <c r="EU39" s="69">
        <v>0</v>
      </c>
      <c r="EV39" s="69">
        <v>0</v>
      </c>
      <c r="EW39" s="69">
        <v>0</v>
      </c>
      <c r="EX39" s="70">
        <v>0</v>
      </c>
      <c r="EY39" s="71">
        <v>1</v>
      </c>
      <c r="EZ39" s="68">
        <v>1</v>
      </c>
      <c r="FA39" s="69">
        <v>0</v>
      </c>
      <c r="FB39" s="70">
        <v>1</v>
      </c>
      <c r="FC39" s="159"/>
      <c r="FD39" s="69">
        <v>0</v>
      </c>
      <c r="FE39" s="69">
        <v>0</v>
      </c>
      <c r="FF39" s="69">
        <v>0</v>
      </c>
      <c r="FG39" s="69">
        <v>0</v>
      </c>
      <c r="FH39" s="69">
        <v>2</v>
      </c>
      <c r="FI39" s="70">
        <v>2</v>
      </c>
      <c r="FJ39" s="71">
        <v>3</v>
      </c>
      <c r="FK39" s="68">
        <v>1</v>
      </c>
      <c r="FL39" s="69">
        <v>0</v>
      </c>
      <c r="FM39" s="70">
        <v>1</v>
      </c>
      <c r="FN39" s="159"/>
      <c r="FO39" s="69">
        <v>0</v>
      </c>
      <c r="FP39" s="69">
        <v>0</v>
      </c>
      <c r="FQ39" s="69">
        <v>0</v>
      </c>
      <c r="FR39" s="69">
        <v>0</v>
      </c>
      <c r="FS39" s="69">
        <v>3</v>
      </c>
      <c r="FT39" s="70">
        <v>3</v>
      </c>
      <c r="FU39" s="71">
        <v>4</v>
      </c>
      <c r="FV39" s="68">
        <v>0</v>
      </c>
      <c r="FW39" s="69">
        <v>0</v>
      </c>
      <c r="FX39" s="70">
        <v>0</v>
      </c>
      <c r="FY39" s="159"/>
      <c r="FZ39" s="69">
        <v>0</v>
      </c>
      <c r="GA39" s="69">
        <v>0</v>
      </c>
      <c r="GB39" s="69">
        <v>0</v>
      </c>
      <c r="GC39" s="69">
        <v>0</v>
      </c>
      <c r="GD39" s="69">
        <v>0</v>
      </c>
      <c r="GE39" s="70">
        <v>0</v>
      </c>
      <c r="GF39" s="71">
        <v>0</v>
      </c>
      <c r="GG39" s="68">
        <v>2</v>
      </c>
      <c r="GH39" s="69">
        <v>1</v>
      </c>
      <c r="GI39" s="70">
        <v>3</v>
      </c>
      <c r="GJ39" s="159"/>
      <c r="GK39" s="69">
        <v>0</v>
      </c>
      <c r="GL39" s="69">
        <v>0</v>
      </c>
      <c r="GM39" s="69">
        <v>0</v>
      </c>
      <c r="GN39" s="69">
        <v>0</v>
      </c>
      <c r="GO39" s="69">
        <v>5</v>
      </c>
      <c r="GP39" s="70">
        <v>5</v>
      </c>
      <c r="GQ39" s="71">
        <v>8</v>
      </c>
      <c r="GR39" s="108">
        <v>7</v>
      </c>
      <c r="GS39" s="80">
        <v>11</v>
      </c>
      <c r="GT39" s="81">
        <v>18</v>
      </c>
      <c r="GU39" s="159"/>
      <c r="GV39" s="80">
        <v>11</v>
      </c>
      <c r="GW39" s="80">
        <v>6</v>
      </c>
      <c r="GX39" s="80">
        <v>9</v>
      </c>
      <c r="GY39" s="80">
        <v>8</v>
      </c>
      <c r="GZ39" s="80">
        <v>7</v>
      </c>
      <c r="HA39" s="82">
        <v>41</v>
      </c>
      <c r="HB39" s="83">
        <v>59</v>
      </c>
      <c r="HC39" s="68">
        <v>0</v>
      </c>
      <c r="HD39" s="69">
        <v>0</v>
      </c>
      <c r="HE39" s="70">
        <v>0</v>
      </c>
      <c r="HF39" s="159"/>
      <c r="HG39" s="69">
        <v>1</v>
      </c>
      <c r="HH39" s="69">
        <v>1</v>
      </c>
      <c r="HI39" s="69">
        <v>0</v>
      </c>
      <c r="HJ39" s="69">
        <v>0</v>
      </c>
      <c r="HK39" s="69">
        <v>0</v>
      </c>
      <c r="HL39" s="70">
        <v>2</v>
      </c>
      <c r="HM39" s="71">
        <v>2</v>
      </c>
      <c r="HN39" s="68">
        <v>2</v>
      </c>
      <c r="HO39" s="69">
        <v>0</v>
      </c>
      <c r="HP39" s="70">
        <v>2</v>
      </c>
      <c r="HQ39" s="159"/>
      <c r="HR39" s="69">
        <v>0</v>
      </c>
      <c r="HS39" s="69">
        <v>0</v>
      </c>
      <c r="HT39" s="69">
        <v>0</v>
      </c>
      <c r="HU39" s="69">
        <v>2</v>
      </c>
      <c r="HV39" s="69">
        <v>0</v>
      </c>
      <c r="HW39" s="70">
        <v>2</v>
      </c>
      <c r="HX39" s="71">
        <v>4</v>
      </c>
      <c r="HY39" s="68">
        <v>0</v>
      </c>
      <c r="HZ39" s="69">
        <v>1</v>
      </c>
      <c r="IA39" s="70">
        <v>1</v>
      </c>
      <c r="IB39" s="159"/>
      <c r="IC39" s="69">
        <v>1</v>
      </c>
      <c r="ID39" s="69">
        <v>0</v>
      </c>
      <c r="IE39" s="69">
        <v>1</v>
      </c>
      <c r="IF39" s="69">
        <v>0</v>
      </c>
      <c r="IG39" s="69">
        <v>0</v>
      </c>
      <c r="IH39" s="70">
        <v>2</v>
      </c>
      <c r="II39" s="71">
        <v>3</v>
      </c>
      <c r="IJ39" s="68">
        <v>2</v>
      </c>
      <c r="IK39" s="69">
        <v>3</v>
      </c>
      <c r="IL39" s="70">
        <v>5</v>
      </c>
      <c r="IM39" s="159"/>
      <c r="IN39" s="69">
        <v>3</v>
      </c>
      <c r="IO39" s="69">
        <v>0</v>
      </c>
      <c r="IP39" s="69">
        <v>0</v>
      </c>
      <c r="IQ39" s="69">
        <v>0</v>
      </c>
      <c r="IR39" s="69">
        <v>1</v>
      </c>
      <c r="IS39" s="70">
        <v>4</v>
      </c>
      <c r="IT39" s="71">
        <v>9</v>
      </c>
      <c r="IU39" s="68">
        <v>1</v>
      </c>
      <c r="IV39" s="69">
        <v>6</v>
      </c>
      <c r="IW39" s="70">
        <v>7</v>
      </c>
      <c r="IX39" s="159"/>
      <c r="IY39" s="69">
        <v>3</v>
      </c>
      <c r="IZ39" s="69">
        <v>4</v>
      </c>
      <c r="JA39" s="69">
        <v>3</v>
      </c>
      <c r="JB39" s="69">
        <v>4</v>
      </c>
      <c r="JC39" s="69">
        <v>3</v>
      </c>
      <c r="JD39" s="70">
        <v>17</v>
      </c>
      <c r="JE39" s="71">
        <v>24</v>
      </c>
      <c r="JF39" s="68">
        <v>2</v>
      </c>
      <c r="JG39" s="69">
        <v>1</v>
      </c>
      <c r="JH39" s="70">
        <v>3</v>
      </c>
      <c r="JI39" s="159"/>
      <c r="JJ39" s="69">
        <v>3</v>
      </c>
      <c r="JK39" s="69">
        <v>1</v>
      </c>
      <c r="JL39" s="69">
        <v>5</v>
      </c>
      <c r="JM39" s="69">
        <v>2</v>
      </c>
      <c r="JN39" s="69">
        <v>3</v>
      </c>
      <c r="JO39" s="70">
        <v>14</v>
      </c>
      <c r="JP39" s="71">
        <v>17</v>
      </c>
      <c r="JQ39" s="68">
        <v>0</v>
      </c>
      <c r="JR39" s="69">
        <v>0</v>
      </c>
      <c r="JS39" s="70">
        <v>0</v>
      </c>
      <c r="JT39" s="159"/>
      <c r="JU39" s="69">
        <v>0</v>
      </c>
      <c r="JV39" s="69">
        <v>0</v>
      </c>
      <c r="JW39" s="69">
        <v>0</v>
      </c>
      <c r="JX39" s="69">
        <v>0</v>
      </c>
      <c r="JY39" s="69">
        <v>0</v>
      </c>
      <c r="JZ39" s="70">
        <v>0</v>
      </c>
      <c r="KA39" s="71">
        <v>0</v>
      </c>
      <c r="KB39" s="68">
        <v>7</v>
      </c>
      <c r="KC39" s="69">
        <v>11</v>
      </c>
      <c r="KD39" s="70">
        <v>18</v>
      </c>
      <c r="KE39" s="159"/>
      <c r="KF39" s="69">
        <v>11</v>
      </c>
      <c r="KG39" s="69">
        <v>6</v>
      </c>
      <c r="KH39" s="69">
        <v>9</v>
      </c>
      <c r="KI39" s="69">
        <v>8</v>
      </c>
      <c r="KJ39" s="69">
        <v>7</v>
      </c>
      <c r="KK39" s="70">
        <v>41</v>
      </c>
      <c r="KL39" s="71">
        <v>59</v>
      </c>
    </row>
    <row r="40" spans="1:298" ht="19.5" customHeight="1" thickBot="1" x14ac:dyDescent="0.25">
      <c r="A40" s="112" t="s">
        <v>37</v>
      </c>
      <c r="B40" s="216">
        <v>1</v>
      </c>
      <c r="C40" s="85">
        <v>0</v>
      </c>
      <c r="D40" s="86">
        <v>1</v>
      </c>
      <c r="E40" s="160"/>
      <c r="F40" s="85">
        <v>3</v>
      </c>
      <c r="G40" s="85">
        <v>2</v>
      </c>
      <c r="H40" s="85">
        <v>1</v>
      </c>
      <c r="I40" s="85">
        <v>0</v>
      </c>
      <c r="J40" s="85">
        <v>1</v>
      </c>
      <c r="K40" s="87">
        <v>7</v>
      </c>
      <c r="L40" s="88">
        <v>8</v>
      </c>
      <c r="M40" s="72">
        <v>0</v>
      </c>
      <c r="N40" s="73">
        <v>0</v>
      </c>
      <c r="O40" s="74">
        <v>0</v>
      </c>
      <c r="P40" s="160"/>
      <c r="Q40" s="73">
        <v>0</v>
      </c>
      <c r="R40" s="73">
        <v>0</v>
      </c>
      <c r="S40" s="73">
        <v>0</v>
      </c>
      <c r="T40" s="73">
        <v>0</v>
      </c>
      <c r="U40" s="73">
        <v>0</v>
      </c>
      <c r="V40" s="74">
        <v>0</v>
      </c>
      <c r="W40" s="75">
        <v>0</v>
      </c>
      <c r="X40" s="72">
        <v>1</v>
      </c>
      <c r="Y40" s="73">
        <v>0</v>
      </c>
      <c r="Z40" s="74">
        <v>1</v>
      </c>
      <c r="AA40" s="160"/>
      <c r="AB40" s="73">
        <v>0</v>
      </c>
      <c r="AC40" s="73">
        <v>1</v>
      </c>
      <c r="AD40" s="73">
        <v>1</v>
      </c>
      <c r="AE40" s="73">
        <v>0</v>
      </c>
      <c r="AF40" s="73">
        <v>0</v>
      </c>
      <c r="AG40" s="74">
        <v>2</v>
      </c>
      <c r="AH40" s="75">
        <v>3</v>
      </c>
      <c r="AI40" s="72">
        <v>0</v>
      </c>
      <c r="AJ40" s="73">
        <v>0</v>
      </c>
      <c r="AK40" s="74">
        <v>0</v>
      </c>
      <c r="AL40" s="160"/>
      <c r="AM40" s="73">
        <v>1</v>
      </c>
      <c r="AN40" s="73">
        <v>0</v>
      </c>
      <c r="AO40" s="73">
        <v>0</v>
      </c>
      <c r="AP40" s="73">
        <v>0</v>
      </c>
      <c r="AQ40" s="73">
        <v>0</v>
      </c>
      <c r="AR40" s="74">
        <v>1</v>
      </c>
      <c r="AS40" s="75">
        <v>1</v>
      </c>
      <c r="AT40" s="72">
        <v>0</v>
      </c>
      <c r="AU40" s="73">
        <v>0</v>
      </c>
      <c r="AV40" s="74">
        <v>0</v>
      </c>
      <c r="AW40" s="160"/>
      <c r="AX40" s="73">
        <v>1</v>
      </c>
      <c r="AY40" s="73">
        <v>0</v>
      </c>
      <c r="AZ40" s="73">
        <v>0</v>
      </c>
      <c r="BA40" s="73">
        <v>0</v>
      </c>
      <c r="BB40" s="73">
        <v>0</v>
      </c>
      <c r="BC40" s="74">
        <v>1</v>
      </c>
      <c r="BD40" s="75">
        <v>1</v>
      </c>
      <c r="BE40" s="72">
        <v>0</v>
      </c>
      <c r="BF40" s="73">
        <v>0</v>
      </c>
      <c r="BG40" s="74">
        <v>0</v>
      </c>
      <c r="BH40" s="160"/>
      <c r="BI40" s="73">
        <v>1</v>
      </c>
      <c r="BJ40" s="73">
        <v>1</v>
      </c>
      <c r="BK40" s="73">
        <v>0</v>
      </c>
      <c r="BL40" s="73">
        <v>0</v>
      </c>
      <c r="BM40" s="73">
        <v>1</v>
      </c>
      <c r="BN40" s="74">
        <v>3</v>
      </c>
      <c r="BO40" s="75">
        <v>3</v>
      </c>
      <c r="BP40" s="72">
        <v>0</v>
      </c>
      <c r="BQ40" s="73">
        <v>0</v>
      </c>
      <c r="BR40" s="74">
        <v>0</v>
      </c>
      <c r="BS40" s="160"/>
      <c r="BT40" s="73">
        <v>0</v>
      </c>
      <c r="BU40" s="73">
        <v>0</v>
      </c>
      <c r="BV40" s="73">
        <v>0</v>
      </c>
      <c r="BW40" s="73">
        <v>0</v>
      </c>
      <c r="BX40" s="73">
        <v>0</v>
      </c>
      <c r="BY40" s="74">
        <v>0</v>
      </c>
      <c r="BZ40" s="75">
        <v>0</v>
      </c>
      <c r="CA40" s="72">
        <v>0</v>
      </c>
      <c r="CB40" s="73">
        <v>0</v>
      </c>
      <c r="CC40" s="74">
        <v>0</v>
      </c>
      <c r="CD40" s="160"/>
      <c r="CE40" s="73">
        <v>0</v>
      </c>
      <c r="CF40" s="73">
        <v>0</v>
      </c>
      <c r="CG40" s="73">
        <v>0</v>
      </c>
      <c r="CH40" s="73">
        <v>0</v>
      </c>
      <c r="CI40" s="73">
        <v>0</v>
      </c>
      <c r="CJ40" s="74">
        <v>0</v>
      </c>
      <c r="CK40" s="75">
        <v>0</v>
      </c>
      <c r="CL40" s="72">
        <v>1</v>
      </c>
      <c r="CM40" s="73">
        <v>0</v>
      </c>
      <c r="CN40" s="74">
        <v>1</v>
      </c>
      <c r="CO40" s="160"/>
      <c r="CP40" s="73">
        <v>3</v>
      </c>
      <c r="CQ40" s="73">
        <v>2</v>
      </c>
      <c r="CR40" s="73">
        <v>1</v>
      </c>
      <c r="CS40" s="73">
        <v>0</v>
      </c>
      <c r="CT40" s="73">
        <v>1</v>
      </c>
      <c r="CU40" s="74">
        <v>7</v>
      </c>
      <c r="CV40" s="75">
        <v>8</v>
      </c>
      <c r="CW40" s="109">
        <v>0</v>
      </c>
      <c r="CX40" s="85">
        <v>0</v>
      </c>
      <c r="CY40" s="86">
        <v>0</v>
      </c>
      <c r="CZ40" s="160"/>
      <c r="DA40" s="85">
        <v>0</v>
      </c>
      <c r="DB40" s="85">
        <v>0</v>
      </c>
      <c r="DC40" s="85">
        <v>0</v>
      </c>
      <c r="DD40" s="85">
        <v>0</v>
      </c>
      <c r="DE40" s="85">
        <v>1</v>
      </c>
      <c r="DF40" s="87">
        <v>1</v>
      </c>
      <c r="DG40" s="88">
        <v>1</v>
      </c>
      <c r="DH40" s="72">
        <v>0</v>
      </c>
      <c r="DI40" s="73">
        <v>0</v>
      </c>
      <c r="DJ40" s="74">
        <v>0</v>
      </c>
      <c r="DK40" s="160"/>
      <c r="DL40" s="73">
        <v>0</v>
      </c>
      <c r="DM40" s="73">
        <v>0</v>
      </c>
      <c r="DN40" s="73">
        <v>0</v>
      </c>
      <c r="DO40" s="73">
        <v>0</v>
      </c>
      <c r="DP40" s="73">
        <v>0</v>
      </c>
      <c r="DQ40" s="74">
        <v>0</v>
      </c>
      <c r="DR40" s="75">
        <v>0</v>
      </c>
      <c r="DS40" s="72">
        <v>0</v>
      </c>
      <c r="DT40" s="73">
        <v>0</v>
      </c>
      <c r="DU40" s="74">
        <v>0</v>
      </c>
      <c r="DV40" s="160"/>
      <c r="DW40" s="73">
        <v>0</v>
      </c>
      <c r="DX40" s="73">
        <v>0</v>
      </c>
      <c r="DY40" s="73">
        <v>0</v>
      </c>
      <c r="DZ40" s="73">
        <v>0</v>
      </c>
      <c r="EA40" s="73">
        <v>0</v>
      </c>
      <c r="EB40" s="74">
        <v>0</v>
      </c>
      <c r="EC40" s="75">
        <v>0</v>
      </c>
      <c r="ED40" s="72">
        <v>0</v>
      </c>
      <c r="EE40" s="73">
        <v>0</v>
      </c>
      <c r="EF40" s="74">
        <v>0</v>
      </c>
      <c r="EG40" s="160"/>
      <c r="EH40" s="73">
        <v>0</v>
      </c>
      <c r="EI40" s="73">
        <v>0</v>
      </c>
      <c r="EJ40" s="73">
        <v>0</v>
      </c>
      <c r="EK40" s="73">
        <v>0</v>
      </c>
      <c r="EL40" s="73">
        <v>0</v>
      </c>
      <c r="EM40" s="74">
        <v>0</v>
      </c>
      <c r="EN40" s="75">
        <v>0</v>
      </c>
      <c r="EO40" s="72">
        <v>0</v>
      </c>
      <c r="EP40" s="73">
        <v>0</v>
      </c>
      <c r="EQ40" s="74">
        <v>0</v>
      </c>
      <c r="ER40" s="160"/>
      <c r="ES40" s="73">
        <v>0</v>
      </c>
      <c r="ET40" s="73">
        <v>0</v>
      </c>
      <c r="EU40" s="73">
        <v>0</v>
      </c>
      <c r="EV40" s="73">
        <v>0</v>
      </c>
      <c r="EW40" s="73">
        <v>0</v>
      </c>
      <c r="EX40" s="74">
        <v>0</v>
      </c>
      <c r="EY40" s="75">
        <v>0</v>
      </c>
      <c r="EZ40" s="72">
        <v>0</v>
      </c>
      <c r="FA40" s="73">
        <v>0</v>
      </c>
      <c r="FB40" s="74">
        <v>0</v>
      </c>
      <c r="FC40" s="160"/>
      <c r="FD40" s="73">
        <v>0</v>
      </c>
      <c r="FE40" s="73">
        <v>0</v>
      </c>
      <c r="FF40" s="73">
        <v>0</v>
      </c>
      <c r="FG40" s="73">
        <v>0</v>
      </c>
      <c r="FH40" s="73">
        <v>0</v>
      </c>
      <c r="FI40" s="74">
        <v>0</v>
      </c>
      <c r="FJ40" s="75">
        <v>0</v>
      </c>
      <c r="FK40" s="72">
        <v>0</v>
      </c>
      <c r="FL40" s="73">
        <v>0</v>
      </c>
      <c r="FM40" s="74">
        <v>0</v>
      </c>
      <c r="FN40" s="160"/>
      <c r="FO40" s="73">
        <v>0</v>
      </c>
      <c r="FP40" s="73">
        <v>0</v>
      </c>
      <c r="FQ40" s="73">
        <v>0</v>
      </c>
      <c r="FR40" s="73">
        <v>0</v>
      </c>
      <c r="FS40" s="73">
        <v>1</v>
      </c>
      <c r="FT40" s="74">
        <v>1</v>
      </c>
      <c r="FU40" s="75">
        <v>1</v>
      </c>
      <c r="FV40" s="72">
        <v>0</v>
      </c>
      <c r="FW40" s="73">
        <v>0</v>
      </c>
      <c r="FX40" s="74">
        <v>0</v>
      </c>
      <c r="FY40" s="160"/>
      <c r="FZ40" s="73">
        <v>0</v>
      </c>
      <c r="GA40" s="73">
        <v>0</v>
      </c>
      <c r="GB40" s="73">
        <v>0</v>
      </c>
      <c r="GC40" s="73">
        <v>0</v>
      </c>
      <c r="GD40" s="73">
        <v>0</v>
      </c>
      <c r="GE40" s="74">
        <v>0</v>
      </c>
      <c r="GF40" s="75">
        <v>0</v>
      </c>
      <c r="GG40" s="72">
        <v>0</v>
      </c>
      <c r="GH40" s="73">
        <v>0</v>
      </c>
      <c r="GI40" s="74">
        <v>0</v>
      </c>
      <c r="GJ40" s="160"/>
      <c r="GK40" s="73">
        <v>0</v>
      </c>
      <c r="GL40" s="73">
        <v>0</v>
      </c>
      <c r="GM40" s="73">
        <v>0</v>
      </c>
      <c r="GN40" s="73">
        <v>0</v>
      </c>
      <c r="GO40" s="73">
        <v>1</v>
      </c>
      <c r="GP40" s="74">
        <v>1</v>
      </c>
      <c r="GQ40" s="75">
        <v>1</v>
      </c>
      <c r="GR40" s="109">
        <v>1</v>
      </c>
      <c r="GS40" s="85">
        <v>0</v>
      </c>
      <c r="GT40" s="86">
        <v>1</v>
      </c>
      <c r="GU40" s="160"/>
      <c r="GV40" s="85">
        <v>3</v>
      </c>
      <c r="GW40" s="85">
        <v>2</v>
      </c>
      <c r="GX40" s="85">
        <v>1</v>
      </c>
      <c r="GY40" s="85">
        <v>0</v>
      </c>
      <c r="GZ40" s="85">
        <v>2</v>
      </c>
      <c r="HA40" s="87">
        <v>8</v>
      </c>
      <c r="HB40" s="88">
        <v>9</v>
      </c>
      <c r="HC40" s="72">
        <v>0</v>
      </c>
      <c r="HD40" s="73">
        <v>0</v>
      </c>
      <c r="HE40" s="74">
        <v>0</v>
      </c>
      <c r="HF40" s="160"/>
      <c r="HG40" s="73">
        <v>0</v>
      </c>
      <c r="HH40" s="73">
        <v>0</v>
      </c>
      <c r="HI40" s="73">
        <v>0</v>
      </c>
      <c r="HJ40" s="73">
        <v>0</v>
      </c>
      <c r="HK40" s="73">
        <v>0</v>
      </c>
      <c r="HL40" s="74">
        <v>0</v>
      </c>
      <c r="HM40" s="75">
        <v>0</v>
      </c>
      <c r="HN40" s="72">
        <v>1</v>
      </c>
      <c r="HO40" s="73">
        <v>0</v>
      </c>
      <c r="HP40" s="74">
        <v>1</v>
      </c>
      <c r="HQ40" s="160"/>
      <c r="HR40" s="73">
        <v>0</v>
      </c>
      <c r="HS40" s="73">
        <v>1</v>
      </c>
      <c r="HT40" s="73">
        <v>1</v>
      </c>
      <c r="HU40" s="73">
        <v>0</v>
      </c>
      <c r="HV40" s="73">
        <v>0</v>
      </c>
      <c r="HW40" s="74">
        <v>2</v>
      </c>
      <c r="HX40" s="75">
        <v>3</v>
      </c>
      <c r="HY40" s="72">
        <v>0</v>
      </c>
      <c r="HZ40" s="73">
        <v>0</v>
      </c>
      <c r="IA40" s="74">
        <v>0</v>
      </c>
      <c r="IB40" s="160"/>
      <c r="IC40" s="73">
        <v>1</v>
      </c>
      <c r="ID40" s="73">
        <v>0</v>
      </c>
      <c r="IE40" s="73">
        <v>0</v>
      </c>
      <c r="IF40" s="73">
        <v>0</v>
      </c>
      <c r="IG40" s="73">
        <v>0</v>
      </c>
      <c r="IH40" s="74">
        <v>1</v>
      </c>
      <c r="II40" s="75">
        <v>1</v>
      </c>
      <c r="IJ40" s="72">
        <v>0</v>
      </c>
      <c r="IK40" s="73">
        <v>0</v>
      </c>
      <c r="IL40" s="74">
        <v>0</v>
      </c>
      <c r="IM40" s="160"/>
      <c r="IN40" s="73">
        <v>1</v>
      </c>
      <c r="IO40" s="73">
        <v>0</v>
      </c>
      <c r="IP40" s="73">
        <v>0</v>
      </c>
      <c r="IQ40" s="73">
        <v>0</v>
      </c>
      <c r="IR40" s="73">
        <v>0</v>
      </c>
      <c r="IS40" s="74">
        <v>1</v>
      </c>
      <c r="IT40" s="75">
        <v>1</v>
      </c>
      <c r="IU40" s="72">
        <v>0</v>
      </c>
      <c r="IV40" s="73">
        <v>0</v>
      </c>
      <c r="IW40" s="74">
        <v>0</v>
      </c>
      <c r="IX40" s="160"/>
      <c r="IY40" s="73">
        <v>1</v>
      </c>
      <c r="IZ40" s="73">
        <v>1</v>
      </c>
      <c r="JA40" s="73">
        <v>0</v>
      </c>
      <c r="JB40" s="73">
        <v>0</v>
      </c>
      <c r="JC40" s="73">
        <v>1</v>
      </c>
      <c r="JD40" s="74">
        <v>3</v>
      </c>
      <c r="JE40" s="75">
        <v>3</v>
      </c>
      <c r="JF40" s="72">
        <v>0</v>
      </c>
      <c r="JG40" s="73">
        <v>0</v>
      </c>
      <c r="JH40" s="74">
        <v>0</v>
      </c>
      <c r="JI40" s="160"/>
      <c r="JJ40" s="73">
        <v>0</v>
      </c>
      <c r="JK40" s="73">
        <v>0</v>
      </c>
      <c r="JL40" s="73">
        <v>0</v>
      </c>
      <c r="JM40" s="73">
        <v>0</v>
      </c>
      <c r="JN40" s="73">
        <v>1</v>
      </c>
      <c r="JO40" s="74">
        <v>1</v>
      </c>
      <c r="JP40" s="75">
        <v>1</v>
      </c>
      <c r="JQ40" s="72">
        <v>0</v>
      </c>
      <c r="JR40" s="73">
        <v>0</v>
      </c>
      <c r="JS40" s="74">
        <v>0</v>
      </c>
      <c r="JT40" s="160"/>
      <c r="JU40" s="73">
        <v>0</v>
      </c>
      <c r="JV40" s="73">
        <v>0</v>
      </c>
      <c r="JW40" s="73">
        <v>0</v>
      </c>
      <c r="JX40" s="73">
        <v>0</v>
      </c>
      <c r="JY40" s="73">
        <v>0</v>
      </c>
      <c r="JZ40" s="74">
        <v>0</v>
      </c>
      <c r="KA40" s="75">
        <v>0</v>
      </c>
      <c r="KB40" s="72">
        <v>1</v>
      </c>
      <c r="KC40" s="73">
        <v>0</v>
      </c>
      <c r="KD40" s="74">
        <v>1</v>
      </c>
      <c r="KE40" s="160"/>
      <c r="KF40" s="73">
        <v>3</v>
      </c>
      <c r="KG40" s="73">
        <v>2</v>
      </c>
      <c r="KH40" s="73">
        <v>1</v>
      </c>
      <c r="KI40" s="73">
        <v>0</v>
      </c>
      <c r="KJ40" s="73">
        <v>2</v>
      </c>
      <c r="KK40" s="74">
        <v>8</v>
      </c>
      <c r="KL40" s="75">
        <v>9</v>
      </c>
    </row>
    <row r="41" spans="1:298" ht="32.25" customHeight="1" x14ac:dyDescent="0.2">
      <c r="B41" s="210" t="s">
        <v>126</v>
      </c>
    </row>
  </sheetData>
  <mergeCells count="36">
    <mergeCell ref="CW3:GQ3"/>
    <mergeCell ref="B5:L5"/>
    <mergeCell ref="M5:W5"/>
    <mergeCell ref="X5:AH5"/>
    <mergeCell ref="AI5:AS5"/>
    <mergeCell ref="AT5:BD5"/>
    <mergeCell ref="EO5:EY5"/>
    <mergeCell ref="GG4:GQ5"/>
    <mergeCell ref="BP5:BZ5"/>
    <mergeCell ref="CW5:DG5"/>
    <mergeCell ref="EZ5:FJ5"/>
    <mergeCell ref="FK5:FU5"/>
    <mergeCell ref="B4:BZ4"/>
    <mergeCell ref="CL4:CV5"/>
    <mergeCell ref="BE5:BO5"/>
    <mergeCell ref="H1:I1"/>
    <mergeCell ref="E1:F1"/>
    <mergeCell ref="CA4:CK5"/>
    <mergeCell ref="A3:A5"/>
    <mergeCell ref="B3:CV3"/>
    <mergeCell ref="GR5:HB5"/>
    <mergeCell ref="DH5:DR5"/>
    <mergeCell ref="DS5:EC5"/>
    <mergeCell ref="ED5:EN5"/>
    <mergeCell ref="GR3:KL3"/>
    <mergeCell ref="GR4:JP4"/>
    <mergeCell ref="JQ4:KA5"/>
    <mergeCell ref="KB4:KL5"/>
    <mergeCell ref="IJ5:IT5"/>
    <mergeCell ref="IU5:JE5"/>
    <mergeCell ref="JF5:JP5"/>
    <mergeCell ref="HC5:HM5"/>
    <mergeCell ref="HN5:HX5"/>
    <mergeCell ref="HY5:II5"/>
    <mergeCell ref="CW4:FU4"/>
    <mergeCell ref="FV4:GF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2" customWidth="1"/>
    <col min="2" max="10" width="7.88671875" style="41" customWidth="1"/>
    <col min="11" max="12" width="8.77734375" style="41" customWidth="1"/>
    <col min="13" max="32" width="7.88671875" style="41" customWidth="1"/>
    <col min="33" max="33" width="9.109375" style="41" customWidth="1"/>
    <col min="34" max="34" width="8.44140625" style="41" customWidth="1"/>
    <col min="35" max="54" width="7.88671875" style="41" customWidth="1"/>
    <col min="55" max="55" width="9.109375" style="41" customWidth="1"/>
    <col min="56" max="56" width="8.44140625" style="41" customWidth="1"/>
    <col min="57" max="76" width="7.88671875" style="41" customWidth="1"/>
    <col min="77" max="77" width="9.109375" style="41" customWidth="1"/>
    <col min="78" max="78" width="8.44140625" style="41" customWidth="1"/>
    <col min="79" max="85" width="7.88671875" style="41" customWidth="1"/>
    <col min="86" max="92" width="9" style="41"/>
    <col min="93" max="93" width="8.44140625" style="41" customWidth="1"/>
    <col min="94" max="101" width="9" style="41"/>
    <col min="102" max="103" width="9" style="42"/>
    <col min="104" max="104" width="7.77734375" style="42" customWidth="1"/>
    <col min="105" max="114" width="9" style="42"/>
    <col min="115" max="115" width="7.77734375" style="42" customWidth="1"/>
    <col min="116" max="125" width="9" style="42"/>
    <col min="126" max="126" width="7.77734375" style="42" customWidth="1"/>
    <col min="127" max="136" width="9" style="42"/>
    <col min="137" max="137" width="8" style="42" customWidth="1"/>
    <col min="138" max="147" width="9" style="42"/>
    <col min="148" max="148" width="7.77734375" style="42" customWidth="1"/>
    <col min="149" max="158" width="9" style="42"/>
    <col min="159" max="159" width="7.44140625" style="42" customWidth="1"/>
    <col min="160" max="169" width="9" style="42"/>
    <col min="170" max="170" width="7.88671875" style="42" customWidth="1"/>
    <col min="171" max="180" width="9" style="42"/>
    <col min="181" max="181" width="7.21875" style="42" customWidth="1"/>
    <col min="182" max="191" width="9" style="42"/>
    <col min="192" max="192" width="8" style="42" customWidth="1"/>
    <col min="193" max="202" width="9" style="42"/>
    <col min="203" max="203" width="7.88671875" style="42" customWidth="1"/>
    <col min="204" max="213" width="9" style="42"/>
    <col min="214" max="214" width="7.88671875" style="42" customWidth="1"/>
    <col min="215" max="224" width="9" style="42"/>
    <col min="225" max="225" width="7.33203125" style="42" customWidth="1"/>
    <col min="226" max="235" width="9" style="42"/>
    <col min="236" max="236" width="7.6640625" style="42" customWidth="1"/>
    <col min="237" max="246" width="9" style="42"/>
    <col min="247" max="247" width="8" style="42" customWidth="1"/>
    <col min="248" max="257" width="9" style="42"/>
    <col min="258" max="258" width="8" style="42" customWidth="1"/>
    <col min="259" max="268" width="9" style="42"/>
    <col min="269" max="269" width="8" style="42" customWidth="1"/>
    <col min="270" max="279" width="9" style="42"/>
    <col min="280" max="280" width="8" style="42" customWidth="1"/>
    <col min="281" max="290" width="9" style="42"/>
    <col min="291" max="291" width="8.109375" style="42" customWidth="1"/>
    <col min="292" max="16384" width="9" style="42"/>
  </cols>
  <sheetData>
    <row r="1" spans="1:298" ht="17.25" customHeight="1" x14ac:dyDescent="0.2">
      <c r="A1" s="12" t="s">
        <v>121</v>
      </c>
      <c r="E1" s="483">
        <f>第１表!F2</f>
        <v>4</v>
      </c>
      <c r="F1" s="483"/>
      <c r="G1" s="163">
        <f>第１表!G2</f>
        <v>1</v>
      </c>
      <c r="H1" s="482">
        <f>G1</f>
        <v>1</v>
      </c>
      <c r="I1" s="482"/>
    </row>
    <row r="2" spans="1:298" ht="16.5" customHeight="1" thickBot="1" x14ac:dyDescent="0.25">
      <c r="A2" s="19" t="s">
        <v>153</v>
      </c>
    </row>
    <row r="3" spans="1:298" ht="22.5" customHeight="1" thickBot="1" x14ac:dyDescent="0.25">
      <c r="A3" s="469" t="s">
        <v>38</v>
      </c>
      <c r="B3" s="464" t="s">
        <v>96</v>
      </c>
      <c r="C3" s="464"/>
      <c r="D3" s="464"/>
      <c r="E3" s="464"/>
      <c r="F3" s="464"/>
      <c r="G3" s="464"/>
      <c r="H3" s="464"/>
      <c r="I3" s="464"/>
      <c r="J3" s="464"/>
      <c r="K3" s="464"/>
      <c r="L3" s="464"/>
      <c r="M3" s="464"/>
      <c r="N3" s="464"/>
      <c r="O3" s="464"/>
      <c r="P3" s="464"/>
      <c r="Q3" s="464"/>
      <c r="R3" s="464"/>
      <c r="S3" s="464"/>
      <c r="T3" s="464"/>
      <c r="U3" s="464"/>
      <c r="V3" s="464"/>
      <c r="W3" s="464"/>
      <c r="X3" s="464"/>
      <c r="Y3" s="464"/>
      <c r="Z3" s="464"/>
      <c r="AA3" s="464"/>
      <c r="AB3" s="464"/>
      <c r="AC3" s="464"/>
      <c r="AD3" s="464"/>
      <c r="AE3" s="464"/>
      <c r="AF3" s="464"/>
      <c r="AG3" s="464"/>
      <c r="AH3" s="464"/>
      <c r="AI3" s="464"/>
      <c r="AJ3" s="464"/>
      <c r="AK3" s="464"/>
      <c r="AL3" s="464"/>
      <c r="AM3" s="464"/>
      <c r="AN3" s="464"/>
      <c r="AO3" s="464"/>
      <c r="AP3" s="464"/>
      <c r="AQ3" s="464"/>
      <c r="AR3" s="464"/>
      <c r="AS3" s="464"/>
      <c r="AT3" s="464"/>
      <c r="AU3" s="464"/>
      <c r="AV3" s="464"/>
      <c r="AW3" s="464"/>
      <c r="AX3" s="464"/>
      <c r="AY3" s="464"/>
      <c r="AZ3" s="464"/>
      <c r="BA3" s="464"/>
      <c r="BB3" s="464"/>
      <c r="BC3" s="464"/>
      <c r="BD3" s="464"/>
      <c r="BE3" s="464"/>
      <c r="BF3" s="464"/>
      <c r="BG3" s="464"/>
      <c r="BH3" s="464"/>
      <c r="BI3" s="464"/>
      <c r="BJ3" s="464"/>
      <c r="BK3" s="464"/>
      <c r="BL3" s="464"/>
      <c r="BM3" s="464"/>
      <c r="BN3" s="464"/>
      <c r="BO3" s="464"/>
      <c r="BP3" s="464"/>
      <c r="BQ3" s="464"/>
      <c r="BR3" s="464"/>
      <c r="BS3" s="464"/>
      <c r="BT3" s="464"/>
      <c r="BU3" s="464"/>
      <c r="BV3" s="464"/>
      <c r="BW3" s="464"/>
      <c r="BX3" s="464"/>
      <c r="BY3" s="464"/>
      <c r="BZ3" s="464"/>
      <c r="CA3" s="464"/>
      <c r="CB3" s="464"/>
      <c r="CC3" s="464"/>
      <c r="CD3" s="464"/>
      <c r="CE3" s="464"/>
      <c r="CF3" s="464"/>
      <c r="CG3" s="464"/>
      <c r="CH3" s="464"/>
      <c r="CI3" s="464"/>
      <c r="CJ3" s="464"/>
      <c r="CK3" s="464"/>
      <c r="CL3" s="464"/>
      <c r="CM3" s="464"/>
      <c r="CN3" s="464"/>
      <c r="CO3" s="464"/>
      <c r="CP3" s="464"/>
      <c r="CQ3" s="464"/>
      <c r="CR3" s="464"/>
      <c r="CS3" s="464"/>
      <c r="CT3" s="464"/>
      <c r="CU3" s="464"/>
      <c r="CV3" s="465"/>
      <c r="CW3" s="464" t="s">
        <v>103</v>
      </c>
      <c r="CX3" s="464"/>
      <c r="CY3" s="464"/>
      <c r="CZ3" s="464"/>
      <c r="DA3" s="464"/>
      <c r="DB3" s="464"/>
      <c r="DC3" s="464"/>
      <c r="DD3" s="464"/>
      <c r="DE3" s="464"/>
      <c r="DF3" s="464"/>
      <c r="DG3" s="464"/>
      <c r="DH3" s="464"/>
      <c r="DI3" s="464"/>
      <c r="DJ3" s="464"/>
      <c r="DK3" s="464"/>
      <c r="DL3" s="464"/>
      <c r="DM3" s="464"/>
      <c r="DN3" s="464"/>
      <c r="DO3" s="464"/>
      <c r="DP3" s="464"/>
      <c r="DQ3" s="464"/>
      <c r="DR3" s="464"/>
      <c r="DS3" s="464"/>
      <c r="DT3" s="464"/>
      <c r="DU3" s="464"/>
      <c r="DV3" s="464"/>
      <c r="DW3" s="464"/>
      <c r="DX3" s="464"/>
      <c r="DY3" s="464"/>
      <c r="DZ3" s="464"/>
      <c r="EA3" s="464"/>
      <c r="EB3" s="464"/>
      <c r="EC3" s="464"/>
      <c r="ED3" s="464"/>
      <c r="EE3" s="464"/>
      <c r="EF3" s="464"/>
      <c r="EG3" s="464"/>
      <c r="EH3" s="464"/>
      <c r="EI3" s="464"/>
      <c r="EJ3" s="464"/>
      <c r="EK3" s="464"/>
      <c r="EL3" s="464"/>
      <c r="EM3" s="464"/>
      <c r="EN3" s="464"/>
      <c r="EO3" s="464"/>
      <c r="EP3" s="464"/>
      <c r="EQ3" s="464"/>
      <c r="ER3" s="464"/>
      <c r="ES3" s="464"/>
      <c r="ET3" s="464"/>
      <c r="EU3" s="464"/>
      <c r="EV3" s="464"/>
      <c r="EW3" s="464"/>
      <c r="EX3" s="464"/>
      <c r="EY3" s="464"/>
      <c r="EZ3" s="464"/>
      <c r="FA3" s="464"/>
      <c r="FB3" s="464"/>
      <c r="FC3" s="464"/>
      <c r="FD3" s="464"/>
      <c r="FE3" s="464"/>
      <c r="FF3" s="464"/>
      <c r="FG3" s="464"/>
      <c r="FH3" s="464"/>
      <c r="FI3" s="464"/>
      <c r="FJ3" s="464"/>
      <c r="FK3" s="464"/>
      <c r="FL3" s="464"/>
      <c r="FM3" s="464"/>
      <c r="FN3" s="464"/>
      <c r="FO3" s="464"/>
      <c r="FP3" s="464"/>
      <c r="FQ3" s="464"/>
      <c r="FR3" s="464"/>
      <c r="FS3" s="464"/>
      <c r="FT3" s="464"/>
      <c r="FU3" s="464"/>
      <c r="FV3" s="464"/>
      <c r="FW3" s="464"/>
      <c r="FX3" s="464"/>
      <c r="FY3" s="464"/>
      <c r="FZ3" s="464"/>
      <c r="GA3" s="464"/>
      <c r="GB3" s="464"/>
      <c r="GC3" s="464"/>
      <c r="GD3" s="464"/>
      <c r="GE3" s="464"/>
      <c r="GF3" s="464"/>
      <c r="GG3" s="464"/>
      <c r="GH3" s="464"/>
      <c r="GI3" s="464"/>
      <c r="GJ3" s="464"/>
      <c r="GK3" s="464"/>
      <c r="GL3" s="464"/>
      <c r="GM3" s="464"/>
      <c r="GN3" s="464"/>
      <c r="GO3" s="464"/>
      <c r="GP3" s="464"/>
      <c r="GQ3" s="465"/>
      <c r="GR3" s="464" t="s">
        <v>104</v>
      </c>
      <c r="GS3" s="464"/>
      <c r="GT3" s="464"/>
      <c r="GU3" s="464"/>
      <c r="GV3" s="464"/>
      <c r="GW3" s="464"/>
      <c r="GX3" s="464"/>
      <c r="GY3" s="464"/>
      <c r="GZ3" s="464"/>
      <c r="HA3" s="464"/>
      <c r="HB3" s="464"/>
      <c r="HC3" s="464"/>
      <c r="HD3" s="464"/>
      <c r="HE3" s="464"/>
      <c r="HF3" s="464"/>
      <c r="HG3" s="464"/>
      <c r="HH3" s="464"/>
      <c r="HI3" s="464"/>
      <c r="HJ3" s="464"/>
      <c r="HK3" s="464"/>
      <c r="HL3" s="464"/>
      <c r="HM3" s="464"/>
      <c r="HN3" s="464"/>
      <c r="HO3" s="464"/>
      <c r="HP3" s="464"/>
      <c r="HQ3" s="464"/>
      <c r="HR3" s="464"/>
      <c r="HS3" s="464"/>
      <c r="HT3" s="464"/>
      <c r="HU3" s="464"/>
      <c r="HV3" s="464"/>
      <c r="HW3" s="464"/>
      <c r="HX3" s="464"/>
      <c r="HY3" s="464"/>
      <c r="HZ3" s="464"/>
      <c r="IA3" s="464"/>
      <c r="IB3" s="464"/>
      <c r="IC3" s="464"/>
      <c r="ID3" s="464"/>
      <c r="IE3" s="464"/>
      <c r="IF3" s="464"/>
      <c r="IG3" s="464"/>
      <c r="IH3" s="464"/>
      <c r="II3" s="464"/>
      <c r="IJ3" s="464"/>
      <c r="IK3" s="464"/>
      <c r="IL3" s="464"/>
      <c r="IM3" s="464"/>
      <c r="IN3" s="464"/>
      <c r="IO3" s="464"/>
      <c r="IP3" s="464"/>
      <c r="IQ3" s="464"/>
      <c r="IR3" s="464"/>
      <c r="IS3" s="464"/>
      <c r="IT3" s="464"/>
      <c r="IU3" s="464"/>
      <c r="IV3" s="464"/>
      <c r="IW3" s="464"/>
      <c r="IX3" s="464"/>
      <c r="IY3" s="464"/>
      <c r="IZ3" s="464"/>
      <c r="JA3" s="464"/>
      <c r="JB3" s="464"/>
      <c r="JC3" s="464"/>
      <c r="JD3" s="464"/>
      <c r="JE3" s="464"/>
      <c r="JF3" s="464"/>
      <c r="JG3" s="464"/>
      <c r="JH3" s="464"/>
      <c r="JI3" s="464"/>
      <c r="JJ3" s="464"/>
      <c r="JK3" s="464"/>
      <c r="JL3" s="464"/>
      <c r="JM3" s="464"/>
      <c r="JN3" s="464"/>
      <c r="JO3" s="464"/>
      <c r="JP3" s="464"/>
      <c r="JQ3" s="464"/>
      <c r="JR3" s="464"/>
      <c r="JS3" s="464"/>
      <c r="JT3" s="464"/>
      <c r="JU3" s="464"/>
      <c r="JV3" s="464"/>
      <c r="JW3" s="464"/>
      <c r="JX3" s="464"/>
      <c r="JY3" s="464"/>
      <c r="JZ3" s="464"/>
      <c r="KA3" s="464"/>
      <c r="KB3" s="464"/>
      <c r="KC3" s="464"/>
      <c r="KD3" s="464"/>
      <c r="KE3" s="464"/>
      <c r="KF3" s="464"/>
      <c r="KG3" s="464"/>
      <c r="KH3" s="464"/>
      <c r="KI3" s="464"/>
      <c r="KJ3" s="464"/>
      <c r="KK3" s="464"/>
      <c r="KL3" s="465"/>
    </row>
    <row r="4" spans="1:298" ht="27.75" customHeight="1" thickBot="1" x14ac:dyDescent="0.25">
      <c r="A4" s="481"/>
      <c r="B4" s="466" t="s">
        <v>39</v>
      </c>
      <c r="C4" s="467"/>
      <c r="D4" s="467"/>
      <c r="E4" s="467"/>
      <c r="F4" s="467"/>
      <c r="G4" s="467"/>
      <c r="H4" s="467"/>
      <c r="I4" s="467"/>
      <c r="J4" s="467"/>
      <c r="K4" s="467"/>
      <c r="L4" s="467"/>
      <c r="M4" s="467"/>
      <c r="N4" s="467"/>
      <c r="O4" s="467"/>
      <c r="P4" s="467"/>
      <c r="Q4" s="467"/>
      <c r="R4" s="467"/>
      <c r="S4" s="467"/>
      <c r="T4" s="467"/>
      <c r="U4" s="467"/>
      <c r="V4" s="467"/>
      <c r="W4" s="467"/>
      <c r="X4" s="467"/>
      <c r="Y4" s="467"/>
      <c r="Z4" s="467"/>
      <c r="AA4" s="467"/>
      <c r="AB4" s="467"/>
      <c r="AC4" s="467"/>
      <c r="AD4" s="467"/>
      <c r="AE4" s="467"/>
      <c r="AF4" s="467"/>
      <c r="AG4" s="467"/>
      <c r="AH4" s="467"/>
      <c r="AI4" s="467"/>
      <c r="AJ4" s="467"/>
      <c r="AK4" s="467"/>
      <c r="AL4" s="467"/>
      <c r="AM4" s="467"/>
      <c r="AN4" s="467"/>
      <c r="AO4" s="467"/>
      <c r="AP4" s="467"/>
      <c r="AQ4" s="467"/>
      <c r="AR4" s="467"/>
      <c r="AS4" s="467"/>
      <c r="AT4" s="467"/>
      <c r="AU4" s="467"/>
      <c r="AV4" s="467"/>
      <c r="AW4" s="467"/>
      <c r="AX4" s="467"/>
      <c r="AY4" s="467"/>
      <c r="AZ4" s="467"/>
      <c r="BA4" s="467"/>
      <c r="BB4" s="467"/>
      <c r="BC4" s="467"/>
      <c r="BD4" s="467"/>
      <c r="BE4" s="467"/>
      <c r="BF4" s="467"/>
      <c r="BG4" s="467"/>
      <c r="BH4" s="467"/>
      <c r="BI4" s="467"/>
      <c r="BJ4" s="467"/>
      <c r="BK4" s="467"/>
      <c r="BL4" s="467"/>
      <c r="BM4" s="467"/>
      <c r="BN4" s="467"/>
      <c r="BO4" s="467"/>
      <c r="BP4" s="467"/>
      <c r="BQ4" s="467"/>
      <c r="BR4" s="467"/>
      <c r="BS4" s="467"/>
      <c r="BT4" s="467"/>
      <c r="BU4" s="467"/>
      <c r="BV4" s="467"/>
      <c r="BW4" s="467"/>
      <c r="BX4" s="467"/>
      <c r="BY4" s="467"/>
      <c r="BZ4" s="468"/>
      <c r="CA4" s="469" t="s">
        <v>40</v>
      </c>
      <c r="CB4" s="470"/>
      <c r="CC4" s="470"/>
      <c r="CD4" s="470"/>
      <c r="CE4" s="470"/>
      <c r="CF4" s="470"/>
      <c r="CG4" s="470"/>
      <c r="CH4" s="470"/>
      <c r="CI4" s="470"/>
      <c r="CJ4" s="470"/>
      <c r="CK4" s="471"/>
      <c r="CL4" s="469" t="s">
        <v>41</v>
      </c>
      <c r="CM4" s="470"/>
      <c r="CN4" s="470"/>
      <c r="CO4" s="470"/>
      <c r="CP4" s="470"/>
      <c r="CQ4" s="470"/>
      <c r="CR4" s="470"/>
      <c r="CS4" s="470"/>
      <c r="CT4" s="470"/>
      <c r="CU4" s="470"/>
      <c r="CV4" s="471"/>
      <c r="CW4" s="466" t="s">
        <v>39</v>
      </c>
      <c r="CX4" s="467"/>
      <c r="CY4" s="467"/>
      <c r="CZ4" s="467"/>
      <c r="DA4" s="467"/>
      <c r="DB4" s="467"/>
      <c r="DC4" s="467"/>
      <c r="DD4" s="467"/>
      <c r="DE4" s="467"/>
      <c r="DF4" s="467"/>
      <c r="DG4" s="467"/>
      <c r="DH4" s="467"/>
      <c r="DI4" s="467"/>
      <c r="DJ4" s="467"/>
      <c r="DK4" s="467"/>
      <c r="DL4" s="467"/>
      <c r="DM4" s="467"/>
      <c r="DN4" s="467"/>
      <c r="DO4" s="467"/>
      <c r="DP4" s="467"/>
      <c r="DQ4" s="467"/>
      <c r="DR4" s="467"/>
      <c r="DS4" s="467"/>
      <c r="DT4" s="467"/>
      <c r="DU4" s="467"/>
      <c r="DV4" s="467"/>
      <c r="DW4" s="467"/>
      <c r="DX4" s="467"/>
      <c r="DY4" s="467"/>
      <c r="DZ4" s="467"/>
      <c r="EA4" s="467"/>
      <c r="EB4" s="467"/>
      <c r="EC4" s="467"/>
      <c r="ED4" s="467"/>
      <c r="EE4" s="467"/>
      <c r="EF4" s="467"/>
      <c r="EG4" s="467"/>
      <c r="EH4" s="467"/>
      <c r="EI4" s="467"/>
      <c r="EJ4" s="467"/>
      <c r="EK4" s="467"/>
      <c r="EL4" s="467"/>
      <c r="EM4" s="467"/>
      <c r="EN4" s="467"/>
      <c r="EO4" s="467"/>
      <c r="EP4" s="467"/>
      <c r="EQ4" s="467"/>
      <c r="ER4" s="467"/>
      <c r="ES4" s="467"/>
      <c r="ET4" s="467"/>
      <c r="EU4" s="467"/>
      <c r="EV4" s="467"/>
      <c r="EW4" s="467"/>
      <c r="EX4" s="467"/>
      <c r="EY4" s="467"/>
      <c r="EZ4" s="467"/>
      <c r="FA4" s="467"/>
      <c r="FB4" s="467"/>
      <c r="FC4" s="467"/>
      <c r="FD4" s="467"/>
      <c r="FE4" s="467"/>
      <c r="FF4" s="467"/>
      <c r="FG4" s="467"/>
      <c r="FH4" s="467"/>
      <c r="FI4" s="467"/>
      <c r="FJ4" s="467"/>
      <c r="FK4" s="467"/>
      <c r="FL4" s="467"/>
      <c r="FM4" s="467"/>
      <c r="FN4" s="467"/>
      <c r="FO4" s="467"/>
      <c r="FP4" s="467"/>
      <c r="FQ4" s="467"/>
      <c r="FR4" s="467"/>
      <c r="FS4" s="467"/>
      <c r="FT4" s="467"/>
      <c r="FU4" s="468"/>
      <c r="FV4" s="469" t="s">
        <v>40</v>
      </c>
      <c r="FW4" s="470"/>
      <c r="FX4" s="470"/>
      <c r="FY4" s="470"/>
      <c r="FZ4" s="470"/>
      <c r="GA4" s="470"/>
      <c r="GB4" s="470"/>
      <c r="GC4" s="470"/>
      <c r="GD4" s="470"/>
      <c r="GE4" s="470"/>
      <c r="GF4" s="471"/>
      <c r="GG4" s="469" t="s">
        <v>41</v>
      </c>
      <c r="GH4" s="470"/>
      <c r="GI4" s="470"/>
      <c r="GJ4" s="470"/>
      <c r="GK4" s="470"/>
      <c r="GL4" s="470"/>
      <c r="GM4" s="470"/>
      <c r="GN4" s="470"/>
      <c r="GO4" s="470"/>
      <c r="GP4" s="470"/>
      <c r="GQ4" s="471"/>
      <c r="GR4" s="466" t="s">
        <v>39</v>
      </c>
      <c r="GS4" s="467"/>
      <c r="GT4" s="467"/>
      <c r="GU4" s="467"/>
      <c r="GV4" s="467"/>
      <c r="GW4" s="467"/>
      <c r="GX4" s="467"/>
      <c r="GY4" s="467"/>
      <c r="GZ4" s="467"/>
      <c r="HA4" s="467"/>
      <c r="HB4" s="467"/>
      <c r="HC4" s="467"/>
      <c r="HD4" s="467"/>
      <c r="HE4" s="467"/>
      <c r="HF4" s="467"/>
      <c r="HG4" s="467"/>
      <c r="HH4" s="467"/>
      <c r="HI4" s="467"/>
      <c r="HJ4" s="467"/>
      <c r="HK4" s="467"/>
      <c r="HL4" s="467"/>
      <c r="HM4" s="467"/>
      <c r="HN4" s="467"/>
      <c r="HO4" s="467"/>
      <c r="HP4" s="467"/>
      <c r="HQ4" s="467"/>
      <c r="HR4" s="467"/>
      <c r="HS4" s="467"/>
      <c r="HT4" s="467"/>
      <c r="HU4" s="467"/>
      <c r="HV4" s="467"/>
      <c r="HW4" s="467"/>
      <c r="HX4" s="467"/>
      <c r="HY4" s="467"/>
      <c r="HZ4" s="467"/>
      <c r="IA4" s="467"/>
      <c r="IB4" s="467"/>
      <c r="IC4" s="467"/>
      <c r="ID4" s="467"/>
      <c r="IE4" s="467"/>
      <c r="IF4" s="467"/>
      <c r="IG4" s="467"/>
      <c r="IH4" s="467"/>
      <c r="II4" s="467"/>
      <c r="IJ4" s="467"/>
      <c r="IK4" s="467"/>
      <c r="IL4" s="467"/>
      <c r="IM4" s="467"/>
      <c r="IN4" s="467"/>
      <c r="IO4" s="467"/>
      <c r="IP4" s="467"/>
      <c r="IQ4" s="467"/>
      <c r="IR4" s="467"/>
      <c r="IS4" s="467"/>
      <c r="IT4" s="467"/>
      <c r="IU4" s="467"/>
      <c r="IV4" s="467"/>
      <c r="IW4" s="467"/>
      <c r="IX4" s="467"/>
      <c r="IY4" s="467"/>
      <c r="IZ4" s="467"/>
      <c r="JA4" s="467"/>
      <c r="JB4" s="467"/>
      <c r="JC4" s="467"/>
      <c r="JD4" s="467"/>
      <c r="JE4" s="467"/>
      <c r="JF4" s="467"/>
      <c r="JG4" s="467"/>
      <c r="JH4" s="467"/>
      <c r="JI4" s="467"/>
      <c r="JJ4" s="467"/>
      <c r="JK4" s="467"/>
      <c r="JL4" s="467"/>
      <c r="JM4" s="467"/>
      <c r="JN4" s="467"/>
      <c r="JO4" s="467"/>
      <c r="JP4" s="468"/>
      <c r="JQ4" s="469" t="s">
        <v>40</v>
      </c>
      <c r="JR4" s="470"/>
      <c r="JS4" s="470"/>
      <c r="JT4" s="470"/>
      <c r="JU4" s="470"/>
      <c r="JV4" s="470"/>
      <c r="JW4" s="470"/>
      <c r="JX4" s="470"/>
      <c r="JY4" s="470"/>
      <c r="JZ4" s="470"/>
      <c r="KA4" s="471"/>
      <c r="KB4" s="469" t="s">
        <v>41</v>
      </c>
      <c r="KC4" s="470"/>
      <c r="KD4" s="470"/>
      <c r="KE4" s="470"/>
      <c r="KF4" s="470"/>
      <c r="KG4" s="470"/>
      <c r="KH4" s="470"/>
      <c r="KI4" s="470"/>
      <c r="KJ4" s="470"/>
      <c r="KK4" s="470"/>
      <c r="KL4" s="471"/>
    </row>
    <row r="5" spans="1:298" ht="27.75" customHeight="1" thickBot="1" x14ac:dyDescent="0.25">
      <c r="A5" s="475"/>
      <c r="B5" s="475"/>
      <c r="C5" s="476"/>
      <c r="D5" s="476"/>
      <c r="E5" s="476"/>
      <c r="F5" s="476"/>
      <c r="G5" s="476"/>
      <c r="H5" s="476"/>
      <c r="I5" s="476"/>
      <c r="J5" s="476"/>
      <c r="K5" s="476"/>
      <c r="L5" s="477"/>
      <c r="M5" s="478" t="s">
        <v>97</v>
      </c>
      <c r="N5" s="479"/>
      <c r="O5" s="479"/>
      <c r="P5" s="479"/>
      <c r="Q5" s="479"/>
      <c r="R5" s="479"/>
      <c r="S5" s="479"/>
      <c r="T5" s="479"/>
      <c r="U5" s="479"/>
      <c r="V5" s="479"/>
      <c r="W5" s="480"/>
      <c r="X5" s="478" t="s">
        <v>98</v>
      </c>
      <c r="Y5" s="479"/>
      <c r="Z5" s="479"/>
      <c r="AA5" s="479"/>
      <c r="AB5" s="479"/>
      <c r="AC5" s="479"/>
      <c r="AD5" s="479"/>
      <c r="AE5" s="479"/>
      <c r="AF5" s="479"/>
      <c r="AG5" s="479"/>
      <c r="AH5" s="480"/>
      <c r="AI5" s="478" t="s">
        <v>99</v>
      </c>
      <c r="AJ5" s="479"/>
      <c r="AK5" s="479"/>
      <c r="AL5" s="479"/>
      <c r="AM5" s="479"/>
      <c r="AN5" s="479"/>
      <c r="AO5" s="479"/>
      <c r="AP5" s="479"/>
      <c r="AQ5" s="479"/>
      <c r="AR5" s="479"/>
      <c r="AS5" s="480"/>
      <c r="AT5" s="478" t="s">
        <v>100</v>
      </c>
      <c r="AU5" s="479"/>
      <c r="AV5" s="479"/>
      <c r="AW5" s="479"/>
      <c r="AX5" s="479"/>
      <c r="AY5" s="479"/>
      <c r="AZ5" s="479"/>
      <c r="BA5" s="479"/>
      <c r="BB5" s="479"/>
      <c r="BC5" s="479"/>
      <c r="BD5" s="480"/>
      <c r="BE5" s="478" t="s">
        <v>101</v>
      </c>
      <c r="BF5" s="479"/>
      <c r="BG5" s="479"/>
      <c r="BH5" s="479"/>
      <c r="BI5" s="479"/>
      <c r="BJ5" s="479"/>
      <c r="BK5" s="479"/>
      <c r="BL5" s="479"/>
      <c r="BM5" s="479"/>
      <c r="BN5" s="479"/>
      <c r="BO5" s="480"/>
      <c r="BP5" s="478" t="s">
        <v>102</v>
      </c>
      <c r="BQ5" s="479"/>
      <c r="BR5" s="479"/>
      <c r="BS5" s="479"/>
      <c r="BT5" s="479"/>
      <c r="BU5" s="479"/>
      <c r="BV5" s="479"/>
      <c r="BW5" s="479"/>
      <c r="BX5" s="479"/>
      <c r="BY5" s="479"/>
      <c r="BZ5" s="480"/>
      <c r="CA5" s="472"/>
      <c r="CB5" s="473"/>
      <c r="CC5" s="473"/>
      <c r="CD5" s="473"/>
      <c r="CE5" s="473"/>
      <c r="CF5" s="473"/>
      <c r="CG5" s="473"/>
      <c r="CH5" s="473"/>
      <c r="CI5" s="473"/>
      <c r="CJ5" s="473"/>
      <c r="CK5" s="474"/>
      <c r="CL5" s="472"/>
      <c r="CM5" s="473"/>
      <c r="CN5" s="473"/>
      <c r="CO5" s="473"/>
      <c r="CP5" s="473"/>
      <c r="CQ5" s="473"/>
      <c r="CR5" s="473"/>
      <c r="CS5" s="473"/>
      <c r="CT5" s="473"/>
      <c r="CU5" s="473"/>
      <c r="CV5" s="474"/>
      <c r="CW5" s="475"/>
      <c r="CX5" s="476"/>
      <c r="CY5" s="476"/>
      <c r="CZ5" s="476"/>
      <c r="DA5" s="476"/>
      <c r="DB5" s="476"/>
      <c r="DC5" s="476"/>
      <c r="DD5" s="476"/>
      <c r="DE5" s="476"/>
      <c r="DF5" s="476"/>
      <c r="DG5" s="477"/>
      <c r="DH5" s="478" t="s">
        <v>97</v>
      </c>
      <c r="DI5" s="479"/>
      <c r="DJ5" s="479"/>
      <c r="DK5" s="479"/>
      <c r="DL5" s="479"/>
      <c r="DM5" s="479"/>
      <c r="DN5" s="479"/>
      <c r="DO5" s="479"/>
      <c r="DP5" s="479"/>
      <c r="DQ5" s="479"/>
      <c r="DR5" s="480"/>
      <c r="DS5" s="478" t="s">
        <v>98</v>
      </c>
      <c r="DT5" s="479"/>
      <c r="DU5" s="479"/>
      <c r="DV5" s="479"/>
      <c r="DW5" s="479"/>
      <c r="DX5" s="479"/>
      <c r="DY5" s="479"/>
      <c r="DZ5" s="479"/>
      <c r="EA5" s="479"/>
      <c r="EB5" s="479"/>
      <c r="EC5" s="480"/>
      <c r="ED5" s="478" t="s">
        <v>99</v>
      </c>
      <c r="EE5" s="479"/>
      <c r="EF5" s="479"/>
      <c r="EG5" s="479"/>
      <c r="EH5" s="479"/>
      <c r="EI5" s="479"/>
      <c r="EJ5" s="479"/>
      <c r="EK5" s="479"/>
      <c r="EL5" s="479"/>
      <c r="EM5" s="479"/>
      <c r="EN5" s="480"/>
      <c r="EO5" s="478" t="s">
        <v>100</v>
      </c>
      <c r="EP5" s="479"/>
      <c r="EQ5" s="479"/>
      <c r="ER5" s="479"/>
      <c r="ES5" s="479"/>
      <c r="ET5" s="479"/>
      <c r="EU5" s="479"/>
      <c r="EV5" s="479"/>
      <c r="EW5" s="479"/>
      <c r="EX5" s="479"/>
      <c r="EY5" s="480"/>
      <c r="EZ5" s="478" t="s">
        <v>101</v>
      </c>
      <c r="FA5" s="479"/>
      <c r="FB5" s="479"/>
      <c r="FC5" s="479"/>
      <c r="FD5" s="479"/>
      <c r="FE5" s="479"/>
      <c r="FF5" s="479"/>
      <c r="FG5" s="479"/>
      <c r="FH5" s="479"/>
      <c r="FI5" s="479"/>
      <c r="FJ5" s="480"/>
      <c r="FK5" s="478" t="s">
        <v>102</v>
      </c>
      <c r="FL5" s="479"/>
      <c r="FM5" s="479"/>
      <c r="FN5" s="479"/>
      <c r="FO5" s="479"/>
      <c r="FP5" s="479"/>
      <c r="FQ5" s="479"/>
      <c r="FR5" s="479"/>
      <c r="FS5" s="479"/>
      <c r="FT5" s="479"/>
      <c r="FU5" s="480"/>
      <c r="FV5" s="472"/>
      <c r="FW5" s="473"/>
      <c r="FX5" s="473"/>
      <c r="FY5" s="473"/>
      <c r="FZ5" s="473"/>
      <c r="GA5" s="473"/>
      <c r="GB5" s="473"/>
      <c r="GC5" s="473"/>
      <c r="GD5" s="473"/>
      <c r="GE5" s="473"/>
      <c r="GF5" s="474"/>
      <c r="GG5" s="472"/>
      <c r="GH5" s="473"/>
      <c r="GI5" s="473"/>
      <c r="GJ5" s="473"/>
      <c r="GK5" s="473"/>
      <c r="GL5" s="473"/>
      <c r="GM5" s="473"/>
      <c r="GN5" s="473"/>
      <c r="GO5" s="473"/>
      <c r="GP5" s="473"/>
      <c r="GQ5" s="474"/>
      <c r="GR5" s="475"/>
      <c r="GS5" s="476"/>
      <c r="GT5" s="476"/>
      <c r="GU5" s="476"/>
      <c r="GV5" s="476"/>
      <c r="GW5" s="476"/>
      <c r="GX5" s="476"/>
      <c r="GY5" s="476"/>
      <c r="GZ5" s="476"/>
      <c r="HA5" s="476"/>
      <c r="HB5" s="477"/>
      <c r="HC5" s="478" t="s">
        <v>97</v>
      </c>
      <c r="HD5" s="479"/>
      <c r="HE5" s="479"/>
      <c r="HF5" s="479"/>
      <c r="HG5" s="479"/>
      <c r="HH5" s="479"/>
      <c r="HI5" s="479"/>
      <c r="HJ5" s="479"/>
      <c r="HK5" s="479"/>
      <c r="HL5" s="479"/>
      <c r="HM5" s="480"/>
      <c r="HN5" s="478" t="s">
        <v>98</v>
      </c>
      <c r="HO5" s="479"/>
      <c r="HP5" s="479"/>
      <c r="HQ5" s="479"/>
      <c r="HR5" s="479"/>
      <c r="HS5" s="479"/>
      <c r="HT5" s="479"/>
      <c r="HU5" s="479"/>
      <c r="HV5" s="479"/>
      <c r="HW5" s="479"/>
      <c r="HX5" s="480"/>
      <c r="HY5" s="478" t="s">
        <v>99</v>
      </c>
      <c r="HZ5" s="479"/>
      <c r="IA5" s="479"/>
      <c r="IB5" s="479"/>
      <c r="IC5" s="479"/>
      <c r="ID5" s="479"/>
      <c r="IE5" s="479"/>
      <c r="IF5" s="479"/>
      <c r="IG5" s="479"/>
      <c r="IH5" s="479"/>
      <c r="II5" s="480"/>
      <c r="IJ5" s="478" t="s">
        <v>100</v>
      </c>
      <c r="IK5" s="479"/>
      <c r="IL5" s="479"/>
      <c r="IM5" s="479"/>
      <c r="IN5" s="479"/>
      <c r="IO5" s="479"/>
      <c r="IP5" s="479"/>
      <c r="IQ5" s="479"/>
      <c r="IR5" s="479"/>
      <c r="IS5" s="479"/>
      <c r="IT5" s="480"/>
      <c r="IU5" s="478" t="s">
        <v>101</v>
      </c>
      <c r="IV5" s="479"/>
      <c r="IW5" s="479"/>
      <c r="IX5" s="479"/>
      <c r="IY5" s="479"/>
      <c r="IZ5" s="479"/>
      <c r="JA5" s="479"/>
      <c r="JB5" s="479"/>
      <c r="JC5" s="479"/>
      <c r="JD5" s="479"/>
      <c r="JE5" s="480"/>
      <c r="JF5" s="478" t="s">
        <v>102</v>
      </c>
      <c r="JG5" s="479"/>
      <c r="JH5" s="479"/>
      <c r="JI5" s="479"/>
      <c r="JJ5" s="479"/>
      <c r="JK5" s="479"/>
      <c r="JL5" s="479"/>
      <c r="JM5" s="479"/>
      <c r="JN5" s="479"/>
      <c r="JO5" s="479"/>
      <c r="JP5" s="480"/>
      <c r="JQ5" s="472"/>
      <c r="JR5" s="473"/>
      <c r="JS5" s="473"/>
      <c r="JT5" s="473"/>
      <c r="JU5" s="473"/>
      <c r="JV5" s="473"/>
      <c r="JW5" s="473"/>
      <c r="JX5" s="473"/>
      <c r="JY5" s="473"/>
      <c r="JZ5" s="473"/>
      <c r="KA5" s="474"/>
      <c r="KB5" s="472"/>
      <c r="KC5" s="473"/>
      <c r="KD5" s="473"/>
      <c r="KE5" s="473"/>
      <c r="KF5" s="473"/>
      <c r="KG5" s="473"/>
      <c r="KH5" s="473"/>
      <c r="KI5" s="473"/>
      <c r="KJ5" s="473"/>
      <c r="KK5" s="473"/>
      <c r="KL5" s="474"/>
    </row>
    <row r="6" spans="1:298" ht="44.25" customHeight="1" thickBot="1" x14ac:dyDescent="0.25">
      <c r="A6" s="236" t="s">
        <v>42</v>
      </c>
      <c r="B6" s="49" t="s">
        <v>43</v>
      </c>
      <c r="C6" s="45" t="s">
        <v>44</v>
      </c>
      <c r="D6" s="46" t="s">
        <v>45</v>
      </c>
      <c r="E6" s="50" t="s">
        <v>46</v>
      </c>
      <c r="F6" s="45" t="s">
        <v>47</v>
      </c>
      <c r="G6" s="45" t="s">
        <v>48</v>
      </c>
      <c r="H6" s="45" t="s">
        <v>49</v>
      </c>
      <c r="I6" s="45" t="s">
        <v>50</v>
      </c>
      <c r="J6" s="45" t="s">
        <v>51</v>
      </c>
      <c r="K6" s="46" t="s">
        <v>45</v>
      </c>
      <c r="L6" s="234" t="s">
        <v>52</v>
      </c>
      <c r="M6" s="240" t="s">
        <v>43</v>
      </c>
      <c r="N6" s="241" t="s">
        <v>44</v>
      </c>
      <c r="O6" s="242" t="s">
        <v>45</v>
      </c>
      <c r="P6" s="243" t="s">
        <v>46</v>
      </c>
      <c r="Q6" s="241" t="s">
        <v>47</v>
      </c>
      <c r="R6" s="241" t="s">
        <v>48</v>
      </c>
      <c r="S6" s="241" t="s">
        <v>49</v>
      </c>
      <c r="T6" s="241" t="s">
        <v>50</v>
      </c>
      <c r="U6" s="241" t="s">
        <v>51</v>
      </c>
      <c r="V6" s="242" t="s">
        <v>45</v>
      </c>
      <c r="W6" s="239" t="s">
        <v>52</v>
      </c>
      <c r="X6" s="240" t="s">
        <v>43</v>
      </c>
      <c r="Y6" s="241" t="s">
        <v>44</v>
      </c>
      <c r="Z6" s="242" t="s">
        <v>45</v>
      </c>
      <c r="AA6" s="243" t="s">
        <v>46</v>
      </c>
      <c r="AB6" s="241" t="s">
        <v>47</v>
      </c>
      <c r="AC6" s="241" t="s">
        <v>48</v>
      </c>
      <c r="AD6" s="241" t="s">
        <v>49</v>
      </c>
      <c r="AE6" s="241" t="s">
        <v>50</v>
      </c>
      <c r="AF6" s="241" t="s">
        <v>51</v>
      </c>
      <c r="AG6" s="242" t="s">
        <v>45</v>
      </c>
      <c r="AH6" s="244" t="s">
        <v>52</v>
      </c>
      <c r="AI6" s="240" t="s">
        <v>43</v>
      </c>
      <c r="AJ6" s="241" t="s">
        <v>44</v>
      </c>
      <c r="AK6" s="242" t="s">
        <v>45</v>
      </c>
      <c r="AL6" s="243" t="s">
        <v>46</v>
      </c>
      <c r="AM6" s="241" t="s">
        <v>47</v>
      </c>
      <c r="AN6" s="241" t="s">
        <v>48</v>
      </c>
      <c r="AO6" s="241" t="s">
        <v>49</v>
      </c>
      <c r="AP6" s="241" t="s">
        <v>50</v>
      </c>
      <c r="AQ6" s="241" t="s">
        <v>51</v>
      </c>
      <c r="AR6" s="242" t="s">
        <v>45</v>
      </c>
      <c r="AS6" s="244" t="s">
        <v>52</v>
      </c>
      <c r="AT6" s="240" t="s">
        <v>43</v>
      </c>
      <c r="AU6" s="241" t="s">
        <v>44</v>
      </c>
      <c r="AV6" s="242" t="s">
        <v>45</v>
      </c>
      <c r="AW6" s="243" t="s">
        <v>46</v>
      </c>
      <c r="AX6" s="241" t="s">
        <v>47</v>
      </c>
      <c r="AY6" s="241" t="s">
        <v>48</v>
      </c>
      <c r="AZ6" s="241" t="s">
        <v>49</v>
      </c>
      <c r="BA6" s="241" t="s">
        <v>50</v>
      </c>
      <c r="BB6" s="241" t="s">
        <v>51</v>
      </c>
      <c r="BC6" s="242" t="s">
        <v>45</v>
      </c>
      <c r="BD6" s="244" t="s">
        <v>52</v>
      </c>
      <c r="BE6" s="240" t="s">
        <v>43</v>
      </c>
      <c r="BF6" s="241" t="s">
        <v>44</v>
      </c>
      <c r="BG6" s="242" t="s">
        <v>45</v>
      </c>
      <c r="BH6" s="243" t="s">
        <v>46</v>
      </c>
      <c r="BI6" s="241" t="s">
        <v>47</v>
      </c>
      <c r="BJ6" s="241" t="s">
        <v>48</v>
      </c>
      <c r="BK6" s="241" t="s">
        <v>49</v>
      </c>
      <c r="BL6" s="241" t="s">
        <v>50</v>
      </c>
      <c r="BM6" s="241" t="s">
        <v>51</v>
      </c>
      <c r="BN6" s="242" t="s">
        <v>45</v>
      </c>
      <c r="BO6" s="244" t="s">
        <v>52</v>
      </c>
      <c r="BP6" s="240" t="s">
        <v>43</v>
      </c>
      <c r="BQ6" s="241" t="s">
        <v>44</v>
      </c>
      <c r="BR6" s="242" t="s">
        <v>45</v>
      </c>
      <c r="BS6" s="243" t="s">
        <v>46</v>
      </c>
      <c r="BT6" s="241" t="s">
        <v>47</v>
      </c>
      <c r="BU6" s="241" t="s">
        <v>48</v>
      </c>
      <c r="BV6" s="241" t="s">
        <v>49</v>
      </c>
      <c r="BW6" s="241" t="s">
        <v>50</v>
      </c>
      <c r="BX6" s="241" t="s">
        <v>51</v>
      </c>
      <c r="BY6" s="242" t="s">
        <v>45</v>
      </c>
      <c r="BZ6" s="244" t="s">
        <v>52</v>
      </c>
      <c r="CA6" s="240" t="s">
        <v>43</v>
      </c>
      <c r="CB6" s="241" t="s">
        <v>44</v>
      </c>
      <c r="CC6" s="242" t="s">
        <v>45</v>
      </c>
      <c r="CD6" s="243" t="s">
        <v>46</v>
      </c>
      <c r="CE6" s="241" t="s">
        <v>47</v>
      </c>
      <c r="CF6" s="241" t="s">
        <v>48</v>
      </c>
      <c r="CG6" s="241" t="s">
        <v>49</v>
      </c>
      <c r="CH6" s="241" t="s">
        <v>50</v>
      </c>
      <c r="CI6" s="241" t="s">
        <v>51</v>
      </c>
      <c r="CJ6" s="242" t="s">
        <v>45</v>
      </c>
      <c r="CK6" s="244" t="s">
        <v>52</v>
      </c>
      <c r="CL6" s="240" t="s">
        <v>43</v>
      </c>
      <c r="CM6" s="241" t="s">
        <v>44</v>
      </c>
      <c r="CN6" s="242" t="s">
        <v>45</v>
      </c>
      <c r="CO6" s="243" t="s">
        <v>46</v>
      </c>
      <c r="CP6" s="241" t="s">
        <v>47</v>
      </c>
      <c r="CQ6" s="241" t="s">
        <v>48</v>
      </c>
      <c r="CR6" s="241" t="s">
        <v>49</v>
      </c>
      <c r="CS6" s="241" t="s">
        <v>50</v>
      </c>
      <c r="CT6" s="241" t="s">
        <v>51</v>
      </c>
      <c r="CU6" s="242" t="s">
        <v>45</v>
      </c>
      <c r="CV6" s="244" t="s">
        <v>52</v>
      </c>
      <c r="CW6" s="49" t="s">
        <v>43</v>
      </c>
      <c r="CX6" s="45" t="s">
        <v>44</v>
      </c>
      <c r="CY6" s="46" t="s">
        <v>45</v>
      </c>
      <c r="CZ6" s="50" t="s">
        <v>46</v>
      </c>
      <c r="DA6" s="45" t="s">
        <v>47</v>
      </c>
      <c r="DB6" s="45" t="s">
        <v>48</v>
      </c>
      <c r="DC6" s="45" t="s">
        <v>49</v>
      </c>
      <c r="DD6" s="45" t="s">
        <v>50</v>
      </c>
      <c r="DE6" s="45" t="s">
        <v>51</v>
      </c>
      <c r="DF6" s="46" t="s">
        <v>45</v>
      </c>
      <c r="DG6" s="234" t="s">
        <v>52</v>
      </c>
      <c r="DH6" s="240" t="s">
        <v>43</v>
      </c>
      <c r="DI6" s="241" t="s">
        <v>44</v>
      </c>
      <c r="DJ6" s="242" t="s">
        <v>45</v>
      </c>
      <c r="DK6" s="243" t="s">
        <v>46</v>
      </c>
      <c r="DL6" s="241" t="s">
        <v>47</v>
      </c>
      <c r="DM6" s="241" t="s">
        <v>48</v>
      </c>
      <c r="DN6" s="241" t="s">
        <v>49</v>
      </c>
      <c r="DO6" s="241" t="s">
        <v>50</v>
      </c>
      <c r="DP6" s="241" t="s">
        <v>51</v>
      </c>
      <c r="DQ6" s="242" t="s">
        <v>45</v>
      </c>
      <c r="DR6" s="244" t="s">
        <v>52</v>
      </c>
      <c r="DS6" s="240" t="s">
        <v>43</v>
      </c>
      <c r="DT6" s="241" t="s">
        <v>44</v>
      </c>
      <c r="DU6" s="242" t="s">
        <v>45</v>
      </c>
      <c r="DV6" s="243" t="s">
        <v>46</v>
      </c>
      <c r="DW6" s="241" t="s">
        <v>47</v>
      </c>
      <c r="DX6" s="241" t="s">
        <v>48</v>
      </c>
      <c r="DY6" s="241" t="s">
        <v>49</v>
      </c>
      <c r="DZ6" s="241" t="s">
        <v>50</v>
      </c>
      <c r="EA6" s="241" t="s">
        <v>51</v>
      </c>
      <c r="EB6" s="242" t="s">
        <v>45</v>
      </c>
      <c r="EC6" s="244" t="s">
        <v>52</v>
      </c>
      <c r="ED6" s="240" t="s">
        <v>43</v>
      </c>
      <c r="EE6" s="241" t="s">
        <v>44</v>
      </c>
      <c r="EF6" s="242" t="s">
        <v>45</v>
      </c>
      <c r="EG6" s="243" t="s">
        <v>46</v>
      </c>
      <c r="EH6" s="241" t="s">
        <v>47</v>
      </c>
      <c r="EI6" s="241" t="s">
        <v>48</v>
      </c>
      <c r="EJ6" s="241" t="s">
        <v>49</v>
      </c>
      <c r="EK6" s="241" t="s">
        <v>50</v>
      </c>
      <c r="EL6" s="241" t="s">
        <v>51</v>
      </c>
      <c r="EM6" s="242" t="s">
        <v>45</v>
      </c>
      <c r="EN6" s="244" t="s">
        <v>52</v>
      </c>
      <c r="EO6" s="240" t="s">
        <v>43</v>
      </c>
      <c r="EP6" s="241" t="s">
        <v>44</v>
      </c>
      <c r="EQ6" s="242" t="s">
        <v>45</v>
      </c>
      <c r="ER6" s="243" t="s">
        <v>46</v>
      </c>
      <c r="ES6" s="241" t="s">
        <v>47</v>
      </c>
      <c r="ET6" s="241" t="s">
        <v>48</v>
      </c>
      <c r="EU6" s="241" t="s">
        <v>49</v>
      </c>
      <c r="EV6" s="241" t="s">
        <v>50</v>
      </c>
      <c r="EW6" s="241" t="s">
        <v>51</v>
      </c>
      <c r="EX6" s="242" t="s">
        <v>45</v>
      </c>
      <c r="EY6" s="244" t="s">
        <v>52</v>
      </c>
      <c r="EZ6" s="240" t="s">
        <v>43</v>
      </c>
      <c r="FA6" s="241" t="s">
        <v>44</v>
      </c>
      <c r="FB6" s="242" t="s">
        <v>45</v>
      </c>
      <c r="FC6" s="243" t="s">
        <v>46</v>
      </c>
      <c r="FD6" s="241" t="s">
        <v>47</v>
      </c>
      <c r="FE6" s="241" t="s">
        <v>48</v>
      </c>
      <c r="FF6" s="241" t="s">
        <v>49</v>
      </c>
      <c r="FG6" s="241" t="s">
        <v>50</v>
      </c>
      <c r="FH6" s="241" t="s">
        <v>51</v>
      </c>
      <c r="FI6" s="242" t="s">
        <v>45</v>
      </c>
      <c r="FJ6" s="244" t="s">
        <v>52</v>
      </c>
      <c r="FK6" s="240" t="s">
        <v>43</v>
      </c>
      <c r="FL6" s="241" t="s">
        <v>44</v>
      </c>
      <c r="FM6" s="242" t="s">
        <v>45</v>
      </c>
      <c r="FN6" s="243" t="s">
        <v>46</v>
      </c>
      <c r="FO6" s="241" t="s">
        <v>47</v>
      </c>
      <c r="FP6" s="241" t="s">
        <v>48</v>
      </c>
      <c r="FQ6" s="241" t="s">
        <v>49</v>
      </c>
      <c r="FR6" s="241" t="s">
        <v>50</v>
      </c>
      <c r="FS6" s="241" t="s">
        <v>51</v>
      </c>
      <c r="FT6" s="242" t="s">
        <v>45</v>
      </c>
      <c r="FU6" s="244" t="s">
        <v>52</v>
      </c>
      <c r="FV6" s="240" t="s">
        <v>43</v>
      </c>
      <c r="FW6" s="241" t="s">
        <v>44</v>
      </c>
      <c r="FX6" s="242" t="s">
        <v>45</v>
      </c>
      <c r="FY6" s="243" t="s">
        <v>46</v>
      </c>
      <c r="FZ6" s="241" t="s">
        <v>47</v>
      </c>
      <c r="GA6" s="241" t="s">
        <v>48</v>
      </c>
      <c r="GB6" s="241" t="s">
        <v>49</v>
      </c>
      <c r="GC6" s="241" t="s">
        <v>50</v>
      </c>
      <c r="GD6" s="241" t="s">
        <v>51</v>
      </c>
      <c r="GE6" s="242" t="s">
        <v>45</v>
      </c>
      <c r="GF6" s="244" t="s">
        <v>52</v>
      </c>
      <c r="GG6" s="240" t="s">
        <v>43</v>
      </c>
      <c r="GH6" s="241" t="s">
        <v>44</v>
      </c>
      <c r="GI6" s="242" t="s">
        <v>45</v>
      </c>
      <c r="GJ6" s="243" t="s">
        <v>46</v>
      </c>
      <c r="GK6" s="241" t="s">
        <v>47</v>
      </c>
      <c r="GL6" s="241" t="s">
        <v>48</v>
      </c>
      <c r="GM6" s="241" t="s">
        <v>49</v>
      </c>
      <c r="GN6" s="241" t="s">
        <v>50</v>
      </c>
      <c r="GO6" s="241" t="s">
        <v>51</v>
      </c>
      <c r="GP6" s="242" t="s">
        <v>45</v>
      </c>
      <c r="GQ6" s="244" t="s">
        <v>52</v>
      </c>
      <c r="GR6" s="49" t="s">
        <v>43</v>
      </c>
      <c r="GS6" s="45" t="s">
        <v>44</v>
      </c>
      <c r="GT6" s="46" t="s">
        <v>45</v>
      </c>
      <c r="GU6" s="50" t="s">
        <v>46</v>
      </c>
      <c r="GV6" s="45" t="s">
        <v>47</v>
      </c>
      <c r="GW6" s="45" t="s">
        <v>48</v>
      </c>
      <c r="GX6" s="45" t="s">
        <v>49</v>
      </c>
      <c r="GY6" s="45" t="s">
        <v>50</v>
      </c>
      <c r="GZ6" s="45" t="s">
        <v>51</v>
      </c>
      <c r="HA6" s="46" t="s">
        <v>45</v>
      </c>
      <c r="HB6" s="234" t="s">
        <v>52</v>
      </c>
      <c r="HC6" s="240" t="s">
        <v>43</v>
      </c>
      <c r="HD6" s="241" t="s">
        <v>44</v>
      </c>
      <c r="HE6" s="242" t="s">
        <v>45</v>
      </c>
      <c r="HF6" s="243" t="s">
        <v>46</v>
      </c>
      <c r="HG6" s="241" t="s">
        <v>47</v>
      </c>
      <c r="HH6" s="241" t="s">
        <v>48</v>
      </c>
      <c r="HI6" s="241" t="s">
        <v>49</v>
      </c>
      <c r="HJ6" s="241" t="s">
        <v>50</v>
      </c>
      <c r="HK6" s="241" t="s">
        <v>51</v>
      </c>
      <c r="HL6" s="242" t="s">
        <v>45</v>
      </c>
      <c r="HM6" s="244" t="s">
        <v>52</v>
      </c>
      <c r="HN6" s="240" t="s">
        <v>43</v>
      </c>
      <c r="HO6" s="241" t="s">
        <v>44</v>
      </c>
      <c r="HP6" s="242" t="s">
        <v>45</v>
      </c>
      <c r="HQ6" s="243" t="s">
        <v>46</v>
      </c>
      <c r="HR6" s="241" t="s">
        <v>47</v>
      </c>
      <c r="HS6" s="241" t="s">
        <v>48</v>
      </c>
      <c r="HT6" s="241" t="s">
        <v>49</v>
      </c>
      <c r="HU6" s="241" t="s">
        <v>50</v>
      </c>
      <c r="HV6" s="241" t="s">
        <v>51</v>
      </c>
      <c r="HW6" s="242" t="s">
        <v>45</v>
      </c>
      <c r="HX6" s="244" t="s">
        <v>52</v>
      </c>
      <c r="HY6" s="240" t="s">
        <v>43</v>
      </c>
      <c r="HZ6" s="241" t="s">
        <v>44</v>
      </c>
      <c r="IA6" s="242" t="s">
        <v>45</v>
      </c>
      <c r="IB6" s="243" t="s">
        <v>46</v>
      </c>
      <c r="IC6" s="241" t="s">
        <v>47</v>
      </c>
      <c r="ID6" s="241" t="s">
        <v>48</v>
      </c>
      <c r="IE6" s="241" t="s">
        <v>49</v>
      </c>
      <c r="IF6" s="241" t="s">
        <v>50</v>
      </c>
      <c r="IG6" s="241" t="s">
        <v>51</v>
      </c>
      <c r="IH6" s="242" t="s">
        <v>45</v>
      </c>
      <c r="II6" s="244" t="s">
        <v>52</v>
      </c>
      <c r="IJ6" s="240" t="s">
        <v>43</v>
      </c>
      <c r="IK6" s="241" t="s">
        <v>44</v>
      </c>
      <c r="IL6" s="242" t="s">
        <v>45</v>
      </c>
      <c r="IM6" s="243" t="s">
        <v>46</v>
      </c>
      <c r="IN6" s="241" t="s">
        <v>47</v>
      </c>
      <c r="IO6" s="241" t="s">
        <v>48</v>
      </c>
      <c r="IP6" s="241" t="s">
        <v>49</v>
      </c>
      <c r="IQ6" s="241" t="s">
        <v>50</v>
      </c>
      <c r="IR6" s="241" t="s">
        <v>51</v>
      </c>
      <c r="IS6" s="242" t="s">
        <v>45</v>
      </c>
      <c r="IT6" s="244" t="s">
        <v>52</v>
      </c>
      <c r="IU6" s="240" t="s">
        <v>43</v>
      </c>
      <c r="IV6" s="241" t="s">
        <v>44</v>
      </c>
      <c r="IW6" s="242" t="s">
        <v>45</v>
      </c>
      <c r="IX6" s="243" t="s">
        <v>46</v>
      </c>
      <c r="IY6" s="241" t="s">
        <v>47</v>
      </c>
      <c r="IZ6" s="241" t="s">
        <v>48</v>
      </c>
      <c r="JA6" s="241" t="s">
        <v>49</v>
      </c>
      <c r="JB6" s="241" t="s">
        <v>50</v>
      </c>
      <c r="JC6" s="241" t="s">
        <v>51</v>
      </c>
      <c r="JD6" s="242" t="s">
        <v>45</v>
      </c>
      <c r="JE6" s="244" t="s">
        <v>52</v>
      </c>
      <c r="JF6" s="240" t="s">
        <v>43</v>
      </c>
      <c r="JG6" s="241" t="s">
        <v>44</v>
      </c>
      <c r="JH6" s="242" t="s">
        <v>45</v>
      </c>
      <c r="JI6" s="243" t="s">
        <v>46</v>
      </c>
      <c r="JJ6" s="241" t="s">
        <v>47</v>
      </c>
      <c r="JK6" s="241" t="s">
        <v>48</v>
      </c>
      <c r="JL6" s="241" t="s">
        <v>49</v>
      </c>
      <c r="JM6" s="241" t="s">
        <v>50</v>
      </c>
      <c r="JN6" s="241" t="s">
        <v>51</v>
      </c>
      <c r="JO6" s="242" t="s">
        <v>45</v>
      </c>
      <c r="JP6" s="244" t="s">
        <v>52</v>
      </c>
      <c r="JQ6" s="240" t="s">
        <v>43</v>
      </c>
      <c r="JR6" s="241" t="s">
        <v>44</v>
      </c>
      <c r="JS6" s="242" t="s">
        <v>45</v>
      </c>
      <c r="JT6" s="243" t="s">
        <v>46</v>
      </c>
      <c r="JU6" s="241" t="s">
        <v>47</v>
      </c>
      <c r="JV6" s="241" t="s">
        <v>48</v>
      </c>
      <c r="JW6" s="241" t="s">
        <v>49</v>
      </c>
      <c r="JX6" s="241" t="s">
        <v>50</v>
      </c>
      <c r="JY6" s="241" t="s">
        <v>51</v>
      </c>
      <c r="JZ6" s="242" t="s">
        <v>45</v>
      </c>
      <c r="KA6" s="244" t="s">
        <v>52</v>
      </c>
      <c r="KB6" s="240" t="s">
        <v>43</v>
      </c>
      <c r="KC6" s="241" t="s">
        <v>44</v>
      </c>
      <c r="KD6" s="242" t="s">
        <v>45</v>
      </c>
      <c r="KE6" s="243" t="s">
        <v>46</v>
      </c>
      <c r="KF6" s="241" t="s">
        <v>47</v>
      </c>
      <c r="KG6" s="241" t="s">
        <v>48</v>
      </c>
      <c r="KH6" s="241" t="s">
        <v>49</v>
      </c>
      <c r="KI6" s="241" t="s">
        <v>50</v>
      </c>
      <c r="KJ6" s="241" t="s">
        <v>51</v>
      </c>
      <c r="KK6" s="242" t="s">
        <v>45</v>
      </c>
      <c r="KL6" s="244" t="s">
        <v>52</v>
      </c>
    </row>
    <row r="7" spans="1:298" ht="19.5" customHeight="1" x14ac:dyDescent="0.2">
      <c r="A7" s="235" t="s">
        <v>4</v>
      </c>
      <c r="B7" s="214">
        <v>3147</v>
      </c>
      <c r="C7" s="76">
        <v>2998</v>
      </c>
      <c r="D7" s="77">
        <v>6145</v>
      </c>
      <c r="E7" s="158"/>
      <c r="F7" s="76">
        <v>4120</v>
      </c>
      <c r="G7" s="76">
        <v>3830</v>
      </c>
      <c r="H7" s="76">
        <v>2270</v>
      </c>
      <c r="I7" s="76">
        <v>2053</v>
      </c>
      <c r="J7" s="76">
        <v>1318</v>
      </c>
      <c r="K7" s="78">
        <v>13591</v>
      </c>
      <c r="L7" s="79">
        <v>19736</v>
      </c>
      <c r="M7" s="64">
        <v>85</v>
      </c>
      <c r="N7" s="65">
        <v>121</v>
      </c>
      <c r="O7" s="66">
        <v>206</v>
      </c>
      <c r="P7" s="158"/>
      <c r="Q7" s="65">
        <v>119</v>
      </c>
      <c r="R7" s="65">
        <v>151</v>
      </c>
      <c r="S7" s="65">
        <v>81</v>
      </c>
      <c r="T7" s="65">
        <v>87</v>
      </c>
      <c r="U7" s="65">
        <v>72</v>
      </c>
      <c r="V7" s="66">
        <v>510</v>
      </c>
      <c r="W7" s="67">
        <v>716</v>
      </c>
      <c r="X7" s="64">
        <v>239</v>
      </c>
      <c r="Y7" s="65">
        <v>257</v>
      </c>
      <c r="Z7" s="66">
        <v>496</v>
      </c>
      <c r="AA7" s="158"/>
      <c r="AB7" s="65">
        <v>310</v>
      </c>
      <c r="AC7" s="65">
        <v>326</v>
      </c>
      <c r="AD7" s="65">
        <v>190</v>
      </c>
      <c r="AE7" s="65">
        <v>183</v>
      </c>
      <c r="AF7" s="65">
        <v>144</v>
      </c>
      <c r="AG7" s="66">
        <v>1153</v>
      </c>
      <c r="AH7" s="67">
        <v>1649</v>
      </c>
      <c r="AI7" s="64">
        <v>371</v>
      </c>
      <c r="AJ7" s="65">
        <v>354</v>
      </c>
      <c r="AK7" s="66">
        <v>725</v>
      </c>
      <c r="AL7" s="158"/>
      <c r="AM7" s="65">
        <v>487</v>
      </c>
      <c r="AN7" s="65">
        <v>441</v>
      </c>
      <c r="AO7" s="65">
        <v>255</v>
      </c>
      <c r="AP7" s="65">
        <v>260</v>
      </c>
      <c r="AQ7" s="65">
        <v>172</v>
      </c>
      <c r="AR7" s="66">
        <v>1615</v>
      </c>
      <c r="AS7" s="67">
        <v>2340</v>
      </c>
      <c r="AT7" s="64">
        <v>749</v>
      </c>
      <c r="AU7" s="65">
        <v>682</v>
      </c>
      <c r="AV7" s="66">
        <v>1431</v>
      </c>
      <c r="AW7" s="158"/>
      <c r="AX7" s="65">
        <v>911</v>
      </c>
      <c r="AY7" s="65">
        <v>793</v>
      </c>
      <c r="AZ7" s="65">
        <v>511</v>
      </c>
      <c r="BA7" s="65">
        <v>395</v>
      </c>
      <c r="BB7" s="65">
        <v>285</v>
      </c>
      <c r="BC7" s="66">
        <v>2895</v>
      </c>
      <c r="BD7" s="67">
        <v>4326</v>
      </c>
      <c r="BE7" s="64">
        <v>997</v>
      </c>
      <c r="BF7" s="65">
        <v>814</v>
      </c>
      <c r="BG7" s="66">
        <v>1811</v>
      </c>
      <c r="BH7" s="158"/>
      <c r="BI7" s="65">
        <v>1186</v>
      </c>
      <c r="BJ7" s="65">
        <v>980</v>
      </c>
      <c r="BK7" s="65">
        <v>577</v>
      </c>
      <c r="BL7" s="65">
        <v>532</v>
      </c>
      <c r="BM7" s="65">
        <v>299</v>
      </c>
      <c r="BN7" s="66">
        <v>3574</v>
      </c>
      <c r="BO7" s="67">
        <v>5385</v>
      </c>
      <c r="BP7" s="64">
        <v>706</v>
      </c>
      <c r="BQ7" s="65">
        <v>770</v>
      </c>
      <c r="BR7" s="66">
        <v>1476</v>
      </c>
      <c r="BS7" s="158"/>
      <c r="BT7" s="65">
        <v>1107</v>
      </c>
      <c r="BU7" s="65">
        <v>1139</v>
      </c>
      <c r="BV7" s="65">
        <v>656</v>
      </c>
      <c r="BW7" s="65">
        <v>596</v>
      </c>
      <c r="BX7" s="65">
        <v>346</v>
      </c>
      <c r="BY7" s="66">
        <v>3844</v>
      </c>
      <c r="BZ7" s="67">
        <v>5320</v>
      </c>
      <c r="CA7" s="64">
        <v>0</v>
      </c>
      <c r="CB7" s="65">
        <v>0</v>
      </c>
      <c r="CC7" s="66">
        <v>0</v>
      </c>
      <c r="CD7" s="158"/>
      <c r="CE7" s="65">
        <v>0</v>
      </c>
      <c r="CF7" s="65">
        <v>0</v>
      </c>
      <c r="CG7" s="65">
        <v>0</v>
      </c>
      <c r="CH7" s="65">
        <v>0</v>
      </c>
      <c r="CI7" s="65">
        <v>0</v>
      </c>
      <c r="CJ7" s="66">
        <v>0</v>
      </c>
      <c r="CK7" s="67">
        <v>0</v>
      </c>
      <c r="CL7" s="64">
        <v>3147</v>
      </c>
      <c r="CM7" s="65">
        <v>2998</v>
      </c>
      <c r="CN7" s="66">
        <v>6145</v>
      </c>
      <c r="CO7" s="158"/>
      <c r="CP7" s="65">
        <v>4120</v>
      </c>
      <c r="CQ7" s="65">
        <v>3830</v>
      </c>
      <c r="CR7" s="65">
        <v>2270</v>
      </c>
      <c r="CS7" s="65">
        <v>2053</v>
      </c>
      <c r="CT7" s="65">
        <v>1318</v>
      </c>
      <c r="CU7" s="66">
        <v>13591</v>
      </c>
      <c r="CV7" s="67">
        <v>19736</v>
      </c>
      <c r="CW7" s="107">
        <v>1140</v>
      </c>
      <c r="CX7" s="76">
        <v>1296</v>
      </c>
      <c r="CY7" s="77">
        <v>2436</v>
      </c>
      <c r="CZ7" s="158"/>
      <c r="DA7" s="76">
        <v>1628</v>
      </c>
      <c r="DB7" s="76">
        <v>1544</v>
      </c>
      <c r="DC7" s="76">
        <v>1038</v>
      </c>
      <c r="DD7" s="76">
        <v>1025</v>
      </c>
      <c r="DE7" s="76">
        <v>726</v>
      </c>
      <c r="DF7" s="78">
        <v>5961</v>
      </c>
      <c r="DG7" s="79">
        <v>8397</v>
      </c>
      <c r="DH7" s="64">
        <v>30</v>
      </c>
      <c r="DI7" s="65">
        <v>29</v>
      </c>
      <c r="DJ7" s="66">
        <v>59</v>
      </c>
      <c r="DK7" s="158"/>
      <c r="DL7" s="65">
        <v>29</v>
      </c>
      <c r="DM7" s="65">
        <v>37</v>
      </c>
      <c r="DN7" s="65">
        <v>24</v>
      </c>
      <c r="DO7" s="65">
        <v>14</v>
      </c>
      <c r="DP7" s="65">
        <v>10</v>
      </c>
      <c r="DQ7" s="66">
        <v>114</v>
      </c>
      <c r="DR7" s="67">
        <v>173</v>
      </c>
      <c r="DS7" s="64">
        <v>100</v>
      </c>
      <c r="DT7" s="65">
        <v>87</v>
      </c>
      <c r="DU7" s="66">
        <v>187</v>
      </c>
      <c r="DV7" s="158"/>
      <c r="DW7" s="65">
        <v>97</v>
      </c>
      <c r="DX7" s="65">
        <v>81</v>
      </c>
      <c r="DY7" s="65">
        <v>49</v>
      </c>
      <c r="DZ7" s="65">
        <v>45</v>
      </c>
      <c r="EA7" s="65">
        <v>23</v>
      </c>
      <c r="EB7" s="66">
        <v>295</v>
      </c>
      <c r="EC7" s="67">
        <v>482</v>
      </c>
      <c r="ED7" s="64">
        <v>175</v>
      </c>
      <c r="EE7" s="65">
        <v>167</v>
      </c>
      <c r="EF7" s="66">
        <v>342</v>
      </c>
      <c r="EG7" s="158"/>
      <c r="EH7" s="65">
        <v>181</v>
      </c>
      <c r="EI7" s="65">
        <v>127</v>
      </c>
      <c r="EJ7" s="65">
        <v>74</v>
      </c>
      <c r="EK7" s="65">
        <v>62</v>
      </c>
      <c r="EL7" s="65">
        <v>54</v>
      </c>
      <c r="EM7" s="66">
        <v>498</v>
      </c>
      <c r="EN7" s="67">
        <v>840</v>
      </c>
      <c r="EO7" s="64">
        <v>267</v>
      </c>
      <c r="EP7" s="65">
        <v>308</v>
      </c>
      <c r="EQ7" s="66">
        <v>575</v>
      </c>
      <c r="ER7" s="158"/>
      <c r="ES7" s="65">
        <v>351</v>
      </c>
      <c r="ET7" s="65">
        <v>267</v>
      </c>
      <c r="EU7" s="65">
        <v>148</v>
      </c>
      <c r="EV7" s="65">
        <v>134</v>
      </c>
      <c r="EW7" s="65">
        <v>113</v>
      </c>
      <c r="EX7" s="66">
        <v>1013</v>
      </c>
      <c r="EY7" s="67">
        <v>1588</v>
      </c>
      <c r="EZ7" s="64">
        <v>352</v>
      </c>
      <c r="FA7" s="65">
        <v>383</v>
      </c>
      <c r="FB7" s="66">
        <v>735</v>
      </c>
      <c r="FC7" s="158"/>
      <c r="FD7" s="65">
        <v>494</v>
      </c>
      <c r="FE7" s="65">
        <v>449</v>
      </c>
      <c r="FF7" s="65">
        <v>295</v>
      </c>
      <c r="FG7" s="65">
        <v>238</v>
      </c>
      <c r="FH7" s="65">
        <v>197</v>
      </c>
      <c r="FI7" s="66">
        <v>1673</v>
      </c>
      <c r="FJ7" s="67">
        <v>2408</v>
      </c>
      <c r="FK7" s="64">
        <v>216</v>
      </c>
      <c r="FL7" s="65">
        <v>322</v>
      </c>
      <c r="FM7" s="66">
        <v>538</v>
      </c>
      <c r="FN7" s="158"/>
      <c r="FO7" s="65">
        <v>476</v>
      </c>
      <c r="FP7" s="65">
        <v>583</v>
      </c>
      <c r="FQ7" s="65">
        <v>448</v>
      </c>
      <c r="FR7" s="65">
        <v>532</v>
      </c>
      <c r="FS7" s="65">
        <v>329</v>
      </c>
      <c r="FT7" s="66">
        <v>2368</v>
      </c>
      <c r="FU7" s="67">
        <v>2906</v>
      </c>
      <c r="FV7" s="64">
        <v>0</v>
      </c>
      <c r="FW7" s="65">
        <v>0</v>
      </c>
      <c r="FX7" s="66">
        <v>0</v>
      </c>
      <c r="FY7" s="158"/>
      <c r="FZ7" s="65">
        <v>0</v>
      </c>
      <c r="GA7" s="65">
        <v>0</v>
      </c>
      <c r="GB7" s="65">
        <v>0</v>
      </c>
      <c r="GC7" s="65">
        <v>0</v>
      </c>
      <c r="GD7" s="65">
        <v>0</v>
      </c>
      <c r="GE7" s="66">
        <v>0</v>
      </c>
      <c r="GF7" s="67">
        <v>0</v>
      </c>
      <c r="GG7" s="64">
        <v>1140</v>
      </c>
      <c r="GH7" s="65">
        <v>1296</v>
      </c>
      <c r="GI7" s="66">
        <v>2436</v>
      </c>
      <c r="GJ7" s="158"/>
      <c r="GK7" s="65">
        <v>1628</v>
      </c>
      <c r="GL7" s="65">
        <v>1544</v>
      </c>
      <c r="GM7" s="65">
        <v>1038</v>
      </c>
      <c r="GN7" s="65">
        <v>1025</v>
      </c>
      <c r="GO7" s="65">
        <v>726</v>
      </c>
      <c r="GP7" s="66">
        <v>5961</v>
      </c>
      <c r="GQ7" s="67">
        <v>8397</v>
      </c>
      <c r="GR7" s="107">
        <v>4287</v>
      </c>
      <c r="GS7" s="76">
        <v>4294</v>
      </c>
      <c r="GT7" s="77">
        <v>8581</v>
      </c>
      <c r="GU7" s="158"/>
      <c r="GV7" s="76">
        <v>5748</v>
      </c>
      <c r="GW7" s="76">
        <v>5374</v>
      </c>
      <c r="GX7" s="76">
        <v>3308</v>
      </c>
      <c r="GY7" s="76">
        <v>3078</v>
      </c>
      <c r="GZ7" s="76">
        <v>2044</v>
      </c>
      <c r="HA7" s="78">
        <v>19552</v>
      </c>
      <c r="HB7" s="79">
        <v>28133</v>
      </c>
      <c r="HC7" s="64">
        <v>115</v>
      </c>
      <c r="HD7" s="65">
        <v>150</v>
      </c>
      <c r="HE7" s="66">
        <v>265</v>
      </c>
      <c r="HF7" s="158"/>
      <c r="HG7" s="65">
        <v>148</v>
      </c>
      <c r="HH7" s="65">
        <v>188</v>
      </c>
      <c r="HI7" s="65">
        <v>105</v>
      </c>
      <c r="HJ7" s="65">
        <v>101</v>
      </c>
      <c r="HK7" s="65">
        <v>82</v>
      </c>
      <c r="HL7" s="66">
        <v>624</v>
      </c>
      <c r="HM7" s="67">
        <v>889</v>
      </c>
      <c r="HN7" s="64">
        <v>339</v>
      </c>
      <c r="HO7" s="65">
        <v>344</v>
      </c>
      <c r="HP7" s="66">
        <v>683</v>
      </c>
      <c r="HQ7" s="158"/>
      <c r="HR7" s="65">
        <v>407</v>
      </c>
      <c r="HS7" s="65">
        <v>407</v>
      </c>
      <c r="HT7" s="65">
        <v>239</v>
      </c>
      <c r="HU7" s="65">
        <v>228</v>
      </c>
      <c r="HV7" s="65">
        <v>167</v>
      </c>
      <c r="HW7" s="66">
        <v>1448</v>
      </c>
      <c r="HX7" s="67">
        <v>2131</v>
      </c>
      <c r="HY7" s="64">
        <v>546</v>
      </c>
      <c r="HZ7" s="65">
        <v>521</v>
      </c>
      <c r="IA7" s="66">
        <v>1067</v>
      </c>
      <c r="IB7" s="158"/>
      <c r="IC7" s="65">
        <v>668</v>
      </c>
      <c r="ID7" s="65">
        <v>568</v>
      </c>
      <c r="IE7" s="65">
        <v>329</v>
      </c>
      <c r="IF7" s="65">
        <v>322</v>
      </c>
      <c r="IG7" s="65">
        <v>226</v>
      </c>
      <c r="IH7" s="66">
        <v>2113</v>
      </c>
      <c r="II7" s="67">
        <v>3180</v>
      </c>
      <c r="IJ7" s="64">
        <v>1016</v>
      </c>
      <c r="IK7" s="65">
        <v>990</v>
      </c>
      <c r="IL7" s="66">
        <v>2006</v>
      </c>
      <c r="IM7" s="158"/>
      <c r="IN7" s="65">
        <v>1262</v>
      </c>
      <c r="IO7" s="65">
        <v>1060</v>
      </c>
      <c r="IP7" s="65">
        <v>659</v>
      </c>
      <c r="IQ7" s="65">
        <v>529</v>
      </c>
      <c r="IR7" s="65">
        <v>398</v>
      </c>
      <c r="IS7" s="66">
        <v>3908</v>
      </c>
      <c r="IT7" s="67">
        <v>5914</v>
      </c>
      <c r="IU7" s="64">
        <v>1349</v>
      </c>
      <c r="IV7" s="65">
        <v>1197</v>
      </c>
      <c r="IW7" s="66">
        <v>2546</v>
      </c>
      <c r="IX7" s="158"/>
      <c r="IY7" s="65">
        <v>1680</v>
      </c>
      <c r="IZ7" s="65">
        <v>1429</v>
      </c>
      <c r="JA7" s="65">
        <v>872</v>
      </c>
      <c r="JB7" s="65">
        <v>770</v>
      </c>
      <c r="JC7" s="65">
        <v>496</v>
      </c>
      <c r="JD7" s="66">
        <v>5247</v>
      </c>
      <c r="JE7" s="67">
        <v>7793</v>
      </c>
      <c r="JF7" s="64">
        <v>922</v>
      </c>
      <c r="JG7" s="65">
        <v>1092</v>
      </c>
      <c r="JH7" s="66">
        <v>2014</v>
      </c>
      <c r="JI7" s="158"/>
      <c r="JJ7" s="65">
        <v>1583</v>
      </c>
      <c r="JK7" s="65">
        <v>1722</v>
      </c>
      <c r="JL7" s="65">
        <v>1104</v>
      </c>
      <c r="JM7" s="65">
        <v>1128</v>
      </c>
      <c r="JN7" s="65">
        <v>675</v>
      </c>
      <c r="JO7" s="66">
        <v>6212</v>
      </c>
      <c r="JP7" s="67">
        <v>8226</v>
      </c>
      <c r="JQ7" s="64">
        <v>0</v>
      </c>
      <c r="JR7" s="65">
        <v>0</v>
      </c>
      <c r="JS7" s="66">
        <v>0</v>
      </c>
      <c r="JT7" s="158"/>
      <c r="JU7" s="65">
        <v>0</v>
      </c>
      <c r="JV7" s="65">
        <v>0</v>
      </c>
      <c r="JW7" s="65">
        <v>0</v>
      </c>
      <c r="JX7" s="65">
        <v>0</v>
      </c>
      <c r="JY7" s="65">
        <v>0</v>
      </c>
      <c r="JZ7" s="66">
        <v>0</v>
      </c>
      <c r="KA7" s="67">
        <v>0</v>
      </c>
      <c r="KB7" s="64">
        <v>4287</v>
      </c>
      <c r="KC7" s="65">
        <v>4294</v>
      </c>
      <c r="KD7" s="66">
        <v>8581</v>
      </c>
      <c r="KE7" s="158"/>
      <c r="KF7" s="65">
        <v>5748</v>
      </c>
      <c r="KG7" s="65">
        <v>5374</v>
      </c>
      <c r="KH7" s="65">
        <v>3308</v>
      </c>
      <c r="KI7" s="65">
        <v>3078</v>
      </c>
      <c r="KJ7" s="65">
        <v>2044</v>
      </c>
      <c r="KK7" s="66">
        <v>19552</v>
      </c>
      <c r="KL7" s="67">
        <v>28133</v>
      </c>
    </row>
    <row r="8" spans="1:298" ht="19.5" customHeight="1" x14ac:dyDescent="0.2">
      <c r="A8" s="111" t="s">
        <v>5</v>
      </c>
      <c r="B8" s="215">
        <v>1415</v>
      </c>
      <c r="C8" s="80">
        <v>1563</v>
      </c>
      <c r="D8" s="81">
        <v>2978</v>
      </c>
      <c r="E8" s="159"/>
      <c r="F8" s="80">
        <v>1557</v>
      </c>
      <c r="G8" s="80">
        <v>1867</v>
      </c>
      <c r="H8" s="80">
        <v>1010</v>
      </c>
      <c r="I8" s="80">
        <v>866</v>
      </c>
      <c r="J8" s="80">
        <v>601</v>
      </c>
      <c r="K8" s="82">
        <v>5901</v>
      </c>
      <c r="L8" s="83">
        <v>8879</v>
      </c>
      <c r="M8" s="68">
        <v>33</v>
      </c>
      <c r="N8" s="69">
        <v>59</v>
      </c>
      <c r="O8" s="70">
        <v>92</v>
      </c>
      <c r="P8" s="159"/>
      <c r="Q8" s="69">
        <v>34</v>
      </c>
      <c r="R8" s="69">
        <v>72</v>
      </c>
      <c r="S8" s="69">
        <v>36</v>
      </c>
      <c r="T8" s="69">
        <v>37</v>
      </c>
      <c r="U8" s="69">
        <v>29</v>
      </c>
      <c r="V8" s="70">
        <v>208</v>
      </c>
      <c r="W8" s="71">
        <v>300</v>
      </c>
      <c r="X8" s="68">
        <v>95</v>
      </c>
      <c r="Y8" s="69">
        <v>150</v>
      </c>
      <c r="Z8" s="70">
        <v>245</v>
      </c>
      <c r="AA8" s="159"/>
      <c r="AB8" s="69">
        <v>83</v>
      </c>
      <c r="AC8" s="69">
        <v>131</v>
      </c>
      <c r="AD8" s="69">
        <v>77</v>
      </c>
      <c r="AE8" s="69">
        <v>79</v>
      </c>
      <c r="AF8" s="69">
        <v>66</v>
      </c>
      <c r="AG8" s="70">
        <v>436</v>
      </c>
      <c r="AH8" s="71">
        <v>681</v>
      </c>
      <c r="AI8" s="68">
        <v>189</v>
      </c>
      <c r="AJ8" s="69">
        <v>190</v>
      </c>
      <c r="AK8" s="70">
        <v>379</v>
      </c>
      <c r="AL8" s="159"/>
      <c r="AM8" s="69">
        <v>165</v>
      </c>
      <c r="AN8" s="69">
        <v>217</v>
      </c>
      <c r="AO8" s="69">
        <v>94</v>
      </c>
      <c r="AP8" s="69">
        <v>110</v>
      </c>
      <c r="AQ8" s="69">
        <v>68</v>
      </c>
      <c r="AR8" s="70">
        <v>654</v>
      </c>
      <c r="AS8" s="71">
        <v>1033</v>
      </c>
      <c r="AT8" s="68">
        <v>349</v>
      </c>
      <c r="AU8" s="69">
        <v>337</v>
      </c>
      <c r="AV8" s="70">
        <v>686</v>
      </c>
      <c r="AW8" s="159"/>
      <c r="AX8" s="69">
        <v>336</v>
      </c>
      <c r="AY8" s="69">
        <v>377</v>
      </c>
      <c r="AZ8" s="69">
        <v>230</v>
      </c>
      <c r="BA8" s="69">
        <v>161</v>
      </c>
      <c r="BB8" s="69">
        <v>138</v>
      </c>
      <c r="BC8" s="70">
        <v>1242</v>
      </c>
      <c r="BD8" s="71">
        <v>1928</v>
      </c>
      <c r="BE8" s="68">
        <v>445</v>
      </c>
      <c r="BF8" s="69">
        <v>431</v>
      </c>
      <c r="BG8" s="70">
        <v>876</v>
      </c>
      <c r="BH8" s="159"/>
      <c r="BI8" s="69">
        <v>495</v>
      </c>
      <c r="BJ8" s="69">
        <v>482</v>
      </c>
      <c r="BK8" s="69">
        <v>260</v>
      </c>
      <c r="BL8" s="69">
        <v>208</v>
      </c>
      <c r="BM8" s="69">
        <v>136</v>
      </c>
      <c r="BN8" s="70">
        <v>1581</v>
      </c>
      <c r="BO8" s="71">
        <v>2457</v>
      </c>
      <c r="BP8" s="68">
        <v>304</v>
      </c>
      <c r="BQ8" s="69">
        <v>396</v>
      </c>
      <c r="BR8" s="70">
        <v>700</v>
      </c>
      <c r="BS8" s="159"/>
      <c r="BT8" s="69">
        <v>444</v>
      </c>
      <c r="BU8" s="69">
        <v>588</v>
      </c>
      <c r="BV8" s="69">
        <v>313</v>
      </c>
      <c r="BW8" s="69">
        <v>271</v>
      </c>
      <c r="BX8" s="69">
        <v>164</v>
      </c>
      <c r="BY8" s="70">
        <v>1780</v>
      </c>
      <c r="BZ8" s="71">
        <v>2480</v>
      </c>
      <c r="CA8" s="68">
        <v>0</v>
      </c>
      <c r="CB8" s="69">
        <v>0</v>
      </c>
      <c r="CC8" s="70">
        <v>0</v>
      </c>
      <c r="CD8" s="159"/>
      <c r="CE8" s="69">
        <v>0</v>
      </c>
      <c r="CF8" s="69">
        <v>0</v>
      </c>
      <c r="CG8" s="69">
        <v>0</v>
      </c>
      <c r="CH8" s="69">
        <v>0</v>
      </c>
      <c r="CI8" s="69">
        <v>0</v>
      </c>
      <c r="CJ8" s="70">
        <v>0</v>
      </c>
      <c r="CK8" s="71">
        <v>0</v>
      </c>
      <c r="CL8" s="68">
        <v>1415</v>
      </c>
      <c r="CM8" s="69">
        <v>1563</v>
      </c>
      <c r="CN8" s="70">
        <v>2978</v>
      </c>
      <c r="CO8" s="159"/>
      <c r="CP8" s="69">
        <v>1557</v>
      </c>
      <c r="CQ8" s="69">
        <v>1867</v>
      </c>
      <c r="CR8" s="69">
        <v>1010</v>
      </c>
      <c r="CS8" s="69">
        <v>866</v>
      </c>
      <c r="CT8" s="69">
        <v>601</v>
      </c>
      <c r="CU8" s="70">
        <v>5901</v>
      </c>
      <c r="CV8" s="71">
        <v>8879</v>
      </c>
      <c r="CW8" s="108">
        <v>460</v>
      </c>
      <c r="CX8" s="80">
        <v>595</v>
      </c>
      <c r="CY8" s="81">
        <v>1055</v>
      </c>
      <c r="CZ8" s="159"/>
      <c r="DA8" s="80">
        <v>573</v>
      </c>
      <c r="DB8" s="80">
        <v>788</v>
      </c>
      <c r="DC8" s="80">
        <v>459</v>
      </c>
      <c r="DD8" s="80">
        <v>455</v>
      </c>
      <c r="DE8" s="80">
        <v>317</v>
      </c>
      <c r="DF8" s="82">
        <v>2592</v>
      </c>
      <c r="DG8" s="83">
        <v>3647</v>
      </c>
      <c r="DH8" s="68">
        <v>14</v>
      </c>
      <c r="DI8" s="69">
        <v>17</v>
      </c>
      <c r="DJ8" s="70">
        <v>31</v>
      </c>
      <c r="DK8" s="159"/>
      <c r="DL8" s="69">
        <v>7</v>
      </c>
      <c r="DM8" s="69">
        <v>23</v>
      </c>
      <c r="DN8" s="69">
        <v>10</v>
      </c>
      <c r="DO8" s="69">
        <v>7</v>
      </c>
      <c r="DP8" s="69">
        <v>3</v>
      </c>
      <c r="DQ8" s="70">
        <v>50</v>
      </c>
      <c r="DR8" s="71">
        <v>81</v>
      </c>
      <c r="DS8" s="68">
        <v>40</v>
      </c>
      <c r="DT8" s="69">
        <v>38</v>
      </c>
      <c r="DU8" s="70">
        <v>78</v>
      </c>
      <c r="DV8" s="159"/>
      <c r="DW8" s="69">
        <v>32</v>
      </c>
      <c r="DX8" s="69">
        <v>41</v>
      </c>
      <c r="DY8" s="69">
        <v>17</v>
      </c>
      <c r="DZ8" s="69">
        <v>22</v>
      </c>
      <c r="EA8" s="69">
        <v>12</v>
      </c>
      <c r="EB8" s="70">
        <v>124</v>
      </c>
      <c r="EC8" s="71">
        <v>202</v>
      </c>
      <c r="ED8" s="68">
        <v>70</v>
      </c>
      <c r="EE8" s="69">
        <v>70</v>
      </c>
      <c r="EF8" s="70">
        <v>140</v>
      </c>
      <c r="EG8" s="159"/>
      <c r="EH8" s="69">
        <v>59</v>
      </c>
      <c r="EI8" s="69">
        <v>63</v>
      </c>
      <c r="EJ8" s="69">
        <v>36</v>
      </c>
      <c r="EK8" s="69">
        <v>26</v>
      </c>
      <c r="EL8" s="69">
        <v>25</v>
      </c>
      <c r="EM8" s="70">
        <v>209</v>
      </c>
      <c r="EN8" s="71">
        <v>349</v>
      </c>
      <c r="EO8" s="68">
        <v>104</v>
      </c>
      <c r="EP8" s="69">
        <v>138</v>
      </c>
      <c r="EQ8" s="70">
        <v>242</v>
      </c>
      <c r="ER8" s="159"/>
      <c r="ES8" s="69">
        <v>129</v>
      </c>
      <c r="ET8" s="69">
        <v>133</v>
      </c>
      <c r="EU8" s="69">
        <v>72</v>
      </c>
      <c r="EV8" s="69">
        <v>67</v>
      </c>
      <c r="EW8" s="69">
        <v>37</v>
      </c>
      <c r="EX8" s="70">
        <v>438</v>
      </c>
      <c r="EY8" s="71">
        <v>680</v>
      </c>
      <c r="EZ8" s="68">
        <v>147</v>
      </c>
      <c r="FA8" s="69">
        <v>181</v>
      </c>
      <c r="FB8" s="70">
        <v>328</v>
      </c>
      <c r="FC8" s="159"/>
      <c r="FD8" s="69">
        <v>184</v>
      </c>
      <c r="FE8" s="69">
        <v>230</v>
      </c>
      <c r="FF8" s="69">
        <v>143</v>
      </c>
      <c r="FG8" s="69">
        <v>108</v>
      </c>
      <c r="FH8" s="69">
        <v>106</v>
      </c>
      <c r="FI8" s="70">
        <v>771</v>
      </c>
      <c r="FJ8" s="71">
        <v>1099</v>
      </c>
      <c r="FK8" s="68">
        <v>85</v>
      </c>
      <c r="FL8" s="69">
        <v>151</v>
      </c>
      <c r="FM8" s="70">
        <v>236</v>
      </c>
      <c r="FN8" s="159"/>
      <c r="FO8" s="69">
        <v>162</v>
      </c>
      <c r="FP8" s="69">
        <v>298</v>
      </c>
      <c r="FQ8" s="69">
        <v>181</v>
      </c>
      <c r="FR8" s="69">
        <v>225</v>
      </c>
      <c r="FS8" s="69">
        <v>134</v>
      </c>
      <c r="FT8" s="70">
        <v>1000</v>
      </c>
      <c r="FU8" s="71">
        <v>1236</v>
      </c>
      <c r="FV8" s="68">
        <v>0</v>
      </c>
      <c r="FW8" s="69">
        <v>0</v>
      </c>
      <c r="FX8" s="70">
        <v>0</v>
      </c>
      <c r="FY8" s="159"/>
      <c r="FZ8" s="69">
        <v>0</v>
      </c>
      <c r="GA8" s="69">
        <v>0</v>
      </c>
      <c r="GB8" s="69">
        <v>0</v>
      </c>
      <c r="GC8" s="69">
        <v>0</v>
      </c>
      <c r="GD8" s="69">
        <v>0</v>
      </c>
      <c r="GE8" s="70">
        <v>0</v>
      </c>
      <c r="GF8" s="71">
        <v>0</v>
      </c>
      <c r="GG8" s="68">
        <v>460</v>
      </c>
      <c r="GH8" s="69">
        <v>595</v>
      </c>
      <c r="GI8" s="70">
        <v>1055</v>
      </c>
      <c r="GJ8" s="159"/>
      <c r="GK8" s="69">
        <v>573</v>
      </c>
      <c r="GL8" s="69">
        <v>788</v>
      </c>
      <c r="GM8" s="69">
        <v>459</v>
      </c>
      <c r="GN8" s="69">
        <v>455</v>
      </c>
      <c r="GO8" s="69">
        <v>317</v>
      </c>
      <c r="GP8" s="70">
        <v>2592</v>
      </c>
      <c r="GQ8" s="71">
        <v>3647</v>
      </c>
      <c r="GR8" s="108">
        <v>1875</v>
      </c>
      <c r="GS8" s="80">
        <v>2158</v>
      </c>
      <c r="GT8" s="81">
        <v>4033</v>
      </c>
      <c r="GU8" s="159"/>
      <c r="GV8" s="80">
        <v>2130</v>
      </c>
      <c r="GW8" s="80">
        <v>2655</v>
      </c>
      <c r="GX8" s="80">
        <v>1469</v>
      </c>
      <c r="GY8" s="80">
        <v>1321</v>
      </c>
      <c r="GZ8" s="80">
        <v>918</v>
      </c>
      <c r="HA8" s="82">
        <v>8493</v>
      </c>
      <c r="HB8" s="83">
        <v>12526</v>
      </c>
      <c r="HC8" s="68">
        <v>47</v>
      </c>
      <c r="HD8" s="69">
        <v>76</v>
      </c>
      <c r="HE8" s="70">
        <v>123</v>
      </c>
      <c r="HF8" s="159"/>
      <c r="HG8" s="69">
        <v>41</v>
      </c>
      <c r="HH8" s="69">
        <v>95</v>
      </c>
      <c r="HI8" s="69">
        <v>46</v>
      </c>
      <c r="HJ8" s="69">
        <v>44</v>
      </c>
      <c r="HK8" s="69">
        <v>32</v>
      </c>
      <c r="HL8" s="70">
        <v>258</v>
      </c>
      <c r="HM8" s="71">
        <v>381</v>
      </c>
      <c r="HN8" s="68">
        <v>135</v>
      </c>
      <c r="HO8" s="69">
        <v>188</v>
      </c>
      <c r="HP8" s="70">
        <v>323</v>
      </c>
      <c r="HQ8" s="159"/>
      <c r="HR8" s="69">
        <v>115</v>
      </c>
      <c r="HS8" s="69">
        <v>172</v>
      </c>
      <c r="HT8" s="69">
        <v>94</v>
      </c>
      <c r="HU8" s="69">
        <v>101</v>
      </c>
      <c r="HV8" s="69">
        <v>78</v>
      </c>
      <c r="HW8" s="70">
        <v>560</v>
      </c>
      <c r="HX8" s="71">
        <v>883</v>
      </c>
      <c r="HY8" s="68">
        <v>259</v>
      </c>
      <c r="HZ8" s="69">
        <v>260</v>
      </c>
      <c r="IA8" s="70">
        <v>519</v>
      </c>
      <c r="IB8" s="159"/>
      <c r="IC8" s="69">
        <v>224</v>
      </c>
      <c r="ID8" s="69">
        <v>280</v>
      </c>
      <c r="IE8" s="69">
        <v>130</v>
      </c>
      <c r="IF8" s="69">
        <v>136</v>
      </c>
      <c r="IG8" s="69">
        <v>93</v>
      </c>
      <c r="IH8" s="70">
        <v>863</v>
      </c>
      <c r="II8" s="71">
        <v>1382</v>
      </c>
      <c r="IJ8" s="68">
        <v>453</v>
      </c>
      <c r="IK8" s="69">
        <v>475</v>
      </c>
      <c r="IL8" s="70">
        <v>928</v>
      </c>
      <c r="IM8" s="159"/>
      <c r="IN8" s="69">
        <v>465</v>
      </c>
      <c r="IO8" s="69">
        <v>510</v>
      </c>
      <c r="IP8" s="69">
        <v>302</v>
      </c>
      <c r="IQ8" s="69">
        <v>228</v>
      </c>
      <c r="IR8" s="69">
        <v>175</v>
      </c>
      <c r="IS8" s="70">
        <v>1680</v>
      </c>
      <c r="IT8" s="71">
        <v>2608</v>
      </c>
      <c r="IU8" s="68">
        <v>592</v>
      </c>
      <c r="IV8" s="69">
        <v>612</v>
      </c>
      <c r="IW8" s="70">
        <v>1204</v>
      </c>
      <c r="IX8" s="159"/>
      <c r="IY8" s="69">
        <v>679</v>
      </c>
      <c r="IZ8" s="69">
        <v>712</v>
      </c>
      <c r="JA8" s="69">
        <v>403</v>
      </c>
      <c r="JB8" s="69">
        <v>316</v>
      </c>
      <c r="JC8" s="69">
        <v>242</v>
      </c>
      <c r="JD8" s="70">
        <v>2352</v>
      </c>
      <c r="JE8" s="71">
        <v>3556</v>
      </c>
      <c r="JF8" s="68">
        <v>389</v>
      </c>
      <c r="JG8" s="69">
        <v>547</v>
      </c>
      <c r="JH8" s="70">
        <v>936</v>
      </c>
      <c r="JI8" s="159"/>
      <c r="JJ8" s="69">
        <v>606</v>
      </c>
      <c r="JK8" s="69">
        <v>886</v>
      </c>
      <c r="JL8" s="69">
        <v>494</v>
      </c>
      <c r="JM8" s="69">
        <v>496</v>
      </c>
      <c r="JN8" s="69">
        <v>298</v>
      </c>
      <c r="JO8" s="70">
        <v>2780</v>
      </c>
      <c r="JP8" s="71">
        <v>3716</v>
      </c>
      <c r="JQ8" s="68">
        <v>0</v>
      </c>
      <c r="JR8" s="69">
        <v>0</v>
      </c>
      <c r="JS8" s="70">
        <v>0</v>
      </c>
      <c r="JT8" s="159"/>
      <c r="JU8" s="69">
        <v>0</v>
      </c>
      <c r="JV8" s="69">
        <v>0</v>
      </c>
      <c r="JW8" s="69">
        <v>0</v>
      </c>
      <c r="JX8" s="69">
        <v>0</v>
      </c>
      <c r="JY8" s="69">
        <v>0</v>
      </c>
      <c r="JZ8" s="70">
        <v>0</v>
      </c>
      <c r="KA8" s="71">
        <v>0</v>
      </c>
      <c r="KB8" s="68">
        <v>1875</v>
      </c>
      <c r="KC8" s="69">
        <v>2158</v>
      </c>
      <c r="KD8" s="70">
        <v>4033</v>
      </c>
      <c r="KE8" s="159"/>
      <c r="KF8" s="69">
        <v>2130</v>
      </c>
      <c r="KG8" s="69">
        <v>2655</v>
      </c>
      <c r="KH8" s="69">
        <v>1469</v>
      </c>
      <c r="KI8" s="69">
        <v>1321</v>
      </c>
      <c r="KJ8" s="69">
        <v>918</v>
      </c>
      <c r="KK8" s="70">
        <v>8493</v>
      </c>
      <c r="KL8" s="71">
        <v>12526</v>
      </c>
    </row>
    <row r="9" spans="1:298" ht="19.5" customHeight="1" x14ac:dyDescent="0.2">
      <c r="A9" s="111" t="s">
        <v>6</v>
      </c>
      <c r="B9" s="215">
        <v>415</v>
      </c>
      <c r="C9" s="80">
        <v>345</v>
      </c>
      <c r="D9" s="81">
        <v>760</v>
      </c>
      <c r="E9" s="159"/>
      <c r="F9" s="80">
        <v>701</v>
      </c>
      <c r="G9" s="80">
        <v>546</v>
      </c>
      <c r="H9" s="80">
        <v>355</v>
      </c>
      <c r="I9" s="80">
        <v>348</v>
      </c>
      <c r="J9" s="80">
        <v>220</v>
      </c>
      <c r="K9" s="82">
        <v>2170</v>
      </c>
      <c r="L9" s="83">
        <v>2930</v>
      </c>
      <c r="M9" s="68">
        <v>11</v>
      </c>
      <c r="N9" s="69">
        <v>19</v>
      </c>
      <c r="O9" s="70">
        <v>30</v>
      </c>
      <c r="P9" s="159"/>
      <c r="Q9" s="69">
        <v>22</v>
      </c>
      <c r="R9" s="69">
        <v>23</v>
      </c>
      <c r="S9" s="69">
        <v>13</v>
      </c>
      <c r="T9" s="69">
        <v>13</v>
      </c>
      <c r="U9" s="69">
        <v>13</v>
      </c>
      <c r="V9" s="70">
        <v>84</v>
      </c>
      <c r="W9" s="71">
        <v>114</v>
      </c>
      <c r="X9" s="68">
        <v>33</v>
      </c>
      <c r="Y9" s="69">
        <v>30</v>
      </c>
      <c r="Z9" s="70">
        <v>63</v>
      </c>
      <c r="AA9" s="159"/>
      <c r="AB9" s="69">
        <v>58</v>
      </c>
      <c r="AC9" s="69">
        <v>46</v>
      </c>
      <c r="AD9" s="69">
        <v>31</v>
      </c>
      <c r="AE9" s="69">
        <v>33</v>
      </c>
      <c r="AF9" s="69">
        <v>25</v>
      </c>
      <c r="AG9" s="70">
        <v>193</v>
      </c>
      <c r="AH9" s="71">
        <v>256</v>
      </c>
      <c r="AI9" s="68">
        <v>43</v>
      </c>
      <c r="AJ9" s="69">
        <v>44</v>
      </c>
      <c r="AK9" s="70">
        <v>87</v>
      </c>
      <c r="AL9" s="159"/>
      <c r="AM9" s="69">
        <v>92</v>
      </c>
      <c r="AN9" s="69">
        <v>61</v>
      </c>
      <c r="AO9" s="69">
        <v>46</v>
      </c>
      <c r="AP9" s="69">
        <v>42</v>
      </c>
      <c r="AQ9" s="69">
        <v>32</v>
      </c>
      <c r="AR9" s="70">
        <v>273</v>
      </c>
      <c r="AS9" s="71">
        <v>360</v>
      </c>
      <c r="AT9" s="68">
        <v>80</v>
      </c>
      <c r="AU9" s="69">
        <v>64</v>
      </c>
      <c r="AV9" s="70">
        <v>144</v>
      </c>
      <c r="AW9" s="159"/>
      <c r="AX9" s="69">
        <v>154</v>
      </c>
      <c r="AY9" s="69">
        <v>114</v>
      </c>
      <c r="AZ9" s="69">
        <v>77</v>
      </c>
      <c r="BA9" s="69">
        <v>64</v>
      </c>
      <c r="BB9" s="69">
        <v>39</v>
      </c>
      <c r="BC9" s="70">
        <v>448</v>
      </c>
      <c r="BD9" s="71">
        <v>592</v>
      </c>
      <c r="BE9" s="68">
        <v>140</v>
      </c>
      <c r="BF9" s="69">
        <v>97</v>
      </c>
      <c r="BG9" s="70">
        <v>237</v>
      </c>
      <c r="BH9" s="159"/>
      <c r="BI9" s="69">
        <v>175</v>
      </c>
      <c r="BJ9" s="69">
        <v>135</v>
      </c>
      <c r="BK9" s="69">
        <v>99</v>
      </c>
      <c r="BL9" s="69">
        <v>105</v>
      </c>
      <c r="BM9" s="69">
        <v>52</v>
      </c>
      <c r="BN9" s="70">
        <v>566</v>
      </c>
      <c r="BO9" s="71">
        <v>803</v>
      </c>
      <c r="BP9" s="68">
        <v>108</v>
      </c>
      <c r="BQ9" s="69">
        <v>91</v>
      </c>
      <c r="BR9" s="70">
        <v>199</v>
      </c>
      <c r="BS9" s="159"/>
      <c r="BT9" s="69">
        <v>200</v>
      </c>
      <c r="BU9" s="69">
        <v>167</v>
      </c>
      <c r="BV9" s="69">
        <v>89</v>
      </c>
      <c r="BW9" s="69">
        <v>91</v>
      </c>
      <c r="BX9" s="69">
        <v>59</v>
      </c>
      <c r="BY9" s="70">
        <v>606</v>
      </c>
      <c r="BZ9" s="71">
        <v>805</v>
      </c>
      <c r="CA9" s="68">
        <v>0</v>
      </c>
      <c r="CB9" s="69">
        <v>0</v>
      </c>
      <c r="CC9" s="70">
        <v>0</v>
      </c>
      <c r="CD9" s="159"/>
      <c r="CE9" s="69">
        <v>0</v>
      </c>
      <c r="CF9" s="69">
        <v>0</v>
      </c>
      <c r="CG9" s="69">
        <v>0</v>
      </c>
      <c r="CH9" s="69">
        <v>0</v>
      </c>
      <c r="CI9" s="69">
        <v>0</v>
      </c>
      <c r="CJ9" s="70">
        <v>0</v>
      </c>
      <c r="CK9" s="71">
        <v>0</v>
      </c>
      <c r="CL9" s="68">
        <v>415</v>
      </c>
      <c r="CM9" s="69">
        <v>345</v>
      </c>
      <c r="CN9" s="70">
        <v>760</v>
      </c>
      <c r="CO9" s="159"/>
      <c r="CP9" s="69">
        <v>701</v>
      </c>
      <c r="CQ9" s="69">
        <v>546</v>
      </c>
      <c r="CR9" s="69">
        <v>355</v>
      </c>
      <c r="CS9" s="69">
        <v>348</v>
      </c>
      <c r="CT9" s="69">
        <v>220</v>
      </c>
      <c r="CU9" s="70">
        <v>2170</v>
      </c>
      <c r="CV9" s="71">
        <v>2930</v>
      </c>
      <c r="CW9" s="108">
        <v>206</v>
      </c>
      <c r="CX9" s="80">
        <v>220</v>
      </c>
      <c r="CY9" s="81">
        <v>426</v>
      </c>
      <c r="CZ9" s="159"/>
      <c r="DA9" s="80">
        <v>374</v>
      </c>
      <c r="DB9" s="80">
        <v>238</v>
      </c>
      <c r="DC9" s="80">
        <v>178</v>
      </c>
      <c r="DD9" s="80">
        <v>184</v>
      </c>
      <c r="DE9" s="80">
        <v>136</v>
      </c>
      <c r="DF9" s="82">
        <v>1110</v>
      </c>
      <c r="DG9" s="83">
        <v>1536</v>
      </c>
      <c r="DH9" s="68">
        <v>6</v>
      </c>
      <c r="DI9" s="69">
        <v>3</v>
      </c>
      <c r="DJ9" s="70">
        <v>9</v>
      </c>
      <c r="DK9" s="159"/>
      <c r="DL9" s="69">
        <v>11</v>
      </c>
      <c r="DM9" s="69">
        <v>1</v>
      </c>
      <c r="DN9" s="69">
        <v>4</v>
      </c>
      <c r="DO9" s="69">
        <v>5</v>
      </c>
      <c r="DP9" s="69">
        <v>3</v>
      </c>
      <c r="DQ9" s="70">
        <v>24</v>
      </c>
      <c r="DR9" s="71">
        <v>33</v>
      </c>
      <c r="DS9" s="68">
        <v>16</v>
      </c>
      <c r="DT9" s="69">
        <v>15</v>
      </c>
      <c r="DU9" s="70">
        <v>31</v>
      </c>
      <c r="DV9" s="159"/>
      <c r="DW9" s="69">
        <v>25</v>
      </c>
      <c r="DX9" s="69">
        <v>11</v>
      </c>
      <c r="DY9" s="69">
        <v>7</v>
      </c>
      <c r="DZ9" s="69">
        <v>10</v>
      </c>
      <c r="EA9" s="69">
        <v>5</v>
      </c>
      <c r="EB9" s="70">
        <v>58</v>
      </c>
      <c r="EC9" s="71">
        <v>89</v>
      </c>
      <c r="ED9" s="68">
        <v>29</v>
      </c>
      <c r="EE9" s="69">
        <v>24</v>
      </c>
      <c r="EF9" s="70">
        <v>53</v>
      </c>
      <c r="EG9" s="159"/>
      <c r="EH9" s="69">
        <v>56</v>
      </c>
      <c r="EI9" s="69">
        <v>26</v>
      </c>
      <c r="EJ9" s="69">
        <v>12</v>
      </c>
      <c r="EK9" s="69">
        <v>11</v>
      </c>
      <c r="EL9" s="69">
        <v>12</v>
      </c>
      <c r="EM9" s="70">
        <v>117</v>
      </c>
      <c r="EN9" s="71">
        <v>170</v>
      </c>
      <c r="EO9" s="68">
        <v>39</v>
      </c>
      <c r="EP9" s="69">
        <v>56</v>
      </c>
      <c r="EQ9" s="70">
        <v>95</v>
      </c>
      <c r="ER9" s="159"/>
      <c r="ES9" s="69">
        <v>85</v>
      </c>
      <c r="ET9" s="69">
        <v>41</v>
      </c>
      <c r="EU9" s="69">
        <v>24</v>
      </c>
      <c r="EV9" s="69">
        <v>20</v>
      </c>
      <c r="EW9" s="69">
        <v>27</v>
      </c>
      <c r="EX9" s="70">
        <v>197</v>
      </c>
      <c r="EY9" s="71">
        <v>292</v>
      </c>
      <c r="EZ9" s="68">
        <v>72</v>
      </c>
      <c r="FA9" s="69">
        <v>71</v>
      </c>
      <c r="FB9" s="70">
        <v>143</v>
      </c>
      <c r="FC9" s="159"/>
      <c r="FD9" s="69">
        <v>92</v>
      </c>
      <c r="FE9" s="69">
        <v>73</v>
      </c>
      <c r="FF9" s="69">
        <v>57</v>
      </c>
      <c r="FG9" s="69">
        <v>41</v>
      </c>
      <c r="FH9" s="69">
        <v>31</v>
      </c>
      <c r="FI9" s="70">
        <v>294</v>
      </c>
      <c r="FJ9" s="71">
        <v>437</v>
      </c>
      <c r="FK9" s="68">
        <v>44</v>
      </c>
      <c r="FL9" s="69">
        <v>51</v>
      </c>
      <c r="FM9" s="70">
        <v>95</v>
      </c>
      <c r="FN9" s="159"/>
      <c r="FO9" s="69">
        <v>105</v>
      </c>
      <c r="FP9" s="69">
        <v>86</v>
      </c>
      <c r="FQ9" s="69">
        <v>74</v>
      </c>
      <c r="FR9" s="69">
        <v>97</v>
      </c>
      <c r="FS9" s="69">
        <v>58</v>
      </c>
      <c r="FT9" s="70">
        <v>420</v>
      </c>
      <c r="FU9" s="71">
        <v>515</v>
      </c>
      <c r="FV9" s="68">
        <v>0</v>
      </c>
      <c r="FW9" s="69">
        <v>0</v>
      </c>
      <c r="FX9" s="70">
        <v>0</v>
      </c>
      <c r="FY9" s="159"/>
      <c r="FZ9" s="69">
        <v>0</v>
      </c>
      <c r="GA9" s="69">
        <v>0</v>
      </c>
      <c r="GB9" s="69">
        <v>0</v>
      </c>
      <c r="GC9" s="69">
        <v>0</v>
      </c>
      <c r="GD9" s="69">
        <v>0</v>
      </c>
      <c r="GE9" s="70">
        <v>0</v>
      </c>
      <c r="GF9" s="71">
        <v>0</v>
      </c>
      <c r="GG9" s="68">
        <v>206</v>
      </c>
      <c r="GH9" s="69">
        <v>220</v>
      </c>
      <c r="GI9" s="70">
        <v>426</v>
      </c>
      <c r="GJ9" s="159"/>
      <c r="GK9" s="69">
        <v>374</v>
      </c>
      <c r="GL9" s="69">
        <v>238</v>
      </c>
      <c r="GM9" s="69">
        <v>178</v>
      </c>
      <c r="GN9" s="69">
        <v>184</v>
      </c>
      <c r="GO9" s="69">
        <v>136</v>
      </c>
      <c r="GP9" s="70">
        <v>1110</v>
      </c>
      <c r="GQ9" s="71">
        <v>1536</v>
      </c>
      <c r="GR9" s="108">
        <v>621</v>
      </c>
      <c r="GS9" s="80">
        <v>565</v>
      </c>
      <c r="GT9" s="81">
        <v>1186</v>
      </c>
      <c r="GU9" s="159"/>
      <c r="GV9" s="80">
        <v>1075</v>
      </c>
      <c r="GW9" s="80">
        <v>784</v>
      </c>
      <c r="GX9" s="80">
        <v>533</v>
      </c>
      <c r="GY9" s="80">
        <v>532</v>
      </c>
      <c r="GZ9" s="80">
        <v>356</v>
      </c>
      <c r="HA9" s="82">
        <v>3280</v>
      </c>
      <c r="HB9" s="83">
        <v>4466</v>
      </c>
      <c r="HC9" s="68">
        <v>17</v>
      </c>
      <c r="HD9" s="69">
        <v>22</v>
      </c>
      <c r="HE9" s="70">
        <v>39</v>
      </c>
      <c r="HF9" s="159"/>
      <c r="HG9" s="69">
        <v>33</v>
      </c>
      <c r="HH9" s="69">
        <v>24</v>
      </c>
      <c r="HI9" s="69">
        <v>17</v>
      </c>
      <c r="HJ9" s="69">
        <v>18</v>
      </c>
      <c r="HK9" s="69">
        <v>16</v>
      </c>
      <c r="HL9" s="70">
        <v>108</v>
      </c>
      <c r="HM9" s="71">
        <v>147</v>
      </c>
      <c r="HN9" s="68">
        <v>49</v>
      </c>
      <c r="HO9" s="69">
        <v>45</v>
      </c>
      <c r="HP9" s="70">
        <v>94</v>
      </c>
      <c r="HQ9" s="159"/>
      <c r="HR9" s="69">
        <v>83</v>
      </c>
      <c r="HS9" s="69">
        <v>57</v>
      </c>
      <c r="HT9" s="69">
        <v>38</v>
      </c>
      <c r="HU9" s="69">
        <v>43</v>
      </c>
      <c r="HV9" s="69">
        <v>30</v>
      </c>
      <c r="HW9" s="70">
        <v>251</v>
      </c>
      <c r="HX9" s="71">
        <v>345</v>
      </c>
      <c r="HY9" s="68">
        <v>72</v>
      </c>
      <c r="HZ9" s="69">
        <v>68</v>
      </c>
      <c r="IA9" s="70">
        <v>140</v>
      </c>
      <c r="IB9" s="159"/>
      <c r="IC9" s="69">
        <v>148</v>
      </c>
      <c r="ID9" s="69">
        <v>87</v>
      </c>
      <c r="IE9" s="69">
        <v>58</v>
      </c>
      <c r="IF9" s="69">
        <v>53</v>
      </c>
      <c r="IG9" s="69">
        <v>44</v>
      </c>
      <c r="IH9" s="70">
        <v>390</v>
      </c>
      <c r="II9" s="71">
        <v>530</v>
      </c>
      <c r="IJ9" s="68">
        <v>119</v>
      </c>
      <c r="IK9" s="69">
        <v>120</v>
      </c>
      <c r="IL9" s="70">
        <v>239</v>
      </c>
      <c r="IM9" s="159"/>
      <c r="IN9" s="69">
        <v>239</v>
      </c>
      <c r="IO9" s="69">
        <v>155</v>
      </c>
      <c r="IP9" s="69">
        <v>101</v>
      </c>
      <c r="IQ9" s="69">
        <v>84</v>
      </c>
      <c r="IR9" s="69">
        <v>66</v>
      </c>
      <c r="IS9" s="70">
        <v>645</v>
      </c>
      <c r="IT9" s="71">
        <v>884</v>
      </c>
      <c r="IU9" s="68">
        <v>212</v>
      </c>
      <c r="IV9" s="69">
        <v>168</v>
      </c>
      <c r="IW9" s="70">
        <v>380</v>
      </c>
      <c r="IX9" s="159"/>
      <c r="IY9" s="69">
        <v>267</v>
      </c>
      <c r="IZ9" s="69">
        <v>208</v>
      </c>
      <c r="JA9" s="69">
        <v>156</v>
      </c>
      <c r="JB9" s="69">
        <v>146</v>
      </c>
      <c r="JC9" s="69">
        <v>83</v>
      </c>
      <c r="JD9" s="70">
        <v>860</v>
      </c>
      <c r="JE9" s="71">
        <v>1240</v>
      </c>
      <c r="JF9" s="68">
        <v>152</v>
      </c>
      <c r="JG9" s="69">
        <v>142</v>
      </c>
      <c r="JH9" s="70">
        <v>294</v>
      </c>
      <c r="JI9" s="159"/>
      <c r="JJ9" s="69">
        <v>305</v>
      </c>
      <c r="JK9" s="69">
        <v>253</v>
      </c>
      <c r="JL9" s="69">
        <v>163</v>
      </c>
      <c r="JM9" s="69">
        <v>188</v>
      </c>
      <c r="JN9" s="69">
        <v>117</v>
      </c>
      <c r="JO9" s="70">
        <v>1026</v>
      </c>
      <c r="JP9" s="71">
        <v>1320</v>
      </c>
      <c r="JQ9" s="68">
        <v>0</v>
      </c>
      <c r="JR9" s="69">
        <v>0</v>
      </c>
      <c r="JS9" s="70">
        <v>0</v>
      </c>
      <c r="JT9" s="159"/>
      <c r="JU9" s="69">
        <v>0</v>
      </c>
      <c r="JV9" s="69">
        <v>0</v>
      </c>
      <c r="JW9" s="69">
        <v>0</v>
      </c>
      <c r="JX9" s="69">
        <v>0</v>
      </c>
      <c r="JY9" s="69">
        <v>0</v>
      </c>
      <c r="JZ9" s="70">
        <v>0</v>
      </c>
      <c r="KA9" s="71">
        <v>0</v>
      </c>
      <c r="KB9" s="68">
        <v>621</v>
      </c>
      <c r="KC9" s="69">
        <v>565</v>
      </c>
      <c r="KD9" s="70">
        <v>1186</v>
      </c>
      <c r="KE9" s="159"/>
      <c r="KF9" s="69">
        <v>1075</v>
      </c>
      <c r="KG9" s="69">
        <v>784</v>
      </c>
      <c r="KH9" s="69">
        <v>533</v>
      </c>
      <c r="KI9" s="69">
        <v>532</v>
      </c>
      <c r="KJ9" s="69">
        <v>356</v>
      </c>
      <c r="KK9" s="70">
        <v>3280</v>
      </c>
      <c r="KL9" s="71">
        <v>4466</v>
      </c>
    </row>
    <row r="10" spans="1:298" ht="19.5" customHeight="1" x14ac:dyDescent="0.2">
      <c r="A10" s="111" t="s">
        <v>14</v>
      </c>
      <c r="B10" s="215">
        <v>181</v>
      </c>
      <c r="C10" s="80">
        <v>194</v>
      </c>
      <c r="D10" s="81">
        <v>375</v>
      </c>
      <c r="E10" s="159"/>
      <c r="F10" s="80">
        <v>238</v>
      </c>
      <c r="G10" s="80">
        <v>233</v>
      </c>
      <c r="H10" s="80">
        <v>139</v>
      </c>
      <c r="I10" s="80">
        <v>157</v>
      </c>
      <c r="J10" s="80">
        <v>91</v>
      </c>
      <c r="K10" s="82">
        <v>858</v>
      </c>
      <c r="L10" s="83">
        <v>1233</v>
      </c>
      <c r="M10" s="68">
        <v>12</v>
      </c>
      <c r="N10" s="69">
        <v>9</v>
      </c>
      <c r="O10" s="70">
        <v>21</v>
      </c>
      <c r="P10" s="159"/>
      <c r="Q10" s="69">
        <v>10</v>
      </c>
      <c r="R10" s="69">
        <v>7</v>
      </c>
      <c r="S10" s="69">
        <v>4</v>
      </c>
      <c r="T10" s="69">
        <v>11</v>
      </c>
      <c r="U10" s="69">
        <v>8</v>
      </c>
      <c r="V10" s="70">
        <v>40</v>
      </c>
      <c r="W10" s="71">
        <v>61</v>
      </c>
      <c r="X10" s="68">
        <v>15</v>
      </c>
      <c r="Y10" s="69">
        <v>16</v>
      </c>
      <c r="Z10" s="70">
        <v>31</v>
      </c>
      <c r="AA10" s="159"/>
      <c r="AB10" s="69">
        <v>19</v>
      </c>
      <c r="AC10" s="69">
        <v>24</v>
      </c>
      <c r="AD10" s="69">
        <v>11</v>
      </c>
      <c r="AE10" s="69">
        <v>17</v>
      </c>
      <c r="AF10" s="69">
        <v>9</v>
      </c>
      <c r="AG10" s="70">
        <v>80</v>
      </c>
      <c r="AH10" s="71">
        <v>111</v>
      </c>
      <c r="AI10" s="68">
        <v>22</v>
      </c>
      <c r="AJ10" s="69">
        <v>26</v>
      </c>
      <c r="AK10" s="70">
        <v>48</v>
      </c>
      <c r="AL10" s="159"/>
      <c r="AM10" s="69">
        <v>24</v>
      </c>
      <c r="AN10" s="69">
        <v>27</v>
      </c>
      <c r="AO10" s="69">
        <v>18</v>
      </c>
      <c r="AP10" s="69">
        <v>19</v>
      </c>
      <c r="AQ10" s="69">
        <v>20</v>
      </c>
      <c r="AR10" s="70">
        <v>108</v>
      </c>
      <c r="AS10" s="71">
        <v>156</v>
      </c>
      <c r="AT10" s="68">
        <v>39</v>
      </c>
      <c r="AU10" s="69">
        <v>59</v>
      </c>
      <c r="AV10" s="70">
        <v>98</v>
      </c>
      <c r="AW10" s="159"/>
      <c r="AX10" s="69">
        <v>56</v>
      </c>
      <c r="AY10" s="69">
        <v>55</v>
      </c>
      <c r="AZ10" s="69">
        <v>40</v>
      </c>
      <c r="BA10" s="69">
        <v>30</v>
      </c>
      <c r="BB10" s="69">
        <v>22</v>
      </c>
      <c r="BC10" s="70">
        <v>203</v>
      </c>
      <c r="BD10" s="71">
        <v>301</v>
      </c>
      <c r="BE10" s="68">
        <v>58</v>
      </c>
      <c r="BF10" s="69">
        <v>48</v>
      </c>
      <c r="BG10" s="70">
        <v>106</v>
      </c>
      <c r="BH10" s="159"/>
      <c r="BI10" s="69">
        <v>70</v>
      </c>
      <c r="BJ10" s="69">
        <v>54</v>
      </c>
      <c r="BK10" s="69">
        <v>38</v>
      </c>
      <c r="BL10" s="69">
        <v>39</v>
      </c>
      <c r="BM10" s="69">
        <v>14</v>
      </c>
      <c r="BN10" s="70">
        <v>215</v>
      </c>
      <c r="BO10" s="71">
        <v>321</v>
      </c>
      <c r="BP10" s="68">
        <v>35</v>
      </c>
      <c r="BQ10" s="69">
        <v>36</v>
      </c>
      <c r="BR10" s="70">
        <v>71</v>
      </c>
      <c r="BS10" s="159"/>
      <c r="BT10" s="69">
        <v>59</v>
      </c>
      <c r="BU10" s="69">
        <v>66</v>
      </c>
      <c r="BV10" s="69">
        <v>28</v>
      </c>
      <c r="BW10" s="69">
        <v>41</v>
      </c>
      <c r="BX10" s="69">
        <v>18</v>
      </c>
      <c r="BY10" s="70">
        <v>212</v>
      </c>
      <c r="BZ10" s="71">
        <v>283</v>
      </c>
      <c r="CA10" s="68">
        <v>0</v>
      </c>
      <c r="CB10" s="69">
        <v>0</v>
      </c>
      <c r="CC10" s="70">
        <v>0</v>
      </c>
      <c r="CD10" s="159"/>
      <c r="CE10" s="69">
        <v>0</v>
      </c>
      <c r="CF10" s="69">
        <v>0</v>
      </c>
      <c r="CG10" s="69">
        <v>0</v>
      </c>
      <c r="CH10" s="69">
        <v>0</v>
      </c>
      <c r="CI10" s="69">
        <v>0</v>
      </c>
      <c r="CJ10" s="70">
        <v>0</v>
      </c>
      <c r="CK10" s="71">
        <v>0</v>
      </c>
      <c r="CL10" s="68">
        <v>181</v>
      </c>
      <c r="CM10" s="69">
        <v>194</v>
      </c>
      <c r="CN10" s="70">
        <v>375</v>
      </c>
      <c r="CO10" s="159"/>
      <c r="CP10" s="69">
        <v>238</v>
      </c>
      <c r="CQ10" s="69">
        <v>233</v>
      </c>
      <c r="CR10" s="69">
        <v>139</v>
      </c>
      <c r="CS10" s="69">
        <v>157</v>
      </c>
      <c r="CT10" s="69">
        <v>91</v>
      </c>
      <c r="CU10" s="70">
        <v>858</v>
      </c>
      <c r="CV10" s="71">
        <v>1233</v>
      </c>
      <c r="CW10" s="108">
        <v>65</v>
      </c>
      <c r="CX10" s="80">
        <v>87</v>
      </c>
      <c r="CY10" s="81">
        <v>152</v>
      </c>
      <c r="CZ10" s="159"/>
      <c r="DA10" s="80">
        <v>91</v>
      </c>
      <c r="DB10" s="80">
        <v>77</v>
      </c>
      <c r="DC10" s="80">
        <v>69</v>
      </c>
      <c r="DD10" s="80">
        <v>64</v>
      </c>
      <c r="DE10" s="80">
        <v>39</v>
      </c>
      <c r="DF10" s="82">
        <v>340</v>
      </c>
      <c r="DG10" s="83">
        <v>492</v>
      </c>
      <c r="DH10" s="68">
        <v>3</v>
      </c>
      <c r="DI10" s="69">
        <v>3</v>
      </c>
      <c r="DJ10" s="70">
        <v>6</v>
      </c>
      <c r="DK10" s="159"/>
      <c r="DL10" s="69">
        <v>2</v>
      </c>
      <c r="DM10" s="69">
        <v>2</v>
      </c>
      <c r="DN10" s="69">
        <v>2</v>
      </c>
      <c r="DO10" s="69">
        <v>0</v>
      </c>
      <c r="DP10" s="69">
        <v>1</v>
      </c>
      <c r="DQ10" s="70">
        <v>7</v>
      </c>
      <c r="DR10" s="71">
        <v>13</v>
      </c>
      <c r="DS10" s="68">
        <v>8</v>
      </c>
      <c r="DT10" s="69">
        <v>5</v>
      </c>
      <c r="DU10" s="70">
        <v>13</v>
      </c>
      <c r="DV10" s="159"/>
      <c r="DW10" s="69">
        <v>5</v>
      </c>
      <c r="DX10" s="69">
        <v>2</v>
      </c>
      <c r="DY10" s="69">
        <v>6</v>
      </c>
      <c r="DZ10" s="69">
        <v>2</v>
      </c>
      <c r="EA10" s="69">
        <v>1</v>
      </c>
      <c r="EB10" s="70">
        <v>16</v>
      </c>
      <c r="EC10" s="71">
        <v>29</v>
      </c>
      <c r="ED10" s="68">
        <v>7</v>
      </c>
      <c r="EE10" s="69">
        <v>9</v>
      </c>
      <c r="EF10" s="70">
        <v>16</v>
      </c>
      <c r="EG10" s="159"/>
      <c r="EH10" s="69">
        <v>9</v>
      </c>
      <c r="EI10" s="69">
        <v>8</v>
      </c>
      <c r="EJ10" s="69">
        <v>9</v>
      </c>
      <c r="EK10" s="69">
        <v>4</v>
      </c>
      <c r="EL10" s="69">
        <v>3</v>
      </c>
      <c r="EM10" s="70">
        <v>33</v>
      </c>
      <c r="EN10" s="71">
        <v>49</v>
      </c>
      <c r="EO10" s="68">
        <v>17</v>
      </c>
      <c r="EP10" s="69">
        <v>20</v>
      </c>
      <c r="EQ10" s="70">
        <v>37</v>
      </c>
      <c r="ER10" s="159"/>
      <c r="ES10" s="69">
        <v>19</v>
      </c>
      <c r="ET10" s="69">
        <v>18</v>
      </c>
      <c r="EU10" s="69">
        <v>11</v>
      </c>
      <c r="EV10" s="69">
        <v>4</v>
      </c>
      <c r="EW10" s="69">
        <v>4</v>
      </c>
      <c r="EX10" s="70">
        <v>56</v>
      </c>
      <c r="EY10" s="71">
        <v>93</v>
      </c>
      <c r="EZ10" s="68">
        <v>16</v>
      </c>
      <c r="FA10" s="69">
        <v>34</v>
      </c>
      <c r="FB10" s="70">
        <v>50</v>
      </c>
      <c r="FC10" s="159"/>
      <c r="FD10" s="69">
        <v>27</v>
      </c>
      <c r="FE10" s="69">
        <v>22</v>
      </c>
      <c r="FF10" s="69">
        <v>13</v>
      </c>
      <c r="FG10" s="69">
        <v>15</v>
      </c>
      <c r="FH10" s="69">
        <v>8</v>
      </c>
      <c r="FI10" s="70">
        <v>85</v>
      </c>
      <c r="FJ10" s="71">
        <v>135</v>
      </c>
      <c r="FK10" s="68">
        <v>14</v>
      </c>
      <c r="FL10" s="69">
        <v>16</v>
      </c>
      <c r="FM10" s="70">
        <v>30</v>
      </c>
      <c r="FN10" s="159"/>
      <c r="FO10" s="69">
        <v>29</v>
      </c>
      <c r="FP10" s="69">
        <v>25</v>
      </c>
      <c r="FQ10" s="69">
        <v>28</v>
      </c>
      <c r="FR10" s="69">
        <v>39</v>
      </c>
      <c r="FS10" s="69">
        <v>22</v>
      </c>
      <c r="FT10" s="70">
        <v>143</v>
      </c>
      <c r="FU10" s="71">
        <v>173</v>
      </c>
      <c r="FV10" s="68">
        <v>0</v>
      </c>
      <c r="FW10" s="69">
        <v>0</v>
      </c>
      <c r="FX10" s="70">
        <v>0</v>
      </c>
      <c r="FY10" s="159"/>
      <c r="FZ10" s="69">
        <v>0</v>
      </c>
      <c r="GA10" s="69">
        <v>0</v>
      </c>
      <c r="GB10" s="69">
        <v>0</v>
      </c>
      <c r="GC10" s="69">
        <v>0</v>
      </c>
      <c r="GD10" s="69">
        <v>0</v>
      </c>
      <c r="GE10" s="70">
        <v>0</v>
      </c>
      <c r="GF10" s="71">
        <v>0</v>
      </c>
      <c r="GG10" s="68">
        <v>65</v>
      </c>
      <c r="GH10" s="69">
        <v>87</v>
      </c>
      <c r="GI10" s="70">
        <v>152</v>
      </c>
      <c r="GJ10" s="159"/>
      <c r="GK10" s="69">
        <v>91</v>
      </c>
      <c r="GL10" s="69">
        <v>77</v>
      </c>
      <c r="GM10" s="69">
        <v>69</v>
      </c>
      <c r="GN10" s="69">
        <v>64</v>
      </c>
      <c r="GO10" s="69">
        <v>39</v>
      </c>
      <c r="GP10" s="70">
        <v>340</v>
      </c>
      <c r="GQ10" s="71">
        <v>492</v>
      </c>
      <c r="GR10" s="108">
        <v>246</v>
      </c>
      <c r="GS10" s="80">
        <v>281</v>
      </c>
      <c r="GT10" s="81">
        <v>527</v>
      </c>
      <c r="GU10" s="159"/>
      <c r="GV10" s="80">
        <v>329</v>
      </c>
      <c r="GW10" s="80">
        <v>310</v>
      </c>
      <c r="GX10" s="80">
        <v>208</v>
      </c>
      <c r="GY10" s="80">
        <v>221</v>
      </c>
      <c r="GZ10" s="80">
        <v>130</v>
      </c>
      <c r="HA10" s="82">
        <v>1198</v>
      </c>
      <c r="HB10" s="83">
        <v>1725</v>
      </c>
      <c r="HC10" s="68">
        <v>15</v>
      </c>
      <c r="HD10" s="69">
        <v>12</v>
      </c>
      <c r="HE10" s="70">
        <v>27</v>
      </c>
      <c r="HF10" s="159"/>
      <c r="HG10" s="69">
        <v>12</v>
      </c>
      <c r="HH10" s="69">
        <v>9</v>
      </c>
      <c r="HI10" s="69">
        <v>6</v>
      </c>
      <c r="HJ10" s="69">
        <v>11</v>
      </c>
      <c r="HK10" s="69">
        <v>9</v>
      </c>
      <c r="HL10" s="70">
        <v>47</v>
      </c>
      <c r="HM10" s="71">
        <v>74</v>
      </c>
      <c r="HN10" s="68">
        <v>23</v>
      </c>
      <c r="HO10" s="69">
        <v>21</v>
      </c>
      <c r="HP10" s="70">
        <v>44</v>
      </c>
      <c r="HQ10" s="159"/>
      <c r="HR10" s="69">
        <v>24</v>
      </c>
      <c r="HS10" s="69">
        <v>26</v>
      </c>
      <c r="HT10" s="69">
        <v>17</v>
      </c>
      <c r="HU10" s="69">
        <v>19</v>
      </c>
      <c r="HV10" s="69">
        <v>10</v>
      </c>
      <c r="HW10" s="70">
        <v>96</v>
      </c>
      <c r="HX10" s="71">
        <v>140</v>
      </c>
      <c r="HY10" s="68">
        <v>29</v>
      </c>
      <c r="HZ10" s="69">
        <v>35</v>
      </c>
      <c r="IA10" s="70">
        <v>64</v>
      </c>
      <c r="IB10" s="159"/>
      <c r="IC10" s="69">
        <v>33</v>
      </c>
      <c r="ID10" s="69">
        <v>35</v>
      </c>
      <c r="IE10" s="69">
        <v>27</v>
      </c>
      <c r="IF10" s="69">
        <v>23</v>
      </c>
      <c r="IG10" s="69">
        <v>23</v>
      </c>
      <c r="IH10" s="70">
        <v>141</v>
      </c>
      <c r="II10" s="71">
        <v>205</v>
      </c>
      <c r="IJ10" s="68">
        <v>56</v>
      </c>
      <c r="IK10" s="69">
        <v>79</v>
      </c>
      <c r="IL10" s="70">
        <v>135</v>
      </c>
      <c r="IM10" s="159"/>
      <c r="IN10" s="69">
        <v>75</v>
      </c>
      <c r="IO10" s="69">
        <v>73</v>
      </c>
      <c r="IP10" s="69">
        <v>51</v>
      </c>
      <c r="IQ10" s="69">
        <v>34</v>
      </c>
      <c r="IR10" s="69">
        <v>26</v>
      </c>
      <c r="IS10" s="70">
        <v>259</v>
      </c>
      <c r="IT10" s="71">
        <v>394</v>
      </c>
      <c r="IU10" s="68">
        <v>74</v>
      </c>
      <c r="IV10" s="69">
        <v>82</v>
      </c>
      <c r="IW10" s="70">
        <v>156</v>
      </c>
      <c r="IX10" s="159"/>
      <c r="IY10" s="69">
        <v>97</v>
      </c>
      <c r="IZ10" s="69">
        <v>76</v>
      </c>
      <c r="JA10" s="69">
        <v>51</v>
      </c>
      <c r="JB10" s="69">
        <v>54</v>
      </c>
      <c r="JC10" s="69">
        <v>22</v>
      </c>
      <c r="JD10" s="70">
        <v>300</v>
      </c>
      <c r="JE10" s="71">
        <v>456</v>
      </c>
      <c r="JF10" s="68">
        <v>49</v>
      </c>
      <c r="JG10" s="69">
        <v>52</v>
      </c>
      <c r="JH10" s="70">
        <v>101</v>
      </c>
      <c r="JI10" s="159"/>
      <c r="JJ10" s="69">
        <v>88</v>
      </c>
      <c r="JK10" s="69">
        <v>91</v>
      </c>
      <c r="JL10" s="69">
        <v>56</v>
      </c>
      <c r="JM10" s="69">
        <v>80</v>
      </c>
      <c r="JN10" s="69">
        <v>40</v>
      </c>
      <c r="JO10" s="70">
        <v>355</v>
      </c>
      <c r="JP10" s="71">
        <v>456</v>
      </c>
      <c r="JQ10" s="68">
        <v>0</v>
      </c>
      <c r="JR10" s="69">
        <v>0</v>
      </c>
      <c r="JS10" s="70">
        <v>0</v>
      </c>
      <c r="JT10" s="159"/>
      <c r="JU10" s="69">
        <v>0</v>
      </c>
      <c r="JV10" s="69">
        <v>0</v>
      </c>
      <c r="JW10" s="69">
        <v>0</v>
      </c>
      <c r="JX10" s="69">
        <v>0</v>
      </c>
      <c r="JY10" s="69">
        <v>0</v>
      </c>
      <c r="JZ10" s="70">
        <v>0</v>
      </c>
      <c r="KA10" s="71">
        <v>0</v>
      </c>
      <c r="KB10" s="68">
        <v>246</v>
      </c>
      <c r="KC10" s="69">
        <v>281</v>
      </c>
      <c r="KD10" s="70">
        <v>527</v>
      </c>
      <c r="KE10" s="159"/>
      <c r="KF10" s="69">
        <v>329</v>
      </c>
      <c r="KG10" s="69">
        <v>310</v>
      </c>
      <c r="KH10" s="69">
        <v>208</v>
      </c>
      <c r="KI10" s="69">
        <v>221</v>
      </c>
      <c r="KJ10" s="69">
        <v>130</v>
      </c>
      <c r="KK10" s="70">
        <v>1198</v>
      </c>
      <c r="KL10" s="71">
        <v>1725</v>
      </c>
    </row>
    <row r="11" spans="1:298" ht="19.5" customHeight="1" x14ac:dyDescent="0.2">
      <c r="A11" s="111" t="s">
        <v>7</v>
      </c>
      <c r="B11" s="215">
        <v>105</v>
      </c>
      <c r="C11" s="80">
        <v>84</v>
      </c>
      <c r="D11" s="81">
        <v>189</v>
      </c>
      <c r="E11" s="159"/>
      <c r="F11" s="80">
        <v>217</v>
      </c>
      <c r="G11" s="80">
        <v>156</v>
      </c>
      <c r="H11" s="80">
        <v>71</v>
      </c>
      <c r="I11" s="80">
        <v>59</v>
      </c>
      <c r="J11" s="80">
        <v>40</v>
      </c>
      <c r="K11" s="82">
        <v>543</v>
      </c>
      <c r="L11" s="83">
        <v>732</v>
      </c>
      <c r="M11" s="68">
        <v>6</v>
      </c>
      <c r="N11" s="69">
        <v>1</v>
      </c>
      <c r="O11" s="70">
        <v>7</v>
      </c>
      <c r="P11" s="159"/>
      <c r="Q11" s="69">
        <v>4</v>
      </c>
      <c r="R11" s="69">
        <v>5</v>
      </c>
      <c r="S11" s="69">
        <v>4</v>
      </c>
      <c r="T11" s="69">
        <v>5</v>
      </c>
      <c r="U11" s="69">
        <v>5</v>
      </c>
      <c r="V11" s="70">
        <v>23</v>
      </c>
      <c r="W11" s="71">
        <v>30</v>
      </c>
      <c r="X11" s="68">
        <v>13</v>
      </c>
      <c r="Y11" s="69">
        <v>5</v>
      </c>
      <c r="Z11" s="70">
        <v>18</v>
      </c>
      <c r="AA11" s="159"/>
      <c r="AB11" s="69">
        <v>21</v>
      </c>
      <c r="AC11" s="69">
        <v>15</v>
      </c>
      <c r="AD11" s="69">
        <v>9</v>
      </c>
      <c r="AE11" s="69">
        <v>2</v>
      </c>
      <c r="AF11" s="69">
        <v>3</v>
      </c>
      <c r="AG11" s="70">
        <v>50</v>
      </c>
      <c r="AH11" s="71">
        <v>68</v>
      </c>
      <c r="AI11" s="68">
        <v>9</v>
      </c>
      <c r="AJ11" s="69">
        <v>14</v>
      </c>
      <c r="AK11" s="70">
        <v>23</v>
      </c>
      <c r="AL11" s="159"/>
      <c r="AM11" s="69">
        <v>24</v>
      </c>
      <c r="AN11" s="69">
        <v>25</v>
      </c>
      <c r="AO11" s="69">
        <v>9</v>
      </c>
      <c r="AP11" s="69">
        <v>11</v>
      </c>
      <c r="AQ11" s="69">
        <v>6</v>
      </c>
      <c r="AR11" s="70">
        <v>75</v>
      </c>
      <c r="AS11" s="71">
        <v>98</v>
      </c>
      <c r="AT11" s="68">
        <v>28</v>
      </c>
      <c r="AU11" s="69">
        <v>22</v>
      </c>
      <c r="AV11" s="70">
        <v>50</v>
      </c>
      <c r="AW11" s="159"/>
      <c r="AX11" s="69">
        <v>54</v>
      </c>
      <c r="AY11" s="69">
        <v>33</v>
      </c>
      <c r="AZ11" s="69">
        <v>14</v>
      </c>
      <c r="BA11" s="69">
        <v>11</v>
      </c>
      <c r="BB11" s="69">
        <v>7</v>
      </c>
      <c r="BC11" s="70">
        <v>119</v>
      </c>
      <c r="BD11" s="71">
        <v>169</v>
      </c>
      <c r="BE11" s="68">
        <v>28</v>
      </c>
      <c r="BF11" s="69">
        <v>22</v>
      </c>
      <c r="BG11" s="70">
        <v>50</v>
      </c>
      <c r="BH11" s="159"/>
      <c r="BI11" s="69">
        <v>62</v>
      </c>
      <c r="BJ11" s="69">
        <v>38</v>
      </c>
      <c r="BK11" s="69">
        <v>10</v>
      </c>
      <c r="BL11" s="69">
        <v>12</v>
      </c>
      <c r="BM11" s="69">
        <v>11</v>
      </c>
      <c r="BN11" s="70">
        <v>133</v>
      </c>
      <c r="BO11" s="71">
        <v>183</v>
      </c>
      <c r="BP11" s="68">
        <v>21</v>
      </c>
      <c r="BQ11" s="69">
        <v>20</v>
      </c>
      <c r="BR11" s="70">
        <v>41</v>
      </c>
      <c r="BS11" s="159"/>
      <c r="BT11" s="69">
        <v>52</v>
      </c>
      <c r="BU11" s="69">
        <v>40</v>
      </c>
      <c r="BV11" s="69">
        <v>25</v>
      </c>
      <c r="BW11" s="69">
        <v>18</v>
      </c>
      <c r="BX11" s="69">
        <v>8</v>
      </c>
      <c r="BY11" s="70">
        <v>143</v>
      </c>
      <c r="BZ11" s="71">
        <v>184</v>
      </c>
      <c r="CA11" s="68">
        <v>0</v>
      </c>
      <c r="CB11" s="69">
        <v>0</v>
      </c>
      <c r="CC11" s="70">
        <v>0</v>
      </c>
      <c r="CD11" s="159"/>
      <c r="CE11" s="69">
        <v>0</v>
      </c>
      <c r="CF11" s="69">
        <v>0</v>
      </c>
      <c r="CG11" s="69">
        <v>0</v>
      </c>
      <c r="CH11" s="69">
        <v>0</v>
      </c>
      <c r="CI11" s="69">
        <v>0</v>
      </c>
      <c r="CJ11" s="70">
        <v>0</v>
      </c>
      <c r="CK11" s="71">
        <v>0</v>
      </c>
      <c r="CL11" s="68">
        <v>105</v>
      </c>
      <c r="CM11" s="69">
        <v>84</v>
      </c>
      <c r="CN11" s="70">
        <v>189</v>
      </c>
      <c r="CO11" s="159"/>
      <c r="CP11" s="69">
        <v>217</v>
      </c>
      <c r="CQ11" s="69">
        <v>156</v>
      </c>
      <c r="CR11" s="69">
        <v>71</v>
      </c>
      <c r="CS11" s="69">
        <v>59</v>
      </c>
      <c r="CT11" s="69">
        <v>40</v>
      </c>
      <c r="CU11" s="70">
        <v>543</v>
      </c>
      <c r="CV11" s="71">
        <v>732</v>
      </c>
      <c r="CW11" s="108">
        <v>34</v>
      </c>
      <c r="CX11" s="80">
        <v>32</v>
      </c>
      <c r="CY11" s="81">
        <v>66</v>
      </c>
      <c r="CZ11" s="159"/>
      <c r="DA11" s="80">
        <v>68</v>
      </c>
      <c r="DB11" s="80">
        <v>33</v>
      </c>
      <c r="DC11" s="80">
        <v>29</v>
      </c>
      <c r="DD11" s="80">
        <v>26</v>
      </c>
      <c r="DE11" s="80">
        <v>15</v>
      </c>
      <c r="DF11" s="82">
        <v>171</v>
      </c>
      <c r="DG11" s="83">
        <v>237</v>
      </c>
      <c r="DH11" s="68">
        <v>0</v>
      </c>
      <c r="DI11" s="69">
        <v>0</v>
      </c>
      <c r="DJ11" s="70">
        <v>0</v>
      </c>
      <c r="DK11" s="159"/>
      <c r="DL11" s="69">
        <v>2</v>
      </c>
      <c r="DM11" s="69">
        <v>2</v>
      </c>
      <c r="DN11" s="69">
        <v>1</v>
      </c>
      <c r="DO11" s="69">
        <v>0</v>
      </c>
      <c r="DP11" s="69">
        <v>1</v>
      </c>
      <c r="DQ11" s="70">
        <v>6</v>
      </c>
      <c r="DR11" s="71">
        <v>6</v>
      </c>
      <c r="DS11" s="68">
        <v>2</v>
      </c>
      <c r="DT11" s="69">
        <v>3</v>
      </c>
      <c r="DU11" s="70">
        <v>5</v>
      </c>
      <c r="DV11" s="159"/>
      <c r="DW11" s="69">
        <v>3</v>
      </c>
      <c r="DX11" s="69">
        <v>5</v>
      </c>
      <c r="DY11" s="69">
        <v>1</v>
      </c>
      <c r="DZ11" s="69">
        <v>2</v>
      </c>
      <c r="EA11" s="69">
        <v>0</v>
      </c>
      <c r="EB11" s="70">
        <v>11</v>
      </c>
      <c r="EC11" s="71">
        <v>16</v>
      </c>
      <c r="ED11" s="68">
        <v>2</v>
      </c>
      <c r="EE11" s="69">
        <v>6</v>
      </c>
      <c r="EF11" s="70">
        <v>8</v>
      </c>
      <c r="EG11" s="159"/>
      <c r="EH11" s="69">
        <v>7</v>
      </c>
      <c r="EI11" s="69">
        <v>3</v>
      </c>
      <c r="EJ11" s="69">
        <v>2</v>
      </c>
      <c r="EK11" s="69">
        <v>3</v>
      </c>
      <c r="EL11" s="69">
        <v>1</v>
      </c>
      <c r="EM11" s="70">
        <v>16</v>
      </c>
      <c r="EN11" s="71">
        <v>24</v>
      </c>
      <c r="EO11" s="68">
        <v>10</v>
      </c>
      <c r="EP11" s="69">
        <v>7</v>
      </c>
      <c r="EQ11" s="70">
        <v>17</v>
      </c>
      <c r="ER11" s="159"/>
      <c r="ES11" s="69">
        <v>18</v>
      </c>
      <c r="ET11" s="69">
        <v>1</v>
      </c>
      <c r="EU11" s="69">
        <v>3</v>
      </c>
      <c r="EV11" s="69">
        <v>2</v>
      </c>
      <c r="EW11" s="69">
        <v>1</v>
      </c>
      <c r="EX11" s="70">
        <v>25</v>
      </c>
      <c r="EY11" s="71">
        <v>42</v>
      </c>
      <c r="EZ11" s="68">
        <v>15</v>
      </c>
      <c r="FA11" s="69">
        <v>7</v>
      </c>
      <c r="FB11" s="70">
        <v>22</v>
      </c>
      <c r="FC11" s="159"/>
      <c r="FD11" s="69">
        <v>18</v>
      </c>
      <c r="FE11" s="69">
        <v>8</v>
      </c>
      <c r="FF11" s="69">
        <v>11</v>
      </c>
      <c r="FG11" s="69">
        <v>5</v>
      </c>
      <c r="FH11" s="69">
        <v>4</v>
      </c>
      <c r="FI11" s="70">
        <v>46</v>
      </c>
      <c r="FJ11" s="71">
        <v>68</v>
      </c>
      <c r="FK11" s="68">
        <v>5</v>
      </c>
      <c r="FL11" s="69">
        <v>9</v>
      </c>
      <c r="FM11" s="70">
        <v>14</v>
      </c>
      <c r="FN11" s="159"/>
      <c r="FO11" s="69">
        <v>20</v>
      </c>
      <c r="FP11" s="69">
        <v>14</v>
      </c>
      <c r="FQ11" s="69">
        <v>11</v>
      </c>
      <c r="FR11" s="69">
        <v>14</v>
      </c>
      <c r="FS11" s="69">
        <v>8</v>
      </c>
      <c r="FT11" s="70">
        <v>67</v>
      </c>
      <c r="FU11" s="71">
        <v>81</v>
      </c>
      <c r="FV11" s="68">
        <v>0</v>
      </c>
      <c r="FW11" s="69">
        <v>0</v>
      </c>
      <c r="FX11" s="70">
        <v>0</v>
      </c>
      <c r="FY11" s="159"/>
      <c r="FZ11" s="69">
        <v>0</v>
      </c>
      <c r="GA11" s="69">
        <v>0</v>
      </c>
      <c r="GB11" s="69">
        <v>0</v>
      </c>
      <c r="GC11" s="69">
        <v>0</v>
      </c>
      <c r="GD11" s="69">
        <v>0</v>
      </c>
      <c r="GE11" s="70">
        <v>0</v>
      </c>
      <c r="GF11" s="71">
        <v>0</v>
      </c>
      <c r="GG11" s="68">
        <v>34</v>
      </c>
      <c r="GH11" s="69">
        <v>32</v>
      </c>
      <c r="GI11" s="70">
        <v>66</v>
      </c>
      <c r="GJ11" s="159"/>
      <c r="GK11" s="69">
        <v>68</v>
      </c>
      <c r="GL11" s="69">
        <v>33</v>
      </c>
      <c r="GM11" s="69">
        <v>29</v>
      </c>
      <c r="GN11" s="69">
        <v>26</v>
      </c>
      <c r="GO11" s="69">
        <v>15</v>
      </c>
      <c r="GP11" s="70">
        <v>171</v>
      </c>
      <c r="GQ11" s="71">
        <v>237</v>
      </c>
      <c r="GR11" s="108">
        <v>139</v>
      </c>
      <c r="GS11" s="80">
        <v>116</v>
      </c>
      <c r="GT11" s="81">
        <v>255</v>
      </c>
      <c r="GU11" s="159"/>
      <c r="GV11" s="80">
        <v>285</v>
      </c>
      <c r="GW11" s="80">
        <v>189</v>
      </c>
      <c r="GX11" s="80">
        <v>100</v>
      </c>
      <c r="GY11" s="80">
        <v>85</v>
      </c>
      <c r="GZ11" s="80">
        <v>55</v>
      </c>
      <c r="HA11" s="82">
        <v>714</v>
      </c>
      <c r="HB11" s="83">
        <v>969</v>
      </c>
      <c r="HC11" s="68">
        <v>6</v>
      </c>
      <c r="HD11" s="69">
        <v>1</v>
      </c>
      <c r="HE11" s="70">
        <v>7</v>
      </c>
      <c r="HF11" s="159"/>
      <c r="HG11" s="69">
        <v>6</v>
      </c>
      <c r="HH11" s="69">
        <v>7</v>
      </c>
      <c r="HI11" s="69">
        <v>5</v>
      </c>
      <c r="HJ11" s="69">
        <v>5</v>
      </c>
      <c r="HK11" s="69">
        <v>6</v>
      </c>
      <c r="HL11" s="70">
        <v>29</v>
      </c>
      <c r="HM11" s="71">
        <v>36</v>
      </c>
      <c r="HN11" s="68">
        <v>15</v>
      </c>
      <c r="HO11" s="69">
        <v>8</v>
      </c>
      <c r="HP11" s="70">
        <v>23</v>
      </c>
      <c r="HQ11" s="159"/>
      <c r="HR11" s="69">
        <v>24</v>
      </c>
      <c r="HS11" s="69">
        <v>20</v>
      </c>
      <c r="HT11" s="69">
        <v>10</v>
      </c>
      <c r="HU11" s="69">
        <v>4</v>
      </c>
      <c r="HV11" s="69">
        <v>3</v>
      </c>
      <c r="HW11" s="70">
        <v>61</v>
      </c>
      <c r="HX11" s="71">
        <v>84</v>
      </c>
      <c r="HY11" s="68">
        <v>11</v>
      </c>
      <c r="HZ11" s="69">
        <v>20</v>
      </c>
      <c r="IA11" s="70">
        <v>31</v>
      </c>
      <c r="IB11" s="159"/>
      <c r="IC11" s="69">
        <v>31</v>
      </c>
      <c r="ID11" s="69">
        <v>28</v>
      </c>
      <c r="IE11" s="69">
        <v>11</v>
      </c>
      <c r="IF11" s="69">
        <v>14</v>
      </c>
      <c r="IG11" s="69">
        <v>7</v>
      </c>
      <c r="IH11" s="70">
        <v>91</v>
      </c>
      <c r="II11" s="71">
        <v>122</v>
      </c>
      <c r="IJ11" s="68">
        <v>38</v>
      </c>
      <c r="IK11" s="69">
        <v>29</v>
      </c>
      <c r="IL11" s="70">
        <v>67</v>
      </c>
      <c r="IM11" s="159"/>
      <c r="IN11" s="69">
        <v>72</v>
      </c>
      <c r="IO11" s="69">
        <v>34</v>
      </c>
      <c r="IP11" s="69">
        <v>17</v>
      </c>
      <c r="IQ11" s="69">
        <v>13</v>
      </c>
      <c r="IR11" s="69">
        <v>8</v>
      </c>
      <c r="IS11" s="70">
        <v>144</v>
      </c>
      <c r="IT11" s="71">
        <v>211</v>
      </c>
      <c r="IU11" s="68">
        <v>43</v>
      </c>
      <c r="IV11" s="69">
        <v>29</v>
      </c>
      <c r="IW11" s="70">
        <v>72</v>
      </c>
      <c r="IX11" s="159"/>
      <c r="IY11" s="69">
        <v>80</v>
      </c>
      <c r="IZ11" s="69">
        <v>46</v>
      </c>
      <c r="JA11" s="69">
        <v>21</v>
      </c>
      <c r="JB11" s="69">
        <v>17</v>
      </c>
      <c r="JC11" s="69">
        <v>15</v>
      </c>
      <c r="JD11" s="70">
        <v>179</v>
      </c>
      <c r="JE11" s="71">
        <v>251</v>
      </c>
      <c r="JF11" s="68">
        <v>26</v>
      </c>
      <c r="JG11" s="69">
        <v>29</v>
      </c>
      <c r="JH11" s="70">
        <v>55</v>
      </c>
      <c r="JI11" s="159"/>
      <c r="JJ11" s="69">
        <v>72</v>
      </c>
      <c r="JK11" s="69">
        <v>54</v>
      </c>
      <c r="JL11" s="69">
        <v>36</v>
      </c>
      <c r="JM11" s="69">
        <v>32</v>
      </c>
      <c r="JN11" s="69">
        <v>16</v>
      </c>
      <c r="JO11" s="70">
        <v>210</v>
      </c>
      <c r="JP11" s="71">
        <v>265</v>
      </c>
      <c r="JQ11" s="68">
        <v>0</v>
      </c>
      <c r="JR11" s="69">
        <v>0</v>
      </c>
      <c r="JS11" s="70">
        <v>0</v>
      </c>
      <c r="JT11" s="159"/>
      <c r="JU11" s="69">
        <v>0</v>
      </c>
      <c r="JV11" s="69">
        <v>0</v>
      </c>
      <c r="JW11" s="69">
        <v>0</v>
      </c>
      <c r="JX11" s="69">
        <v>0</v>
      </c>
      <c r="JY11" s="69">
        <v>0</v>
      </c>
      <c r="JZ11" s="70">
        <v>0</v>
      </c>
      <c r="KA11" s="71">
        <v>0</v>
      </c>
      <c r="KB11" s="68">
        <v>139</v>
      </c>
      <c r="KC11" s="69">
        <v>116</v>
      </c>
      <c r="KD11" s="70">
        <v>255</v>
      </c>
      <c r="KE11" s="159"/>
      <c r="KF11" s="69">
        <v>285</v>
      </c>
      <c r="KG11" s="69">
        <v>189</v>
      </c>
      <c r="KH11" s="69">
        <v>100</v>
      </c>
      <c r="KI11" s="69">
        <v>85</v>
      </c>
      <c r="KJ11" s="69">
        <v>55</v>
      </c>
      <c r="KK11" s="70">
        <v>714</v>
      </c>
      <c r="KL11" s="71">
        <v>969</v>
      </c>
    </row>
    <row r="12" spans="1:298" ht="19.5" customHeight="1" x14ac:dyDescent="0.2">
      <c r="A12" s="111" t="s">
        <v>8</v>
      </c>
      <c r="B12" s="215">
        <v>49</v>
      </c>
      <c r="C12" s="80">
        <v>27</v>
      </c>
      <c r="D12" s="81">
        <v>76</v>
      </c>
      <c r="E12" s="159"/>
      <c r="F12" s="80">
        <v>107</v>
      </c>
      <c r="G12" s="80">
        <v>78</v>
      </c>
      <c r="H12" s="80">
        <v>37</v>
      </c>
      <c r="I12" s="80">
        <v>48</v>
      </c>
      <c r="J12" s="80">
        <v>14</v>
      </c>
      <c r="K12" s="82">
        <v>284</v>
      </c>
      <c r="L12" s="83">
        <v>360</v>
      </c>
      <c r="M12" s="68">
        <v>0</v>
      </c>
      <c r="N12" s="69">
        <v>4</v>
      </c>
      <c r="O12" s="70">
        <v>4</v>
      </c>
      <c r="P12" s="159"/>
      <c r="Q12" s="69">
        <v>1</v>
      </c>
      <c r="R12" s="69">
        <v>3</v>
      </c>
      <c r="S12" s="69">
        <v>0</v>
      </c>
      <c r="T12" s="69">
        <v>3</v>
      </c>
      <c r="U12" s="69">
        <v>0</v>
      </c>
      <c r="V12" s="70">
        <v>7</v>
      </c>
      <c r="W12" s="71">
        <v>11</v>
      </c>
      <c r="X12" s="68">
        <v>3</v>
      </c>
      <c r="Y12" s="69">
        <v>0</v>
      </c>
      <c r="Z12" s="70">
        <v>3</v>
      </c>
      <c r="AA12" s="159"/>
      <c r="AB12" s="69">
        <v>12</v>
      </c>
      <c r="AC12" s="69">
        <v>11</v>
      </c>
      <c r="AD12" s="69">
        <v>5</v>
      </c>
      <c r="AE12" s="69">
        <v>4</v>
      </c>
      <c r="AF12" s="69">
        <v>3</v>
      </c>
      <c r="AG12" s="70">
        <v>35</v>
      </c>
      <c r="AH12" s="71">
        <v>38</v>
      </c>
      <c r="AI12" s="68">
        <v>3</v>
      </c>
      <c r="AJ12" s="69">
        <v>1</v>
      </c>
      <c r="AK12" s="70">
        <v>4</v>
      </c>
      <c r="AL12" s="159"/>
      <c r="AM12" s="69">
        <v>11</v>
      </c>
      <c r="AN12" s="69">
        <v>8</v>
      </c>
      <c r="AO12" s="69">
        <v>5</v>
      </c>
      <c r="AP12" s="69">
        <v>5</v>
      </c>
      <c r="AQ12" s="69">
        <v>1</v>
      </c>
      <c r="AR12" s="70">
        <v>30</v>
      </c>
      <c r="AS12" s="71">
        <v>34</v>
      </c>
      <c r="AT12" s="68">
        <v>12</v>
      </c>
      <c r="AU12" s="69">
        <v>5</v>
      </c>
      <c r="AV12" s="70">
        <v>17</v>
      </c>
      <c r="AW12" s="159"/>
      <c r="AX12" s="69">
        <v>28</v>
      </c>
      <c r="AY12" s="69">
        <v>14</v>
      </c>
      <c r="AZ12" s="69">
        <v>5</v>
      </c>
      <c r="BA12" s="69">
        <v>11</v>
      </c>
      <c r="BB12" s="69">
        <v>3</v>
      </c>
      <c r="BC12" s="70">
        <v>61</v>
      </c>
      <c r="BD12" s="71">
        <v>78</v>
      </c>
      <c r="BE12" s="68">
        <v>13</v>
      </c>
      <c r="BF12" s="69">
        <v>7</v>
      </c>
      <c r="BG12" s="70">
        <v>20</v>
      </c>
      <c r="BH12" s="159"/>
      <c r="BI12" s="69">
        <v>30</v>
      </c>
      <c r="BJ12" s="69">
        <v>20</v>
      </c>
      <c r="BK12" s="69">
        <v>8</v>
      </c>
      <c r="BL12" s="69">
        <v>6</v>
      </c>
      <c r="BM12" s="69">
        <v>4</v>
      </c>
      <c r="BN12" s="70">
        <v>68</v>
      </c>
      <c r="BO12" s="71">
        <v>88</v>
      </c>
      <c r="BP12" s="68">
        <v>18</v>
      </c>
      <c r="BQ12" s="69">
        <v>10</v>
      </c>
      <c r="BR12" s="70">
        <v>28</v>
      </c>
      <c r="BS12" s="159"/>
      <c r="BT12" s="69">
        <v>25</v>
      </c>
      <c r="BU12" s="69">
        <v>22</v>
      </c>
      <c r="BV12" s="69">
        <v>14</v>
      </c>
      <c r="BW12" s="69">
        <v>19</v>
      </c>
      <c r="BX12" s="69">
        <v>3</v>
      </c>
      <c r="BY12" s="70">
        <v>83</v>
      </c>
      <c r="BZ12" s="71">
        <v>111</v>
      </c>
      <c r="CA12" s="68">
        <v>0</v>
      </c>
      <c r="CB12" s="69">
        <v>0</v>
      </c>
      <c r="CC12" s="70">
        <v>0</v>
      </c>
      <c r="CD12" s="159"/>
      <c r="CE12" s="69">
        <v>0</v>
      </c>
      <c r="CF12" s="69">
        <v>0</v>
      </c>
      <c r="CG12" s="69">
        <v>0</v>
      </c>
      <c r="CH12" s="69">
        <v>0</v>
      </c>
      <c r="CI12" s="69">
        <v>0</v>
      </c>
      <c r="CJ12" s="70">
        <v>0</v>
      </c>
      <c r="CK12" s="71">
        <v>0</v>
      </c>
      <c r="CL12" s="68">
        <v>49</v>
      </c>
      <c r="CM12" s="69">
        <v>27</v>
      </c>
      <c r="CN12" s="70">
        <v>76</v>
      </c>
      <c r="CO12" s="159"/>
      <c r="CP12" s="69">
        <v>107</v>
      </c>
      <c r="CQ12" s="69">
        <v>78</v>
      </c>
      <c r="CR12" s="69">
        <v>37</v>
      </c>
      <c r="CS12" s="69">
        <v>48</v>
      </c>
      <c r="CT12" s="69">
        <v>14</v>
      </c>
      <c r="CU12" s="70">
        <v>284</v>
      </c>
      <c r="CV12" s="71">
        <v>360</v>
      </c>
      <c r="CW12" s="108">
        <v>15</v>
      </c>
      <c r="CX12" s="80">
        <v>21</v>
      </c>
      <c r="CY12" s="81">
        <v>36</v>
      </c>
      <c r="CZ12" s="159"/>
      <c r="DA12" s="80">
        <v>30</v>
      </c>
      <c r="DB12" s="80">
        <v>45</v>
      </c>
      <c r="DC12" s="80">
        <v>14</v>
      </c>
      <c r="DD12" s="80">
        <v>25</v>
      </c>
      <c r="DE12" s="80">
        <v>15</v>
      </c>
      <c r="DF12" s="82">
        <v>129</v>
      </c>
      <c r="DG12" s="83">
        <v>165</v>
      </c>
      <c r="DH12" s="68">
        <v>0</v>
      </c>
      <c r="DI12" s="69">
        <v>0</v>
      </c>
      <c r="DJ12" s="70">
        <v>0</v>
      </c>
      <c r="DK12" s="159"/>
      <c r="DL12" s="69">
        <v>0</v>
      </c>
      <c r="DM12" s="69">
        <v>1</v>
      </c>
      <c r="DN12" s="69">
        <v>0</v>
      </c>
      <c r="DO12" s="69">
        <v>1</v>
      </c>
      <c r="DP12" s="69">
        <v>0</v>
      </c>
      <c r="DQ12" s="70">
        <v>2</v>
      </c>
      <c r="DR12" s="71">
        <v>2</v>
      </c>
      <c r="DS12" s="68">
        <v>2</v>
      </c>
      <c r="DT12" s="69">
        <v>1</v>
      </c>
      <c r="DU12" s="70">
        <v>3</v>
      </c>
      <c r="DV12" s="159"/>
      <c r="DW12" s="69">
        <v>2</v>
      </c>
      <c r="DX12" s="69">
        <v>3</v>
      </c>
      <c r="DY12" s="69">
        <v>0</v>
      </c>
      <c r="DZ12" s="69">
        <v>1</v>
      </c>
      <c r="EA12" s="69">
        <v>0</v>
      </c>
      <c r="EB12" s="70">
        <v>6</v>
      </c>
      <c r="EC12" s="71">
        <v>9</v>
      </c>
      <c r="ED12" s="68">
        <v>3</v>
      </c>
      <c r="EE12" s="69">
        <v>8</v>
      </c>
      <c r="EF12" s="70">
        <v>11</v>
      </c>
      <c r="EG12" s="159"/>
      <c r="EH12" s="69">
        <v>3</v>
      </c>
      <c r="EI12" s="69">
        <v>6</v>
      </c>
      <c r="EJ12" s="69">
        <v>1</v>
      </c>
      <c r="EK12" s="69">
        <v>1</v>
      </c>
      <c r="EL12" s="69">
        <v>0</v>
      </c>
      <c r="EM12" s="70">
        <v>11</v>
      </c>
      <c r="EN12" s="71">
        <v>22</v>
      </c>
      <c r="EO12" s="68">
        <v>6</v>
      </c>
      <c r="EP12" s="69">
        <v>5</v>
      </c>
      <c r="EQ12" s="70">
        <v>11</v>
      </c>
      <c r="ER12" s="159"/>
      <c r="ES12" s="69">
        <v>4</v>
      </c>
      <c r="ET12" s="69">
        <v>5</v>
      </c>
      <c r="EU12" s="69">
        <v>3</v>
      </c>
      <c r="EV12" s="69">
        <v>6</v>
      </c>
      <c r="EW12" s="69">
        <v>2</v>
      </c>
      <c r="EX12" s="70">
        <v>20</v>
      </c>
      <c r="EY12" s="71">
        <v>31</v>
      </c>
      <c r="EZ12" s="68">
        <v>3</v>
      </c>
      <c r="FA12" s="69">
        <v>3</v>
      </c>
      <c r="FB12" s="70">
        <v>6</v>
      </c>
      <c r="FC12" s="159"/>
      <c r="FD12" s="69">
        <v>10</v>
      </c>
      <c r="FE12" s="69">
        <v>13</v>
      </c>
      <c r="FF12" s="69">
        <v>3</v>
      </c>
      <c r="FG12" s="69">
        <v>4</v>
      </c>
      <c r="FH12" s="69">
        <v>3</v>
      </c>
      <c r="FI12" s="70">
        <v>33</v>
      </c>
      <c r="FJ12" s="71">
        <v>39</v>
      </c>
      <c r="FK12" s="68">
        <v>1</v>
      </c>
      <c r="FL12" s="69">
        <v>4</v>
      </c>
      <c r="FM12" s="70">
        <v>5</v>
      </c>
      <c r="FN12" s="159"/>
      <c r="FO12" s="69">
        <v>11</v>
      </c>
      <c r="FP12" s="69">
        <v>17</v>
      </c>
      <c r="FQ12" s="69">
        <v>7</v>
      </c>
      <c r="FR12" s="69">
        <v>12</v>
      </c>
      <c r="FS12" s="69">
        <v>10</v>
      </c>
      <c r="FT12" s="70">
        <v>57</v>
      </c>
      <c r="FU12" s="71">
        <v>62</v>
      </c>
      <c r="FV12" s="68">
        <v>0</v>
      </c>
      <c r="FW12" s="69">
        <v>0</v>
      </c>
      <c r="FX12" s="70">
        <v>0</v>
      </c>
      <c r="FY12" s="159"/>
      <c r="FZ12" s="69">
        <v>0</v>
      </c>
      <c r="GA12" s="69">
        <v>0</v>
      </c>
      <c r="GB12" s="69">
        <v>0</v>
      </c>
      <c r="GC12" s="69">
        <v>0</v>
      </c>
      <c r="GD12" s="69">
        <v>0</v>
      </c>
      <c r="GE12" s="70">
        <v>0</v>
      </c>
      <c r="GF12" s="71">
        <v>0</v>
      </c>
      <c r="GG12" s="68">
        <v>15</v>
      </c>
      <c r="GH12" s="69">
        <v>21</v>
      </c>
      <c r="GI12" s="70">
        <v>36</v>
      </c>
      <c r="GJ12" s="159"/>
      <c r="GK12" s="69">
        <v>30</v>
      </c>
      <c r="GL12" s="69">
        <v>45</v>
      </c>
      <c r="GM12" s="69">
        <v>14</v>
      </c>
      <c r="GN12" s="69">
        <v>25</v>
      </c>
      <c r="GO12" s="69">
        <v>15</v>
      </c>
      <c r="GP12" s="70">
        <v>129</v>
      </c>
      <c r="GQ12" s="71">
        <v>165</v>
      </c>
      <c r="GR12" s="108">
        <v>64</v>
      </c>
      <c r="GS12" s="80">
        <v>48</v>
      </c>
      <c r="GT12" s="81">
        <v>112</v>
      </c>
      <c r="GU12" s="159"/>
      <c r="GV12" s="80">
        <v>137</v>
      </c>
      <c r="GW12" s="80">
        <v>123</v>
      </c>
      <c r="GX12" s="80">
        <v>51</v>
      </c>
      <c r="GY12" s="80">
        <v>73</v>
      </c>
      <c r="GZ12" s="80">
        <v>29</v>
      </c>
      <c r="HA12" s="82">
        <v>413</v>
      </c>
      <c r="HB12" s="83">
        <v>525</v>
      </c>
      <c r="HC12" s="68">
        <v>0</v>
      </c>
      <c r="HD12" s="69">
        <v>4</v>
      </c>
      <c r="HE12" s="70">
        <v>4</v>
      </c>
      <c r="HF12" s="159"/>
      <c r="HG12" s="69">
        <v>1</v>
      </c>
      <c r="HH12" s="69">
        <v>4</v>
      </c>
      <c r="HI12" s="69">
        <v>0</v>
      </c>
      <c r="HJ12" s="69">
        <v>4</v>
      </c>
      <c r="HK12" s="69">
        <v>0</v>
      </c>
      <c r="HL12" s="70">
        <v>9</v>
      </c>
      <c r="HM12" s="71">
        <v>13</v>
      </c>
      <c r="HN12" s="68">
        <v>5</v>
      </c>
      <c r="HO12" s="69">
        <v>1</v>
      </c>
      <c r="HP12" s="70">
        <v>6</v>
      </c>
      <c r="HQ12" s="159"/>
      <c r="HR12" s="69">
        <v>14</v>
      </c>
      <c r="HS12" s="69">
        <v>14</v>
      </c>
      <c r="HT12" s="69">
        <v>5</v>
      </c>
      <c r="HU12" s="69">
        <v>5</v>
      </c>
      <c r="HV12" s="69">
        <v>3</v>
      </c>
      <c r="HW12" s="70">
        <v>41</v>
      </c>
      <c r="HX12" s="71">
        <v>47</v>
      </c>
      <c r="HY12" s="68">
        <v>6</v>
      </c>
      <c r="HZ12" s="69">
        <v>9</v>
      </c>
      <c r="IA12" s="70">
        <v>15</v>
      </c>
      <c r="IB12" s="159"/>
      <c r="IC12" s="69">
        <v>14</v>
      </c>
      <c r="ID12" s="69">
        <v>14</v>
      </c>
      <c r="IE12" s="69">
        <v>6</v>
      </c>
      <c r="IF12" s="69">
        <v>6</v>
      </c>
      <c r="IG12" s="69">
        <v>1</v>
      </c>
      <c r="IH12" s="70">
        <v>41</v>
      </c>
      <c r="II12" s="71">
        <v>56</v>
      </c>
      <c r="IJ12" s="68">
        <v>18</v>
      </c>
      <c r="IK12" s="69">
        <v>10</v>
      </c>
      <c r="IL12" s="70">
        <v>28</v>
      </c>
      <c r="IM12" s="159"/>
      <c r="IN12" s="69">
        <v>32</v>
      </c>
      <c r="IO12" s="69">
        <v>19</v>
      </c>
      <c r="IP12" s="69">
        <v>8</v>
      </c>
      <c r="IQ12" s="69">
        <v>17</v>
      </c>
      <c r="IR12" s="69">
        <v>5</v>
      </c>
      <c r="IS12" s="70">
        <v>81</v>
      </c>
      <c r="IT12" s="71">
        <v>109</v>
      </c>
      <c r="IU12" s="68">
        <v>16</v>
      </c>
      <c r="IV12" s="69">
        <v>10</v>
      </c>
      <c r="IW12" s="70">
        <v>26</v>
      </c>
      <c r="IX12" s="159"/>
      <c r="IY12" s="69">
        <v>40</v>
      </c>
      <c r="IZ12" s="69">
        <v>33</v>
      </c>
      <c r="JA12" s="69">
        <v>11</v>
      </c>
      <c r="JB12" s="69">
        <v>10</v>
      </c>
      <c r="JC12" s="69">
        <v>7</v>
      </c>
      <c r="JD12" s="70">
        <v>101</v>
      </c>
      <c r="JE12" s="71">
        <v>127</v>
      </c>
      <c r="JF12" s="68">
        <v>19</v>
      </c>
      <c r="JG12" s="69">
        <v>14</v>
      </c>
      <c r="JH12" s="70">
        <v>33</v>
      </c>
      <c r="JI12" s="159"/>
      <c r="JJ12" s="69">
        <v>36</v>
      </c>
      <c r="JK12" s="69">
        <v>39</v>
      </c>
      <c r="JL12" s="69">
        <v>21</v>
      </c>
      <c r="JM12" s="69">
        <v>31</v>
      </c>
      <c r="JN12" s="69">
        <v>13</v>
      </c>
      <c r="JO12" s="70">
        <v>140</v>
      </c>
      <c r="JP12" s="71">
        <v>173</v>
      </c>
      <c r="JQ12" s="68">
        <v>0</v>
      </c>
      <c r="JR12" s="69">
        <v>0</v>
      </c>
      <c r="JS12" s="70">
        <v>0</v>
      </c>
      <c r="JT12" s="159"/>
      <c r="JU12" s="69">
        <v>0</v>
      </c>
      <c r="JV12" s="69">
        <v>0</v>
      </c>
      <c r="JW12" s="69">
        <v>0</v>
      </c>
      <c r="JX12" s="69">
        <v>0</v>
      </c>
      <c r="JY12" s="69">
        <v>0</v>
      </c>
      <c r="JZ12" s="70">
        <v>0</v>
      </c>
      <c r="KA12" s="71">
        <v>0</v>
      </c>
      <c r="KB12" s="68">
        <v>64</v>
      </c>
      <c r="KC12" s="69">
        <v>48</v>
      </c>
      <c r="KD12" s="70">
        <v>112</v>
      </c>
      <c r="KE12" s="159"/>
      <c r="KF12" s="69">
        <v>137</v>
      </c>
      <c r="KG12" s="69">
        <v>123</v>
      </c>
      <c r="KH12" s="69">
        <v>51</v>
      </c>
      <c r="KI12" s="69">
        <v>73</v>
      </c>
      <c r="KJ12" s="69">
        <v>29</v>
      </c>
      <c r="KK12" s="70">
        <v>413</v>
      </c>
      <c r="KL12" s="71">
        <v>525</v>
      </c>
    </row>
    <row r="13" spans="1:298" ht="19.5" customHeight="1" x14ac:dyDescent="0.2">
      <c r="A13" s="111" t="s">
        <v>9</v>
      </c>
      <c r="B13" s="215">
        <v>170</v>
      </c>
      <c r="C13" s="80">
        <v>118</v>
      </c>
      <c r="D13" s="81">
        <v>288</v>
      </c>
      <c r="E13" s="159"/>
      <c r="F13" s="80">
        <v>212</v>
      </c>
      <c r="G13" s="80">
        <v>145</v>
      </c>
      <c r="H13" s="80">
        <v>108</v>
      </c>
      <c r="I13" s="80">
        <v>94</v>
      </c>
      <c r="J13" s="80">
        <v>59</v>
      </c>
      <c r="K13" s="82">
        <v>618</v>
      </c>
      <c r="L13" s="83">
        <v>906</v>
      </c>
      <c r="M13" s="68">
        <v>0</v>
      </c>
      <c r="N13" s="69">
        <v>4</v>
      </c>
      <c r="O13" s="70">
        <v>4</v>
      </c>
      <c r="P13" s="159"/>
      <c r="Q13" s="69">
        <v>4</v>
      </c>
      <c r="R13" s="69">
        <v>5</v>
      </c>
      <c r="S13" s="69">
        <v>1</v>
      </c>
      <c r="T13" s="69">
        <v>1</v>
      </c>
      <c r="U13" s="69">
        <v>3</v>
      </c>
      <c r="V13" s="70">
        <v>14</v>
      </c>
      <c r="W13" s="71">
        <v>18</v>
      </c>
      <c r="X13" s="68">
        <v>8</v>
      </c>
      <c r="Y13" s="69">
        <v>6</v>
      </c>
      <c r="Z13" s="70">
        <v>14</v>
      </c>
      <c r="AA13" s="159"/>
      <c r="AB13" s="69">
        <v>9</v>
      </c>
      <c r="AC13" s="69">
        <v>8</v>
      </c>
      <c r="AD13" s="69">
        <v>4</v>
      </c>
      <c r="AE13" s="69">
        <v>4</v>
      </c>
      <c r="AF13" s="69">
        <v>5</v>
      </c>
      <c r="AG13" s="70">
        <v>30</v>
      </c>
      <c r="AH13" s="71">
        <v>44</v>
      </c>
      <c r="AI13" s="68">
        <v>14</v>
      </c>
      <c r="AJ13" s="69">
        <v>8</v>
      </c>
      <c r="AK13" s="70">
        <v>22</v>
      </c>
      <c r="AL13" s="159"/>
      <c r="AM13" s="69">
        <v>19</v>
      </c>
      <c r="AN13" s="69">
        <v>10</v>
      </c>
      <c r="AO13" s="69">
        <v>18</v>
      </c>
      <c r="AP13" s="69">
        <v>13</v>
      </c>
      <c r="AQ13" s="69">
        <v>8</v>
      </c>
      <c r="AR13" s="70">
        <v>68</v>
      </c>
      <c r="AS13" s="71">
        <v>90</v>
      </c>
      <c r="AT13" s="68">
        <v>42</v>
      </c>
      <c r="AU13" s="69">
        <v>23</v>
      </c>
      <c r="AV13" s="70">
        <v>65</v>
      </c>
      <c r="AW13" s="159"/>
      <c r="AX13" s="69">
        <v>48</v>
      </c>
      <c r="AY13" s="69">
        <v>31</v>
      </c>
      <c r="AZ13" s="69">
        <v>17</v>
      </c>
      <c r="BA13" s="69">
        <v>21</v>
      </c>
      <c r="BB13" s="69">
        <v>8</v>
      </c>
      <c r="BC13" s="70">
        <v>125</v>
      </c>
      <c r="BD13" s="71">
        <v>190</v>
      </c>
      <c r="BE13" s="68">
        <v>63</v>
      </c>
      <c r="BF13" s="69">
        <v>42</v>
      </c>
      <c r="BG13" s="70">
        <v>105</v>
      </c>
      <c r="BH13" s="159"/>
      <c r="BI13" s="69">
        <v>81</v>
      </c>
      <c r="BJ13" s="69">
        <v>40</v>
      </c>
      <c r="BK13" s="69">
        <v>25</v>
      </c>
      <c r="BL13" s="69">
        <v>30</v>
      </c>
      <c r="BM13" s="69">
        <v>12</v>
      </c>
      <c r="BN13" s="70">
        <v>188</v>
      </c>
      <c r="BO13" s="71">
        <v>293</v>
      </c>
      <c r="BP13" s="68">
        <v>43</v>
      </c>
      <c r="BQ13" s="69">
        <v>35</v>
      </c>
      <c r="BR13" s="70">
        <v>78</v>
      </c>
      <c r="BS13" s="159"/>
      <c r="BT13" s="69">
        <v>51</v>
      </c>
      <c r="BU13" s="69">
        <v>51</v>
      </c>
      <c r="BV13" s="69">
        <v>43</v>
      </c>
      <c r="BW13" s="69">
        <v>25</v>
      </c>
      <c r="BX13" s="69">
        <v>23</v>
      </c>
      <c r="BY13" s="70">
        <v>193</v>
      </c>
      <c r="BZ13" s="71">
        <v>271</v>
      </c>
      <c r="CA13" s="68">
        <v>0</v>
      </c>
      <c r="CB13" s="69">
        <v>0</v>
      </c>
      <c r="CC13" s="70">
        <v>0</v>
      </c>
      <c r="CD13" s="159"/>
      <c r="CE13" s="69">
        <v>0</v>
      </c>
      <c r="CF13" s="69">
        <v>0</v>
      </c>
      <c r="CG13" s="69">
        <v>0</v>
      </c>
      <c r="CH13" s="69">
        <v>0</v>
      </c>
      <c r="CI13" s="69">
        <v>0</v>
      </c>
      <c r="CJ13" s="70">
        <v>0</v>
      </c>
      <c r="CK13" s="71">
        <v>0</v>
      </c>
      <c r="CL13" s="68">
        <v>170</v>
      </c>
      <c r="CM13" s="69">
        <v>118</v>
      </c>
      <c r="CN13" s="70">
        <v>288</v>
      </c>
      <c r="CO13" s="159"/>
      <c r="CP13" s="69">
        <v>212</v>
      </c>
      <c r="CQ13" s="69">
        <v>145</v>
      </c>
      <c r="CR13" s="69">
        <v>108</v>
      </c>
      <c r="CS13" s="69">
        <v>94</v>
      </c>
      <c r="CT13" s="69">
        <v>59</v>
      </c>
      <c r="CU13" s="70">
        <v>618</v>
      </c>
      <c r="CV13" s="71">
        <v>906</v>
      </c>
      <c r="CW13" s="108">
        <v>62</v>
      </c>
      <c r="CX13" s="80">
        <v>44</v>
      </c>
      <c r="CY13" s="81">
        <v>106</v>
      </c>
      <c r="CZ13" s="159"/>
      <c r="DA13" s="80">
        <v>57</v>
      </c>
      <c r="DB13" s="80">
        <v>43</v>
      </c>
      <c r="DC13" s="80">
        <v>35</v>
      </c>
      <c r="DD13" s="80">
        <v>34</v>
      </c>
      <c r="DE13" s="80">
        <v>32</v>
      </c>
      <c r="DF13" s="82">
        <v>201</v>
      </c>
      <c r="DG13" s="83">
        <v>307</v>
      </c>
      <c r="DH13" s="68">
        <v>1</v>
      </c>
      <c r="DI13" s="69">
        <v>1</v>
      </c>
      <c r="DJ13" s="70">
        <v>2</v>
      </c>
      <c r="DK13" s="159"/>
      <c r="DL13" s="69">
        <v>2</v>
      </c>
      <c r="DM13" s="69">
        <v>0</v>
      </c>
      <c r="DN13" s="69">
        <v>0</v>
      </c>
      <c r="DO13" s="69">
        <v>0</v>
      </c>
      <c r="DP13" s="69">
        <v>0</v>
      </c>
      <c r="DQ13" s="70">
        <v>2</v>
      </c>
      <c r="DR13" s="71">
        <v>4</v>
      </c>
      <c r="DS13" s="68">
        <v>4</v>
      </c>
      <c r="DT13" s="69">
        <v>2</v>
      </c>
      <c r="DU13" s="70">
        <v>6</v>
      </c>
      <c r="DV13" s="159"/>
      <c r="DW13" s="69">
        <v>4</v>
      </c>
      <c r="DX13" s="69">
        <v>3</v>
      </c>
      <c r="DY13" s="69">
        <v>3</v>
      </c>
      <c r="DZ13" s="69">
        <v>2</v>
      </c>
      <c r="EA13" s="69">
        <v>1</v>
      </c>
      <c r="EB13" s="70">
        <v>13</v>
      </c>
      <c r="EC13" s="71">
        <v>19</v>
      </c>
      <c r="ED13" s="68">
        <v>9</v>
      </c>
      <c r="EE13" s="69">
        <v>6</v>
      </c>
      <c r="EF13" s="70">
        <v>15</v>
      </c>
      <c r="EG13" s="159"/>
      <c r="EH13" s="69">
        <v>7</v>
      </c>
      <c r="EI13" s="69">
        <v>2</v>
      </c>
      <c r="EJ13" s="69">
        <v>3</v>
      </c>
      <c r="EK13" s="69">
        <v>0</v>
      </c>
      <c r="EL13" s="69">
        <v>1</v>
      </c>
      <c r="EM13" s="70">
        <v>13</v>
      </c>
      <c r="EN13" s="71">
        <v>28</v>
      </c>
      <c r="EO13" s="68">
        <v>23</v>
      </c>
      <c r="EP13" s="69">
        <v>11</v>
      </c>
      <c r="EQ13" s="70">
        <v>34</v>
      </c>
      <c r="ER13" s="159"/>
      <c r="ES13" s="69">
        <v>10</v>
      </c>
      <c r="ET13" s="69">
        <v>7</v>
      </c>
      <c r="EU13" s="69">
        <v>2</v>
      </c>
      <c r="EV13" s="69">
        <v>3</v>
      </c>
      <c r="EW13" s="69">
        <v>5</v>
      </c>
      <c r="EX13" s="70">
        <v>27</v>
      </c>
      <c r="EY13" s="71">
        <v>61</v>
      </c>
      <c r="EZ13" s="68">
        <v>15</v>
      </c>
      <c r="FA13" s="69">
        <v>8</v>
      </c>
      <c r="FB13" s="70">
        <v>23</v>
      </c>
      <c r="FC13" s="159"/>
      <c r="FD13" s="69">
        <v>15</v>
      </c>
      <c r="FE13" s="69">
        <v>16</v>
      </c>
      <c r="FF13" s="69">
        <v>9</v>
      </c>
      <c r="FG13" s="69">
        <v>14</v>
      </c>
      <c r="FH13" s="69">
        <v>14</v>
      </c>
      <c r="FI13" s="70">
        <v>68</v>
      </c>
      <c r="FJ13" s="71">
        <v>91</v>
      </c>
      <c r="FK13" s="68">
        <v>10</v>
      </c>
      <c r="FL13" s="69">
        <v>16</v>
      </c>
      <c r="FM13" s="70">
        <v>26</v>
      </c>
      <c r="FN13" s="159"/>
      <c r="FO13" s="69">
        <v>19</v>
      </c>
      <c r="FP13" s="69">
        <v>15</v>
      </c>
      <c r="FQ13" s="69">
        <v>18</v>
      </c>
      <c r="FR13" s="69">
        <v>15</v>
      </c>
      <c r="FS13" s="69">
        <v>11</v>
      </c>
      <c r="FT13" s="70">
        <v>78</v>
      </c>
      <c r="FU13" s="71">
        <v>104</v>
      </c>
      <c r="FV13" s="68">
        <v>0</v>
      </c>
      <c r="FW13" s="69">
        <v>0</v>
      </c>
      <c r="FX13" s="70">
        <v>0</v>
      </c>
      <c r="FY13" s="159"/>
      <c r="FZ13" s="69">
        <v>0</v>
      </c>
      <c r="GA13" s="69">
        <v>0</v>
      </c>
      <c r="GB13" s="69">
        <v>0</v>
      </c>
      <c r="GC13" s="69">
        <v>0</v>
      </c>
      <c r="GD13" s="69">
        <v>0</v>
      </c>
      <c r="GE13" s="70">
        <v>0</v>
      </c>
      <c r="GF13" s="71">
        <v>0</v>
      </c>
      <c r="GG13" s="68">
        <v>62</v>
      </c>
      <c r="GH13" s="69">
        <v>44</v>
      </c>
      <c r="GI13" s="70">
        <v>106</v>
      </c>
      <c r="GJ13" s="159"/>
      <c r="GK13" s="69">
        <v>57</v>
      </c>
      <c r="GL13" s="69">
        <v>43</v>
      </c>
      <c r="GM13" s="69">
        <v>35</v>
      </c>
      <c r="GN13" s="69">
        <v>34</v>
      </c>
      <c r="GO13" s="69">
        <v>32</v>
      </c>
      <c r="GP13" s="70">
        <v>201</v>
      </c>
      <c r="GQ13" s="71">
        <v>307</v>
      </c>
      <c r="GR13" s="108">
        <v>232</v>
      </c>
      <c r="GS13" s="80">
        <v>162</v>
      </c>
      <c r="GT13" s="81">
        <v>394</v>
      </c>
      <c r="GU13" s="159"/>
      <c r="GV13" s="80">
        <v>269</v>
      </c>
      <c r="GW13" s="80">
        <v>188</v>
      </c>
      <c r="GX13" s="80">
        <v>143</v>
      </c>
      <c r="GY13" s="80">
        <v>128</v>
      </c>
      <c r="GZ13" s="80">
        <v>91</v>
      </c>
      <c r="HA13" s="82">
        <v>819</v>
      </c>
      <c r="HB13" s="83">
        <v>1213</v>
      </c>
      <c r="HC13" s="68">
        <v>1</v>
      </c>
      <c r="HD13" s="69">
        <v>5</v>
      </c>
      <c r="HE13" s="70">
        <v>6</v>
      </c>
      <c r="HF13" s="159"/>
      <c r="HG13" s="69">
        <v>6</v>
      </c>
      <c r="HH13" s="69">
        <v>5</v>
      </c>
      <c r="HI13" s="69">
        <v>1</v>
      </c>
      <c r="HJ13" s="69">
        <v>1</v>
      </c>
      <c r="HK13" s="69">
        <v>3</v>
      </c>
      <c r="HL13" s="70">
        <v>16</v>
      </c>
      <c r="HM13" s="71">
        <v>22</v>
      </c>
      <c r="HN13" s="68">
        <v>12</v>
      </c>
      <c r="HO13" s="69">
        <v>8</v>
      </c>
      <c r="HP13" s="70">
        <v>20</v>
      </c>
      <c r="HQ13" s="159"/>
      <c r="HR13" s="69">
        <v>13</v>
      </c>
      <c r="HS13" s="69">
        <v>11</v>
      </c>
      <c r="HT13" s="69">
        <v>7</v>
      </c>
      <c r="HU13" s="69">
        <v>6</v>
      </c>
      <c r="HV13" s="69">
        <v>6</v>
      </c>
      <c r="HW13" s="70">
        <v>43</v>
      </c>
      <c r="HX13" s="71">
        <v>63</v>
      </c>
      <c r="HY13" s="68">
        <v>23</v>
      </c>
      <c r="HZ13" s="69">
        <v>14</v>
      </c>
      <c r="IA13" s="70">
        <v>37</v>
      </c>
      <c r="IB13" s="159"/>
      <c r="IC13" s="69">
        <v>26</v>
      </c>
      <c r="ID13" s="69">
        <v>12</v>
      </c>
      <c r="IE13" s="69">
        <v>21</v>
      </c>
      <c r="IF13" s="69">
        <v>13</v>
      </c>
      <c r="IG13" s="69">
        <v>9</v>
      </c>
      <c r="IH13" s="70">
        <v>81</v>
      </c>
      <c r="II13" s="71">
        <v>118</v>
      </c>
      <c r="IJ13" s="68">
        <v>65</v>
      </c>
      <c r="IK13" s="69">
        <v>34</v>
      </c>
      <c r="IL13" s="70">
        <v>99</v>
      </c>
      <c r="IM13" s="159"/>
      <c r="IN13" s="69">
        <v>58</v>
      </c>
      <c r="IO13" s="69">
        <v>38</v>
      </c>
      <c r="IP13" s="69">
        <v>19</v>
      </c>
      <c r="IQ13" s="69">
        <v>24</v>
      </c>
      <c r="IR13" s="69">
        <v>13</v>
      </c>
      <c r="IS13" s="70">
        <v>152</v>
      </c>
      <c r="IT13" s="71">
        <v>251</v>
      </c>
      <c r="IU13" s="68">
        <v>78</v>
      </c>
      <c r="IV13" s="69">
        <v>50</v>
      </c>
      <c r="IW13" s="70">
        <v>128</v>
      </c>
      <c r="IX13" s="159"/>
      <c r="IY13" s="69">
        <v>96</v>
      </c>
      <c r="IZ13" s="69">
        <v>56</v>
      </c>
      <c r="JA13" s="69">
        <v>34</v>
      </c>
      <c r="JB13" s="69">
        <v>44</v>
      </c>
      <c r="JC13" s="69">
        <v>26</v>
      </c>
      <c r="JD13" s="70">
        <v>256</v>
      </c>
      <c r="JE13" s="71">
        <v>384</v>
      </c>
      <c r="JF13" s="68">
        <v>53</v>
      </c>
      <c r="JG13" s="69">
        <v>51</v>
      </c>
      <c r="JH13" s="70">
        <v>104</v>
      </c>
      <c r="JI13" s="159"/>
      <c r="JJ13" s="69">
        <v>70</v>
      </c>
      <c r="JK13" s="69">
        <v>66</v>
      </c>
      <c r="JL13" s="69">
        <v>61</v>
      </c>
      <c r="JM13" s="69">
        <v>40</v>
      </c>
      <c r="JN13" s="69">
        <v>34</v>
      </c>
      <c r="JO13" s="70">
        <v>271</v>
      </c>
      <c r="JP13" s="71">
        <v>375</v>
      </c>
      <c r="JQ13" s="68">
        <v>0</v>
      </c>
      <c r="JR13" s="69">
        <v>0</v>
      </c>
      <c r="JS13" s="70">
        <v>0</v>
      </c>
      <c r="JT13" s="159"/>
      <c r="JU13" s="69">
        <v>0</v>
      </c>
      <c r="JV13" s="69">
        <v>0</v>
      </c>
      <c r="JW13" s="69">
        <v>0</v>
      </c>
      <c r="JX13" s="69">
        <v>0</v>
      </c>
      <c r="JY13" s="69">
        <v>0</v>
      </c>
      <c r="JZ13" s="70">
        <v>0</v>
      </c>
      <c r="KA13" s="71">
        <v>0</v>
      </c>
      <c r="KB13" s="68">
        <v>232</v>
      </c>
      <c r="KC13" s="69">
        <v>162</v>
      </c>
      <c r="KD13" s="70">
        <v>394</v>
      </c>
      <c r="KE13" s="159"/>
      <c r="KF13" s="69">
        <v>269</v>
      </c>
      <c r="KG13" s="69">
        <v>188</v>
      </c>
      <c r="KH13" s="69">
        <v>143</v>
      </c>
      <c r="KI13" s="69">
        <v>128</v>
      </c>
      <c r="KJ13" s="69">
        <v>91</v>
      </c>
      <c r="KK13" s="70">
        <v>819</v>
      </c>
      <c r="KL13" s="71">
        <v>1213</v>
      </c>
    </row>
    <row r="14" spans="1:298" ht="19.5" customHeight="1" x14ac:dyDescent="0.2">
      <c r="A14" s="111" t="s">
        <v>10</v>
      </c>
      <c r="B14" s="215">
        <v>264</v>
      </c>
      <c r="C14" s="80">
        <v>176</v>
      </c>
      <c r="D14" s="81">
        <v>440</v>
      </c>
      <c r="E14" s="159"/>
      <c r="F14" s="80">
        <v>264</v>
      </c>
      <c r="G14" s="80">
        <v>152</v>
      </c>
      <c r="H14" s="80">
        <v>97</v>
      </c>
      <c r="I14" s="80">
        <v>95</v>
      </c>
      <c r="J14" s="80">
        <v>71</v>
      </c>
      <c r="K14" s="82">
        <v>679</v>
      </c>
      <c r="L14" s="83">
        <v>1119</v>
      </c>
      <c r="M14" s="68">
        <v>4</v>
      </c>
      <c r="N14" s="69">
        <v>7</v>
      </c>
      <c r="O14" s="70">
        <v>11</v>
      </c>
      <c r="P14" s="159"/>
      <c r="Q14" s="69">
        <v>13</v>
      </c>
      <c r="R14" s="69">
        <v>8</v>
      </c>
      <c r="S14" s="69">
        <v>2</v>
      </c>
      <c r="T14" s="69">
        <v>2</v>
      </c>
      <c r="U14" s="69">
        <v>4</v>
      </c>
      <c r="V14" s="70">
        <v>29</v>
      </c>
      <c r="W14" s="71">
        <v>40</v>
      </c>
      <c r="X14" s="68">
        <v>19</v>
      </c>
      <c r="Y14" s="69">
        <v>13</v>
      </c>
      <c r="Z14" s="70">
        <v>32</v>
      </c>
      <c r="AA14" s="159"/>
      <c r="AB14" s="69">
        <v>24</v>
      </c>
      <c r="AC14" s="69">
        <v>18</v>
      </c>
      <c r="AD14" s="69">
        <v>6</v>
      </c>
      <c r="AE14" s="69">
        <v>8</v>
      </c>
      <c r="AF14" s="69">
        <v>13</v>
      </c>
      <c r="AG14" s="70">
        <v>69</v>
      </c>
      <c r="AH14" s="71">
        <v>101</v>
      </c>
      <c r="AI14" s="68">
        <v>25</v>
      </c>
      <c r="AJ14" s="69">
        <v>20</v>
      </c>
      <c r="AK14" s="70">
        <v>45</v>
      </c>
      <c r="AL14" s="159"/>
      <c r="AM14" s="69">
        <v>37</v>
      </c>
      <c r="AN14" s="69">
        <v>13</v>
      </c>
      <c r="AO14" s="69">
        <v>12</v>
      </c>
      <c r="AP14" s="69">
        <v>8</v>
      </c>
      <c r="AQ14" s="69">
        <v>6</v>
      </c>
      <c r="AR14" s="70">
        <v>76</v>
      </c>
      <c r="AS14" s="71">
        <v>121</v>
      </c>
      <c r="AT14" s="68">
        <v>68</v>
      </c>
      <c r="AU14" s="69">
        <v>44</v>
      </c>
      <c r="AV14" s="70">
        <v>112</v>
      </c>
      <c r="AW14" s="159"/>
      <c r="AX14" s="69">
        <v>51</v>
      </c>
      <c r="AY14" s="69">
        <v>28</v>
      </c>
      <c r="AZ14" s="69">
        <v>19</v>
      </c>
      <c r="BA14" s="69">
        <v>14</v>
      </c>
      <c r="BB14" s="69">
        <v>18</v>
      </c>
      <c r="BC14" s="70">
        <v>130</v>
      </c>
      <c r="BD14" s="71">
        <v>242</v>
      </c>
      <c r="BE14" s="68">
        <v>78</v>
      </c>
      <c r="BF14" s="69">
        <v>35</v>
      </c>
      <c r="BG14" s="70">
        <v>113</v>
      </c>
      <c r="BH14" s="159"/>
      <c r="BI14" s="69">
        <v>77</v>
      </c>
      <c r="BJ14" s="69">
        <v>46</v>
      </c>
      <c r="BK14" s="69">
        <v>28</v>
      </c>
      <c r="BL14" s="69">
        <v>35</v>
      </c>
      <c r="BM14" s="69">
        <v>14</v>
      </c>
      <c r="BN14" s="70">
        <v>200</v>
      </c>
      <c r="BO14" s="71">
        <v>313</v>
      </c>
      <c r="BP14" s="68">
        <v>70</v>
      </c>
      <c r="BQ14" s="69">
        <v>57</v>
      </c>
      <c r="BR14" s="70">
        <v>127</v>
      </c>
      <c r="BS14" s="159"/>
      <c r="BT14" s="69">
        <v>62</v>
      </c>
      <c r="BU14" s="69">
        <v>39</v>
      </c>
      <c r="BV14" s="69">
        <v>30</v>
      </c>
      <c r="BW14" s="69">
        <v>28</v>
      </c>
      <c r="BX14" s="69">
        <v>16</v>
      </c>
      <c r="BY14" s="70">
        <v>175</v>
      </c>
      <c r="BZ14" s="71">
        <v>302</v>
      </c>
      <c r="CA14" s="68">
        <v>0</v>
      </c>
      <c r="CB14" s="69">
        <v>0</v>
      </c>
      <c r="CC14" s="70">
        <v>0</v>
      </c>
      <c r="CD14" s="159"/>
      <c r="CE14" s="69">
        <v>0</v>
      </c>
      <c r="CF14" s="69">
        <v>0</v>
      </c>
      <c r="CG14" s="69">
        <v>0</v>
      </c>
      <c r="CH14" s="69">
        <v>0</v>
      </c>
      <c r="CI14" s="69">
        <v>0</v>
      </c>
      <c r="CJ14" s="70">
        <v>0</v>
      </c>
      <c r="CK14" s="71">
        <v>0</v>
      </c>
      <c r="CL14" s="68">
        <v>264</v>
      </c>
      <c r="CM14" s="69">
        <v>176</v>
      </c>
      <c r="CN14" s="70">
        <v>440</v>
      </c>
      <c r="CO14" s="159"/>
      <c r="CP14" s="69">
        <v>264</v>
      </c>
      <c r="CQ14" s="69">
        <v>152</v>
      </c>
      <c r="CR14" s="69">
        <v>97</v>
      </c>
      <c r="CS14" s="69">
        <v>95</v>
      </c>
      <c r="CT14" s="69">
        <v>71</v>
      </c>
      <c r="CU14" s="70">
        <v>679</v>
      </c>
      <c r="CV14" s="71">
        <v>1119</v>
      </c>
      <c r="CW14" s="108">
        <v>93</v>
      </c>
      <c r="CX14" s="80">
        <v>70</v>
      </c>
      <c r="CY14" s="81">
        <v>163</v>
      </c>
      <c r="CZ14" s="159"/>
      <c r="DA14" s="80">
        <v>100</v>
      </c>
      <c r="DB14" s="80">
        <v>52</v>
      </c>
      <c r="DC14" s="80">
        <v>49</v>
      </c>
      <c r="DD14" s="80">
        <v>43</v>
      </c>
      <c r="DE14" s="80">
        <v>46</v>
      </c>
      <c r="DF14" s="82">
        <v>290</v>
      </c>
      <c r="DG14" s="83">
        <v>453</v>
      </c>
      <c r="DH14" s="68">
        <v>4</v>
      </c>
      <c r="DI14" s="69">
        <v>1</v>
      </c>
      <c r="DJ14" s="70">
        <v>5</v>
      </c>
      <c r="DK14" s="159"/>
      <c r="DL14" s="69">
        <v>1</v>
      </c>
      <c r="DM14" s="69">
        <v>1</v>
      </c>
      <c r="DN14" s="69">
        <v>1</v>
      </c>
      <c r="DO14" s="69">
        <v>0</v>
      </c>
      <c r="DP14" s="69">
        <v>0</v>
      </c>
      <c r="DQ14" s="70">
        <v>3</v>
      </c>
      <c r="DR14" s="71">
        <v>8</v>
      </c>
      <c r="DS14" s="68">
        <v>5</v>
      </c>
      <c r="DT14" s="69">
        <v>8</v>
      </c>
      <c r="DU14" s="70">
        <v>13</v>
      </c>
      <c r="DV14" s="159"/>
      <c r="DW14" s="69">
        <v>5</v>
      </c>
      <c r="DX14" s="69">
        <v>3</v>
      </c>
      <c r="DY14" s="69">
        <v>2</v>
      </c>
      <c r="DZ14" s="69">
        <v>0</v>
      </c>
      <c r="EA14" s="69">
        <v>0</v>
      </c>
      <c r="EB14" s="70">
        <v>10</v>
      </c>
      <c r="EC14" s="71">
        <v>23</v>
      </c>
      <c r="ED14" s="68">
        <v>12</v>
      </c>
      <c r="EE14" s="69">
        <v>6</v>
      </c>
      <c r="EF14" s="70">
        <v>18</v>
      </c>
      <c r="EG14" s="159"/>
      <c r="EH14" s="69">
        <v>6</v>
      </c>
      <c r="EI14" s="69">
        <v>1</v>
      </c>
      <c r="EJ14" s="69">
        <v>1</v>
      </c>
      <c r="EK14" s="69">
        <v>6</v>
      </c>
      <c r="EL14" s="69">
        <v>3</v>
      </c>
      <c r="EM14" s="70">
        <v>17</v>
      </c>
      <c r="EN14" s="71">
        <v>35</v>
      </c>
      <c r="EO14" s="68">
        <v>25</v>
      </c>
      <c r="EP14" s="69">
        <v>17</v>
      </c>
      <c r="EQ14" s="70">
        <v>42</v>
      </c>
      <c r="ER14" s="159"/>
      <c r="ES14" s="69">
        <v>20</v>
      </c>
      <c r="ET14" s="69">
        <v>11</v>
      </c>
      <c r="EU14" s="69">
        <v>4</v>
      </c>
      <c r="EV14" s="69">
        <v>3</v>
      </c>
      <c r="EW14" s="69">
        <v>12</v>
      </c>
      <c r="EX14" s="70">
        <v>50</v>
      </c>
      <c r="EY14" s="71">
        <v>92</v>
      </c>
      <c r="EZ14" s="68">
        <v>31</v>
      </c>
      <c r="FA14" s="69">
        <v>18</v>
      </c>
      <c r="FB14" s="70">
        <v>49</v>
      </c>
      <c r="FC14" s="159"/>
      <c r="FD14" s="69">
        <v>35</v>
      </c>
      <c r="FE14" s="69">
        <v>10</v>
      </c>
      <c r="FF14" s="69">
        <v>12</v>
      </c>
      <c r="FG14" s="69">
        <v>8</v>
      </c>
      <c r="FH14" s="69">
        <v>8</v>
      </c>
      <c r="FI14" s="70">
        <v>73</v>
      </c>
      <c r="FJ14" s="71">
        <v>122</v>
      </c>
      <c r="FK14" s="68">
        <v>16</v>
      </c>
      <c r="FL14" s="69">
        <v>20</v>
      </c>
      <c r="FM14" s="70">
        <v>36</v>
      </c>
      <c r="FN14" s="159"/>
      <c r="FO14" s="69">
        <v>33</v>
      </c>
      <c r="FP14" s="69">
        <v>26</v>
      </c>
      <c r="FQ14" s="69">
        <v>29</v>
      </c>
      <c r="FR14" s="69">
        <v>26</v>
      </c>
      <c r="FS14" s="69">
        <v>23</v>
      </c>
      <c r="FT14" s="70">
        <v>137</v>
      </c>
      <c r="FU14" s="71">
        <v>173</v>
      </c>
      <c r="FV14" s="68">
        <v>0</v>
      </c>
      <c r="FW14" s="69">
        <v>0</v>
      </c>
      <c r="FX14" s="70">
        <v>0</v>
      </c>
      <c r="FY14" s="159"/>
      <c r="FZ14" s="69">
        <v>0</v>
      </c>
      <c r="GA14" s="69">
        <v>0</v>
      </c>
      <c r="GB14" s="69">
        <v>0</v>
      </c>
      <c r="GC14" s="69">
        <v>0</v>
      </c>
      <c r="GD14" s="69">
        <v>0</v>
      </c>
      <c r="GE14" s="70">
        <v>0</v>
      </c>
      <c r="GF14" s="71">
        <v>0</v>
      </c>
      <c r="GG14" s="68">
        <v>93</v>
      </c>
      <c r="GH14" s="69">
        <v>70</v>
      </c>
      <c r="GI14" s="70">
        <v>163</v>
      </c>
      <c r="GJ14" s="159"/>
      <c r="GK14" s="69">
        <v>100</v>
      </c>
      <c r="GL14" s="69">
        <v>52</v>
      </c>
      <c r="GM14" s="69">
        <v>49</v>
      </c>
      <c r="GN14" s="69">
        <v>43</v>
      </c>
      <c r="GO14" s="69">
        <v>46</v>
      </c>
      <c r="GP14" s="70">
        <v>290</v>
      </c>
      <c r="GQ14" s="71">
        <v>453</v>
      </c>
      <c r="GR14" s="108">
        <v>357</v>
      </c>
      <c r="GS14" s="80">
        <v>246</v>
      </c>
      <c r="GT14" s="81">
        <v>603</v>
      </c>
      <c r="GU14" s="159"/>
      <c r="GV14" s="80">
        <v>364</v>
      </c>
      <c r="GW14" s="80">
        <v>204</v>
      </c>
      <c r="GX14" s="80">
        <v>146</v>
      </c>
      <c r="GY14" s="80">
        <v>138</v>
      </c>
      <c r="GZ14" s="80">
        <v>117</v>
      </c>
      <c r="HA14" s="82">
        <v>969</v>
      </c>
      <c r="HB14" s="83">
        <v>1572</v>
      </c>
      <c r="HC14" s="68">
        <v>8</v>
      </c>
      <c r="HD14" s="69">
        <v>8</v>
      </c>
      <c r="HE14" s="70">
        <v>16</v>
      </c>
      <c r="HF14" s="159"/>
      <c r="HG14" s="69">
        <v>14</v>
      </c>
      <c r="HH14" s="69">
        <v>9</v>
      </c>
      <c r="HI14" s="69">
        <v>3</v>
      </c>
      <c r="HJ14" s="69">
        <v>2</v>
      </c>
      <c r="HK14" s="69">
        <v>4</v>
      </c>
      <c r="HL14" s="70">
        <v>32</v>
      </c>
      <c r="HM14" s="71">
        <v>48</v>
      </c>
      <c r="HN14" s="68">
        <v>24</v>
      </c>
      <c r="HO14" s="69">
        <v>21</v>
      </c>
      <c r="HP14" s="70">
        <v>45</v>
      </c>
      <c r="HQ14" s="159"/>
      <c r="HR14" s="69">
        <v>29</v>
      </c>
      <c r="HS14" s="69">
        <v>21</v>
      </c>
      <c r="HT14" s="69">
        <v>8</v>
      </c>
      <c r="HU14" s="69">
        <v>8</v>
      </c>
      <c r="HV14" s="69">
        <v>13</v>
      </c>
      <c r="HW14" s="70">
        <v>79</v>
      </c>
      <c r="HX14" s="71">
        <v>124</v>
      </c>
      <c r="HY14" s="68">
        <v>37</v>
      </c>
      <c r="HZ14" s="69">
        <v>26</v>
      </c>
      <c r="IA14" s="70">
        <v>63</v>
      </c>
      <c r="IB14" s="159"/>
      <c r="IC14" s="69">
        <v>43</v>
      </c>
      <c r="ID14" s="69">
        <v>14</v>
      </c>
      <c r="IE14" s="69">
        <v>13</v>
      </c>
      <c r="IF14" s="69">
        <v>14</v>
      </c>
      <c r="IG14" s="69">
        <v>9</v>
      </c>
      <c r="IH14" s="70">
        <v>93</v>
      </c>
      <c r="II14" s="71">
        <v>156</v>
      </c>
      <c r="IJ14" s="68">
        <v>93</v>
      </c>
      <c r="IK14" s="69">
        <v>61</v>
      </c>
      <c r="IL14" s="70">
        <v>154</v>
      </c>
      <c r="IM14" s="159"/>
      <c r="IN14" s="69">
        <v>71</v>
      </c>
      <c r="IO14" s="69">
        <v>39</v>
      </c>
      <c r="IP14" s="69">
        <v>23</v>
      </c>
      <c r="IQ14" s="69">
        <v>17</v>
      </c>
      <c r="IR14" s="69">
        <v>30</v>
      </c>
      <c r="IS14" s="70">
        <v>180</v>
      </c>
      <c r="IT14" s="71">
        <v>334</v>
      </c>
      <c r="IU14" s="68">
        <v>109</v>
      </c>
      <c r="IV14" s="69">
        <v>53</v>
      </c>
      <c r="IW14" s="70">
        <v>162</v>
      </c>
      <c r="IX14" s="159"/>
      <c r="IY14" s="69">
        <v>112</v>
      </c>
      <c r="IZ14" s="69">
        <v>56</v>
      </c>
      <c r="JA14" s="69">
        <v>40</v>
      </c>
      <c r="JB14" s="69">
        <v>43</v>
      </c>
      <c r="JC14" s="69">
        <v>22</v>
      </c>
      <c r="JD14" s="70">
        <v>273</v>
      </c>
      <c r="JE14" s="71">
        <v>435</v>
      </c>
      <c r="JF14" s="68">
        <v>86</v>
      </c>
      <c r="JG14" s="69">
        <v>77</v>
      </c>
      <c r="JH14" s="70">
        <v>163</v>
      </c>
      <c r="JI14" s="159"/>
      <c r="JJ14" s="69">
        <v>95</v>
      </c>
      <c r="JK14" s="69">
        <v>65</v>
      </c>
      <c r="JL14" s="69">
        <v>59</v>
      </c>
      <c r="JM14" s="69">
        <v>54</v>
      </c>
      <c r="JN14" s="69">
        <v>39</v>
      </c>
      <c r="JO14" s="70">
        <v>312</v>
      </c>
      <c r="JP14" s="71">
        <v>475</v>
      </c>
      <c r="JQ14" s="68">
        <v>0</v>
      </c>
      <c r="JR14" s="69">
        <v>0</v>
      </c>
      <c r="JS14" s="70">
        <v>0</v>
      </c>
      <c r="JT14" s="159"/>
      <c r="JU14" s="69">
        <v>0</v>
      </c>
      <c r="JV14" s="69">
        <v>0</v>
      </c>
      <c r="JW14" s="69">
        <v>0</v>
      </c>
      <c r="JX14" s="69">
        <v>0</v>
      </c>
      <c r="JY14" s="69">
        <v>0</v>
      </c>
      <c r="JZ14" s="70">
        <v>0</v>
      </c>
      <c r="KA14" s="71">
        <v>0</v>
      </c>
      <c r="KB14" s="68">
        <v>357</v>
      </c>
      <c r="KC14" s="69">
        <v>246</v>
      </c>
      <c r="KD14" s="70">
        <v>603</v>
      </c>
      <c r="KE14" s="159"/>
      <c r="KF14" s="69">
        <v>364</v>
      </c>
      <c r="KG14" s="69">
        <v>204</v>
      </c>
      <c r="KH14" s="69">
        <v>146</v>
      </c>
      <c r="KI14" s="69">
        <v>138</v>
      </c>
      <c r="KJ14" s="69">
        <v>117</v>
      </c>
      <c r="KK14" s="70">
        <v>969</v>
      </c>
      <c r="KL14" s="71">
        <v>1572</v>
      </c>
    </row>
    <row r="15" spans="1:298" ht="19.5" customHeight="1" x14ac:dyDescent="0.2">
      <c r="A15" s="111" t="s">
        <v>11</v>
      </c>
      <c r="B15" s="215">
        <v>53</v>
      </c>
      <c r="C15" s="80">
        <v>35</v>
      </c>
      <c r="D15" s="81">
        <v>88</v>
      </c>
      <c r="E15" s="159"/>
      <c r="F15" s="80">
        <v>89</v>
      </c>
      <c r="G15" s="80">
        <v>27</v>
      </c>
      <c r="H15" s="80">
        <v>40</v>
      </c>
      <c r="I15" s="80">
        <v>34</v>
      </c>
      <c r="J15" s="80">
        <v>21</v>
      </c>
      <c r="K15" s="82">
        <v>211</v>
      </c>
      <c r="L15" s="83">
        <v>299</v>
      </c>
      <c r="M15" s="68">
        <v>3</v>
      </c>
      <c r="N15" s="69">
        <v>1</v>
      </c>
      <c r="O15" s="70">
        <v>4</v>
      </c>
      <c r="P15" s="159"/>
      <c r="Q15" s="69">
        <v>5</v>
      </c>
      <c r="R15" s="69">
        <v>1</v>
      </c>
      <c r="S15" s="69">
        <v>2</v>
      </c>
      <c r="T15" s="69">
        <v>0</v>
      </c>
      <c r="U15" s="69">
        <v>1</v>
      </c>
      <c r="V15" s="70">
        <v>9</v>
      </c>
      <c r="W15" s="71">
        <v>13</v>
      </c>
      <c r="X15" s="68">
        <v>8</v>
      </c>
      <c r="Y15" s="69">
        <v>2</v>
      </c>
      <c r="Z15" s="70">
        <v>10</v>
      </c>
      <c r="AA15" s="159"/>
      <c r="AB15" s="69">
        <v>11</v>
      </c>
      <c r="AC15" s="69">
        <v>1</v>
      </c>
      <c r="AD15" s="69">
        <v>3</v>
      </c>
      <c r="AE15" s="69">
        <v>1</v>
      </c>
      <c r="AF15" s="69">
        <v>2</v>
      </c>
      <c r="AG15" s="70">
        <v>18</v>
      </c>
      <c r="AH15" s="71">
        <v>28</v>
      </c>
      <c r="AI15" s="68">
        <v>3</v>
      </c>
      <c r="AJ15" s="69">
        <v>3</v>
      </c>
      <c r="AK15" s="70">
        <v>6</v>
      </c>
      <c r="AL15" s="159"/>
      <c r="AM15" s="69">
        <v>16</v>
      </c>
      <c r="AN15" s="69">
        <v>5</v>
      </c>
      <c r="AO15" s="69">
        <v>5</v>
      </c>
      <c r="AP15" s="69">
        <v>4</v>
      </c>
      <c r="AQ15" s="69">
        <v>3</v>
      </c>
      <c r="AR15" s="70">
        <v>33</v>
      </c>
      <c r="AS15" s="71">
        <v>39</v>
      </c>
      <c r="AT15" s="68">
        <v>10</v>
      </c>
      <c r="AU15" s="69">
        <v>8</v>
      </c>
      <c r="AV15" s="70">
        <v>18</v>
      </c>
      <c r="AW15" s="159"/>
      <c r="AX15" s="69">
        <v>12</v>
      </c>
      <c r="AY15" s="69">
        <v>4</v>
      </c>
      <c r="AZ15" s="69">
        <v>11</v>
      </c>
      <c r="BA15" s="69">
        <v>9</v>
      </c>
      <c r="BB15" s="69">
        <v>7</v>
      </c>
      <c r="BC15" s="70">
        <v>43</v>
      </c>
      <c r="BD15" s="71">
        <v>61</v>
      </c>
      <c r="BE15" s="68">
        <v>22</v>
      </c>
      <c r="BF15" s="69">
        <v>10</v>
      </c>
      <c r="BG15" s="70">
        <v>32</v>
      </c>
      <c r="BH15" s="159"/>
      <c r="BI15" s="69">
        <v>17</v>
      </c>
      <c r="BJ15" s="69">
        <v>8</v>
      </c>
      <c r="BK15" s="69">
        <v>7</v>
      </c>
      <c r="BL15" s="69">
        <v>9</v>
      </c>
      <c r="BM15" s="69">
        <v>2</v>
      </c>
      <c r="BN15" s="70">
        <v>43</v>
      </c>
      <c r="BO15" s="71">
        <v>75</v>
      </c>
      <c r="BP15" s="68">
        <v>7</v>
      </c>
      <c r="BQ15" s="69">
        <v>11</v>
      </c>
      <c r="BR15" s="70">
        <v>18</v>
      </c>
      <c r="BS15" s="159"/>
      <c r="BT15" s="69">
        <v>28</v>
      </c>
      <c r="BU15" s="69">
        <v>8</v>
      </c>
      <c r="BV15" s="69">
        <v>12</v>
      </c>
      <c r="BW15" s="69">
        <v>11</v>
      </c>
      <c r="BX15" s="69">
        <v>6</v>
      </c>
      <c r="BY15" s="70">
        <v>65</v>
      </c>
      <c r="BZ15" s="71">
        <v>83</v>
      </c>
      <c r="CA15" s="68">
        <v>0</v>
      </c>
      <c r="CB15" s="69">
        <v>0</v>
      </c>
      <c r="CC15" s="70">
        <v>0</v>
      </c>
      <c r="CD15" s="159"/>
      <c r="CE15" s="69">
        <v>0</v>
      </c>
      <c r="CF15" s="69">
        <v>0</v>
      </c>
      <c r="CG15" s="69">
        <v>0</v>
      </c>
      <c r="CH15" s="69">
        <v>0</v>
      </c>
      <c r="CI15" s="69">
        <v>0</v>
      </c>
      <c r="CJ15" s="70">
        <v>0</v>
      </c>
      <c r="CK15" s="71">
        <v>0</v>
      </c>
      <c r="CL15" s="68">
        <v>53</v>
      </c>
      <c r="CM15" s="69">
        <v>35</v>
      </c>
      <c r="CN15" s="70">
        <v>88</v>
      </c>
      <c r="CO15" s="159"/>
      <c r="CP15" s="69">
        <v>89</v>
      </c>
      <c r="CQ15" s="69">
        <v>27</v>
      </c>
      <c r="CR15" s="69">
        <v>40</v>
      </c>
      <c r="CS15" s="69">
        <v>34</v>
      </c>
      <c r="CT15" s="69">
        <v>21</v>
      </c>
      <c r="CU15" s="70">
        <v>211</v>
      </c>
      <c r="CV15" s="71">
        <v>299</v>
      </c>
      <c r="CW15" s="108">
        <v>28</v>
      </c>
      <c r="CX15" s="80">
        <v>17</v>
      </c>
      <c r="CY15" s="81">
        <v>45</v>
      </c>
      <c r="CZ15" s="159"/>
      <c r="DA15" s="80">
        <v>39</v>
      </c>
      <c r="DB15" s="80">
        <v>22</v>
      </c>
      <c r="DC15" s="80">
        <v>19</v>
      </c>
      <c r="DD15" s="80">
        <v>24</v>
      </c>
      <c r="DE15" s="80">
        <v>14</v>
      </c>
      <c r="DF15" s="82">
        <v>118</v>
      </c>
      <c r="DG15" s="83">
        <v>163</v>
      </c>
      <c r="DH15" s="68">
        <v>0</v>
      </c>
      <c r="DI15" s="69">
        <v>1</v>
      </c>
      <c r="DJ15" s="70">
        <v>1</v>
      </c>
      <c r="DK15" s="159"/>
      <c r="DL15" s="69">
        <v>0</v>
      </c>
      <c r="DM15" s="69">
        <v>1</v>
      </c>
      <c r="DN15" s="69">
        <v>0</v>
      </c>
      <c r="DO15" s="69">
        <v>0</v>
      </c>
      <c r="DP15" s="69">
        <v>0</v>
      </c>
      <c r="DQ15" s="70">
        <v>1</v>
      </c>
      <c r="DR15" s="71">
        <v>2</v>
      </c>
      <c r="DS15" s="68">
        <v>5</v>
      </c>
      <c r="DT15" s="69">
        <v>0</v>
      </c>
      <c r="DU15" s="70">
        <v>5</v>
      </c>
      <c r="DV15" s="159"/>
      <c r="DW15" s="69">
        <v>3</v>
      </c>
      <c r="DX15" s="69">
        <v>1</v>
      </c>
      <c r="DY15" s="69">
        <v>1</v>
      </c>
      <c r="DZ15" s="69">
        <v>1</v>
      </c>
      <c r="EA15" s="69">
        <v>0</v>
      </c>
      <c r="EB15" s="70">
        <v>6</v>
      </c>
      <c r="EC15" s="71">
        <v>11</v>
      </c>
      <c r="ED15" s="68">
        <v>3</v>
      </c>
      <c r="EE15" s="69">
        <v>5</v>
      </c>
      <c r="EF15" s="70">
        <v>8</v>
      </c>
      <c r="EG15" s="159"/>
      <c r="EH15" s="69">
        <v>4</v>
      </c>
      <c r="EI15" s="69">
        <v>0</v>
      </c>
      <c r="EJ15" s="69">
        <v>0</v>
      </c>
      <c r="EK15" s="69">
        <v>1</v>
      </c>
      <c r="EL15" s="69">
        <v>0</v>
      </c>
      <c r="EM15" s="70">
        <v>5</v>
      </c>
      <c r="EN15" s="71">
        <v>13</v>
      </c>
      <c r="EO15" s="68">
        <v>6</v>
      </c>
      <c r="EP15" s="69">
        <v>2</v>
      </c>
      <c r="EQ15" s="70">
        <v>8</v>
      </c>
      <c r="ER15" s="159"/>
      <c r="ES15" s="69">
        <v>7</v>
      </c>
      <c r="ET15" s="69">
        <v>4</v>
      </c>
      <c r="EU15" s="69">
        <v>2</v>
      </c>
      <c r="EV15" s="69">
        <v>4</v>
      </c>
      <c r="EW15" s="69">
        <v>5</v>
      </c>
      <c r="EX15" s="70">
        <v>22</v>
      </c>
      <c r="EY15" s="71">
        <v>30</v>
      </c>
      <c r="EZ15" s="68">
        <v>8</v>
      </c>
      <c r="FA15" s="69">
        <v>4</v>
      </c>
      <c r="FB15" s="70">
        <v>12</v>
      </c>
      <c r="FC15" s="159"/>
      <c r="FD15" s="69">
        <v>15</v>
      </c>
      <c r="FE15" s="69">
        <v>6</v>
      </c>
      <c r="FF15" s="69">
        <v>5</v>
      </c>
      <c r="FG15" s="69">
        <v>6</v>
      </c>
      <c r="FH15" s="69">
        <v>3</v>
      </c>
      <c r="FI15" s="70">
        <v>35</v>
      </c>
      <c r="FJ15" s="71">
        <v>47</v>
      </c>
      <c r="FK15" s="68">
        <v>6</v>
      </c>
      <c r="FL15" s="69">
        <v>5</v>
      </c>
      <c r="FM15" s="70">
        <v>11</v>
      </c>
      <c r="FN15" s="159"/>
      <c r="FO15" s="69">
        <v>10</v>
      </c>
      <c r="FP15" s="69">
        <v>10</v>
      </c>
      <c r="FQ15" s="69">
        <v>11</v>
      </c>
      <c r="FR15" s="69">
        <v>12</v>
      </c>
      <c r="FS15" s="69">
        <v>6</v>
      </c>
      <c r="FT15" s="70">
        <v>49</v>
      </c>
      <c r="FU15" s="71">
        <v>60</v>
      </c>
      <c r="FV15" s="68">
        <v>0</v>
      </c>
      <c r="FW15" s="69">
        <v>0</v>
      </c>
      <c r="FX15" s="70">
        <v>0</v>
      </c>
      <c r="FY15" s="159"/>
      <c r="FZ15" s="69">
        <v>0</v>
      </c>
      <c r="GA15" s="69">
        <v>0</v>
      </c>
      <c r="GB15" s="69">
        <v>0</v>
      </c>
      <c r="GC15" s="69">
        <v>0</v>
      </c>
      <c r="GD15" s="69">
        <v>0</v>
      </c>
      <c r="GE15" s="70">
        <v>0</v>
      </c>
      <c r="GF15" s="71">
        <v>0</v>
      </c>
      <c r="GG15" s="68">
        <v>28</v>
      </c>
      <c r="GH15" s="69">
        <v>17</v>
      </c>
      <c r="GI15" s="70">
        <v>45</v>
      </c>
      <c r="GJ15" s="159"/>
      <c r="GK15" s="69">
        <v>39</v>
      </c>
      <c r="GL15" s="69">
        <v>22</v>
      </c>
      <c r="GM15" s="69">
        <v>19</v>
      </c>
      <c r="GN15" s="69">
        <v>24</v>
      </c>
      <c r="GO15" s="69">
        <v>14</v>
      </c>
      <c r="GP15" s="70">
        <v>118</v>
      </c>
      <c r="GQ15" s="71">
        <v>163</v>
      </c>
      <c r="GR15" s="108">
        <v>81</v>
      </c>
      <c r="GS15" s="80">
        <v>52</v>
      </c>
      <c r="GT15" s="81">
        <v>133</v>
      </c>
      <c r="GU15" s="159"/>
      <c r="GV15" s="80">
        <v>128</v>
      </c>
      <c r="GW15" s="80">
        <v>49</v>
      </c>
      <c r="GX15" s="80">
        <v>59</v>
      </c>
      <c r="GY15" s="80">
        <v>58</v>
      </c>
      <c r="GZ15" s="80">
        <v>35</v>
      </c>
      <c r="HA15" s="82">
        <v>329</v>
      </c>
      <c r="HB15" s="83">
        <v>462</v>
      </c>
      <c r="HC15" s="68">
        <v>3</v>
      </c>
      <c r="HD15" s="69">
        <v>2</v>
      </c>
      <c r="HE15" s="70">
        <v>5</v>
      </c>
      <c r="HF15" s="159"/>
      <c r="HG15" s="69">
        <v>5</v>
      </c>
      <c r="HH15" s="69">
        <v>2</v>
      </c>
      <c r="HI15" s="69">
        <v>2</v>
      </c>
      <c r="HJ15" s="69">
        <v>0</v>
      </c>
      <c r="HK15" s="69">
        <v>1</v>
      </c>
      <c r="HL15" s="70">
        <v>10</v>
      </c>
      <c r="HM15" s="71">
        <v>15</v>
      </c>
      <c r="HN15" s="68">
        <v>13</v>
      </c>
      <c r="HO15" s="69">
        <v>2</v>
      </c>
      <c r="HP15" s="70">
        <v>15</v>
      </c>
      <c r="HQ15" s="159"/>
      <c r="HR15" s="69">
        <v>14</v>
      </c>
      <c r="HS15" s="69">
        <v>2</v>
      </c>
      <c r="HT15" s="69">
        <v>4</v>
      </c>
      <c r="HU15" s="69">
        <v>2</v>
      </c>
      <c r="HV15" s="69">
        <v>2</v>
      </c>
      <c r="HW15" s="70">
        <v>24</v>
      </c>
      <c r="HX15" s="71">
        <v>39</v>
      </c>
      <c r="HY15" s="68">
        <v>6</v>
      </c>
      <c r="HZ15" s="69">
        <v>8</v>
      </c>
      <c r="IA15" s="70">
        <v>14</v>
      </c>
      <c r="IB15" s="159"/>
      <c r="IC15" s="69">
        <v>20</v>
      </c>
      <c r="ID15" s="69">
        <v>5</v>
      </c>
      <c r="IE15" s="69">
        <v>5</v>
      </c>
      <c r="IF15" s="69">
        <v>5</v>
      </c>
      <c r="IG15" s="69">
        <v>3</v>
      </c>
      <c r="IH15" s="70">
        <v>38</v>
      </c>
      <c r="II15" s="71">
        <v>52</v>
      </c>
      <c r="IJ15" s="68">
        <v>16</v>
      </c>
      <c r="IK15" s="69">
        <v>10</v>
      </c>
      <c r="IL15" s="70">
        <v>26</v>
      </c>
      <c r="IM15" s="159"/>
      <c r="IN15" s="69">
        <v>19</v>
      </c>
      <c r="IO15" s="69">
        <v>8</v>
      </c>
      <c r="IP15" s="69">
        <v>13</v>
      </c>
      <c r="IQ15" s="69">
        <v>13</v>
      </c>
      <c r="IR15" s="69">
        <v>12</v>
      </c>
      <c r="IS15" s="70">
        <v>65</v>
      </c>
      <c r="IT15" s="71">
        <v>91</v>
      </c>
      <c r="IU15" s="68">
        <v>30</v>
      </c>
      <c r="IV15" s="69">
        <v>14</v>
      </c>
      <c r="IW15" s="70">
        <v>44</v>
      </c>
      <c r="IX15" s="159"/>
      <c r="IY15" s="69">
        <v>32</v>
      </c>
      <c r="IZ15" s="69">
        <v>14</v>
      </c>
      <c r="JA15" s="69">
        <v>12</v>
      </c>
      <c r="JB15" s="69">
        <v>15</v>
      </c>
      <c r="JC15" s="69">
        <v>5</v>
      </c>
      <c r="JD15" s="70">
        <v>78</v>
      </c>
      <c r="JE15" s="71">
        <v>122</v>
      </c>
      <c r="JF15" s="68">
        <v>13</v>
      </c>
      <c r="JG15" s="69">
        <v>16</v>
      </c>
      <c r="JH15" s="70">
        <v>29</v>
      </c>
      <c r="JI15" s="159"/>
      <c r="JJ15" s="69">
        <v>38</v>
      </c>
      <c r="JK15" s="69">
        <v>18</v>
      </c>
      <c r="JL15" s="69">
        <v>23</v>
      </c>
      <c r="JM15" s="69">
        <v>23</v>
      </c>
      <c r="JN15" s="69">
        <v>12</v>
      </c>
      <c r="JO15" s="70">
        <v>114</v>
      </c>
      <c r="JP15" s="71">
        <v>143</v>
      </c>
      <c r="JQ15" s="68">
        <v>0</v>
      </c>
      <c r="JR15" s="69">
        <v>0</v>
      </c>
      <c r="JS15" s="70">
        <v>0</v>
      </c>
      <c r="JT15" s="159"/>
      <c r="JU15" s="69">
        <v>0</v>
      </c>
      <c r="JV15" s="69">
        <v>0</v>
      </c>
      <c r="JW15" s="69">
        <v>0</v>
      </c>
      <c r="JX15" s="69">
        <v>0</v>
      </c>
      <c r="JY15" s="69">
        <v>0</v>
      </c>
      <c r="JZ15" s="70">
        <v>0</v>
      </c>
      <c r="KA15" s="71">
        <v>0</v>
      </c>
      <c r="KB15" s="68">
        <v>81</v>
      </c>
      <c r="KC15" s="69">
        <v>52</v>
      </c>
      <c r="KD15" s="70">
        <v>133</v>
      </c>
      <c r="KE15" s="159"/>
      <c r="KF15" s="69">
        <v>128</v>
      </c>
      <c r="KG15" s="69">
        <v>49</v>
      </c>
      <c r="KH15" s="69">
        <v>59</v>
      </c>
      <c r="KI15" s="69">
        <v>58</v>
      </c>
      <c r="KJ15" s="69">
        <v>35</v>
      </c>
      <c r="KK15" s="70">
        <v>329</v>
      </c>
      <c r="KL15" s="71">
        <v>462</v>
      </c>
    </row>
    <row r="16" spans="1:298" ht="19.5" customHeight="1" x14ac:dyDescent="0.2">
      <c r="A16" s="111" t="s">
        <v>12</v>
      </c>
      <c r="B16" s="215">
        <v>140</v>
      </c>
      <c r="C16" s="80">
        <v>89</v>
      </c>
      <c r="D16" s="81">
        <v>229</v>
      </c>
      <c r="E16" s="159"/>
      <c r="F16" s="80">
        <v>91</v>
      </c>
      <c r="G16" s="80">
        <v>74</v>
      </c>
      <c r="H16" s="80">
        <v>50</v>
      </c>
      <c r="I16" s="80">
        <v>53</v>
      </c>
      <c r="J16" s="80">
        <v>37</v>
      </c>
      <c r="K16" s="82">
        <v>305</v>
      </c>
      <c r="L16" s="83">
        <v>534</v>
      </c>
      <c r="M16" s="84">
        <v>3</v>
      </c>
      <c r="N16" s="69">
        <v>6</v>
      </c>
      <c r="O16" s="70">
        <v>9</v>
      </c>
      <c r="P16" s="159"/>
      <c r="Q16" s="69">
        <v>1</v>
      </c>
      <c r="R16" s="69">
        <v>1</v>
      </c>
      <c r="S16" s="69">
        <v>4</v>
      </c>
      <c r="T16" s="69">
        <v>0</v>
      </c>
      <c r="U16" s="69">
        <v>2</v>
      </c>
      <c r="V16" s="70">
        <v>8</v>
      </c>
      <c r="W16" s="71">
        <v>17</v>
      </c>
      <c r="X16" s="68">
        <v>9</v>
      </c>
      <c r="Y16" s="69">
        <v>8</v>
      </c>
      <c r="Z16" s="70">
        <v>17</v>
      </c>
      <c r="AA16" s="159"/>
      <c r="AB16" s="69">
        <v>5</v>
      </c>
      <c r="AC16" s="69">
        <v>5</v>
      </c>
      <c r="AD16" s="69">
        <v>2</v>
      </c>
      <c r="AE16" s="69">
        <v>4</v>
      </c>
      <c r="AF16" s="69">
        <v>4</v>
      </c>
      <c r="AG16" s="70">
        <v>20</v>
      </c>
      <c r="AH16" s="71">
        <v>37</v>
      </c>
      <c r="AI16" s="84">
        <v>16</v>
      </c>
      <c r="AJ16" s="69">
        <v>12</v>
      </c>
      <c r="AK16" s="70">
        <v>28</v>
      </c>
      <c r="AL16" s="159"/>
      <c r="AM16" s="69">
        <v>9</v>
      </c>
      <c r="AN16" s="69">
        <v>10</v>
      </c>
      <c r="AO16" s="69">
        <v>4</v>
      </c>
      <c r="AP16" s="69">
        <v>5</v>
      </c>
      <c r="AQ16" s="69">
        <v>5</v>
      </c>
      <c r="AR16" s="70">
        <v>33</v>
      </c>
      <c r="AS16" s="71">
        <v>61</v>
      </c>
      <c r="AT16" s="68">
        <v>37</v>
      </c>
      <c r="AU16" s="69">
        <v>16</v>
      </c>
      <c r="AV16" s="70">
        <v>53</v>
      </c>
      <c r="AW16" s="159"/>
      <c r="AX16" s="69">
        <v>24</v>
      </c>
      <c r="AY16" s="69">
        <v>21</v>
      </c>
      <c r="AZ16" s="69">
        <v>12</v>
      </c>
      <c r="BA16" s="69">
        <v>15</v>
      </c>
      <c r="BB16" s="69">
        <v>6</v>
      </c>
      <c r="BC16" s="70">
        <v>78</v>
      </c>
      <c r="BD16" s="71">
        <v>131</v>
      </c>
      <c r="BE16" s="84">
        <v>42</v>
      </c>
      <c r="BF16" s="69">
        <v>26</v>
      </c>
      <c r="BG16" s="70">
        <v>68</v>
      </c>
      <c r="BH16" s="159"/>
      <c r="BI16" s="69">
        <v>27</v>
      </c>
      <c r="BJ16" s="69">
        <v>21</v>
      </c>
      <c r="BK16" s="69">
        <v>17</v>
      </c>
      <c r="BL16" s="69">
        <v>19</v>
      </c>
      <c r="BM16" s="69">
        <v>7</v>
      </c>
      <c r="BN16" s="70">
        <v>91</v>
      </c>
      <c r="BO16" s="71">
        <v>159</v>
      </c>
      <c r="BP16" s="68">
        <v>33</v>
      </c>
      <c r="BQ16" s="69">
        <v>21</v>
      </c>
      <c r="BR16" s="70">
        <v>54</v>
      </c>
      <c r="BS16" s="159"/>
      <c r="BT16" s="69">
        <v>25</v>
      </c>
      <c r="BU16" s="69">
        <v>16</v>
      </c>
      <c r="BV16" s="69">
        <v>11</v>
      </c>
      <c r="BW16" s="69">
        <v>10</v>
      </c>
      <c r="BX16" s="69">
        <v>13</v>
      </c>
      <c r="BY16" s="70">
        <v>75</v>
      </c>
      <c r="BZ16" s="71">
        <v>129</v>
      </c>
      <c r="CA16" s="68">
        <v>0</v>
      </c>
      <c r="CB16" s="69">
        <v>0</v>
      </c>
      <c r="CC16" s="70">
        <v>0</v>
      </c>
      <c r="CD16" s="159"/>
      <c r="CE16" s="69">
        <v>0</v>
      </c>
      <c r="CF16" s="69">
        <v>0</v>
      </c>
      <c r="CG16" s="69">
        <v>0</v>
      </c>
      <c r="CH16" s="69">
        <v>0</v>
      </c>
      <c r="CI16" s="69">
        <v>0</v>
      </c>
      <c r="CJ16" s="70">
        <v>0</v>
      </c>
      <c r="CK16" s="71">
        <v>0</v>
      </c>
      <c r="CL16" s="68">
        <v>140</v>
      </c>
      <c r="CM16" s="69">
        <v>89</v>
      </c>
      <c r="CN16" s="70">
        <v>229</v>
      </c>
      <c r="CO16" s="159"/>
      <c r="CP16" s="69">
        <v>91</v>
      </c>
      <c r="CQ16" s="69">
        <v>74</v>
      </c>
      <c r="CR16" s="69">
        <v>50</v>
      </c>
      <c r="CS16" s="69">
        <v>53</v>
      </c>
      <c r="CT16" s="69">
        <v>37</v>
      </c>
      <c r="CU16" s="70">
        <v>305</v>
      </c>
      <c r="CV16" s="71">
        <v>534</v>
      </c>
      <c r="CW16" s="108">
        <v>38</v>
      </c>
      <c r="CX16" s="80">
        <v>27</v>
      </c>
      <c r="CY16" s="81">
        <v>65</v>
      </c>
      <c r="CZ16" s="159"/>
      <c r="DA16" s="80">
        <v>42</v>
      </c>
      <c r="DB16" s="80">
        <v>19</v>
      </c>
      <c r="DC16" s="80">
        <v>26</v>
      </c>
      <c r="DD16" s="80">
        <v>26</v>
      </c>
      <c r="DE16" s="80">
        <v>14</v>
      </c>
      <c r="DF16" s="82">
        <v>127</v>
      </c>
      <c r="DG16" s="83">
        <v>192</v>
      </c>
      <c r="DH16" s="84">
        <v>0</v>
      </c>
      <c r="DI16" s="69">
        <v>0</v>
      </c>
      <c r="DJ16" s="70">
        <v>0</v>
      </c>
      <c r="DK16" s="159"/>
      <c r="DL16" s="69">
        <v>1</v>
      </c>
      <c r="DM16" s="69">
        <v>0</v>
      </c>
      <c r="DN16" s="69">
        <v>0</v>
      </c>
      <c r="DO16" s="69">
        <v>0</v>
      </c>
      <c r="DP16" s="69">
        <v>0</v>
      </c>
      <c r="DQ16" s="70">
        <v>1</v>
      </c>
      <c r="DR16" s="71">
        <v>1</v>
      </c>
      <c r="DS16" s="68">
        <v>3</v>
      </c>
      <c r="DT16" s="69">
        <v>2</v>
      </c>
      <c r="DU16" s="70">
        <v>5</v>
      </c>
      <c r="DV16" s="159"/>
      <c r="DW16" s="69">
        <v>1</v>
      </c>
      <c r="DX16" s="69">
        <v>0</v>
      </c>
      <c r="DY16" s="69">
        <v>1</v>
      </c>
      <c r="DZ16" s="69">
        <v>0</v>
      </c>
      <c r="EA16" s="69">
        <v>0</v>
      </c>
      <c r="EB16" s="70">
        <v>2</v>
      </c>
      <c r="EC16" s="71">
        <v>7</v>
      </c>
      <c r="ED16" s="84">
        <v>11</v>
      </c>
      <c r="EE16" s="69">
        <v>3</v>
      </c>
      <c r="EF16" s="70">
        <v>14</v>
      </c>
      <c r="EG16" s="159"/>
      <c r="EH16" s="69">
        <v>3</v>
      </c>
      <c r="EI16" s="69">
        <v>2</v>
      </c>
      <c r="EJ16" s="69">
        <v>0</v>
      </c>
      <c r="EK16" s="69">
        <v>0</v>
      </c>
      <c r="EL16" s="69">
        <v>2</v>
      </c>
      <c r="EM16" s="70">
        <v>7</v>
      </c>
      <c r="EN16" s="71">
        <v>21</v>
      </c>
      <c r="EO16" s="68">
        <v>6</v>
      </c>
      <c r="EP16" s="69">
        <v>9</v>
      </c>
      <c r="EQ16" s="70">
        <v>15</v>
      </c>
      <c r="ER16" s="159"/>
      <c r="ES16" s="69">
        <v>7</v>
      </c>
      <c r="ET16" s="69">
        <v>5</v>
      </c>
      <c r="EU16" s="69">
        <v>7</v>
      </c>
      <c r="EV16" s="69">
        <v>5</v>
      </c>
      <c r="EW16" s="69">
        <v>1</v>
      </c>
      <c r="EX16" s="70">
        <v>25</v>
      </c>
      <c r="EY16" s="71">
        <v>40</v>
      </c>
      <c r="EZ16" s="84">
        <v>8</v>
      </c>
      <c r="FA16" s="69">
        <v>5</v>
      </c>
      <c r="FB16" s="70">
        <v>13</v>
      </c>
      <c r="FC16" s="159"/>
      <c r="FD16" s="69">
        <v>12</v>
      </c>
      <c r="FE16" s="69">
        <v>7</v>
      </c>
      <c r="FF16" s="69">
        <v>6</v>
      </c>
      <c r="FG16" s="69">
        <v>8</v>
      </c>
      <c r="FH16" s="69">
        <v>2</v>
      </c>
      <c r="FI16" s="70">
        <v>35</v>
      </c>
      <c r="FJ16" s="71">
        <v>48</v>
      </c>
      <c r="FK16" s="68">
        <v>10</v>
      </c>
      <c r="FL16" s="69">
        <v>8</v>
      </c>
      <c r="FM16" s="70">
        <v>18</v>
      </c>
      <c r="FN16" s="159"/>
      <c r="FO16" s="69">
        <v>18</v>
      </c>
      <c r="FP16" s="69">
        <v>5</v>
      </c>
      <c r="FQ16" s="69">
        <v>12</v>
      </c>
      <c r="FR16" s="69">
        <v>13</v>
      </c>
      <c r="FS16" s="69">
        <v>9</v>
      </c>
      <c r="FT16" s="70">
        <v>57</v>
      </c>
      <c r="FU16" s="71">
        <v>75</v>
      </c>
      <c r="FV16" s="68">
        <v>0</v>
      </c>
      <c r="FW16" s="69">
        <v>0</v>
      </c>
      <c r="FX16" s="70">
        <v>0</v>
      </c>
      <c r="FY16" s="159"/>
      <c r="FZ16" s="69">
        <v>0</v>
      </c>
      <c r="GA16" s="69">
        <v>0</v>
      </c>
      <c r="GB16" s="69">
        <v>0</v>
      </c>
      <c r="GC16" s="69">
        <v>0</v>
      </c>
      <c r="GD16" s="69">
        <v>0</v>
      </c>
      <c r="GE16" s="70">
        <v>0</v>
      </c>
      <c r="GF16" s="71">
        <v>0</v>
      </c>
      <c r="GG16" s="68">
        <v>38</v>
      </c>
      <c r="GH16" s="69">
        <v>27</v>
      </c>
      <c r="GI16" s="70">
        <v>65</v>
      </c>
      <c r="GJ16" s="159"/>
      <c r="GK16" s="69">
        <v>42</v>
      </c>
      <c r="GL16" s="69">
        <v>19</v>
      </c>
      <c r="GM16" s="69">
        <v>26</v>
      </c>
      <c r="GN16" s="69">
        <v>26</v>
      </c>
      <c r="GO16" s="69">
        <v>14</v>
      </c>
      <c r="GP16" s="70">
        <v>127</v>
      </c>
      <c r="GQ16" s="71">
        <v>192</v>
      </c>
      <c r="GR16" s="108">
        <v>178</v>
      </c>
      <c r="GS16" s="80">
        <v>116</v>
      </c>
      <c r="GT16" s="81">
        <v>294</v>
      </c>
      <c r="GU16" s="159"/>
      <c r="GV16" s="80">
        <v>133</v>
      </c>
      <c r="GW16" s="80">
        <v>93</v>
      </c>
      <c r="GX16" s="80">
        <v>76</v>
      </c>
      <c r="GY16" s="80">
        <v>79</v>
      </c>
      <c r="GZ16" s="80">
        <v>51</v>
      </c>
      <c r="HA16" s="82">
        <v>432</v>
      </c>
      <c r="HB16" s="83">
        <v>726</v>
      </c>
      <c r="HC16" s="84">
        <v>3</v>
      </c>
      <c r="HD16" s="69">
        <v>6</v>
      </c>
      <c r="HE16" s="70">
        <v>9</v>
      </c>
      <c r="HF16" s="159"/>
      <c r="HG16" s="69">
        <v>2</v>
      </c>
      <c r="HH16" s="69">
        <v>1</v>
      </c>
      <c r="HI16" s="69">
        <v>4</v>
      </c>
      <c r="HJ16" s="69">
        <v>0</v>
      </c>
      <c r="HK16" s="69">
        <v>2</v>
      </c>
      <c r="HL16" s="70">
        <v>9</v>
      </c>
      <c r="HM16" s="71">
        <v>18</v>
      </c>
      <c r="HN16" s="68">
        <v>12</v>
      </c>
      <c r="HO16" s="69">
        <v>10</v>
      </c>
      <c r="HP16" s="70">
        <v>22</v>
      </c>
      <c r="HQ16" s="159"/>
      <c r="HR16" s="69">
        <v>6</v>
      </c>
      <c r="HS16" s="69">
        <v>5</v>
      </c>
      <c r="HT16" s="69">
        <v>3</v>
      </c>
      <c r="HU16" s="69">
        <v>4</v>
      </c>
      <c r="HV16" s="69">
        <v>4</v>
      </c>
      <c r="HW16" s="70">
        <v>22</v>
      </c>
      <c r="HX16" s="71">
        <v>44</v>
      </c>
      <c r="HY16" s="84">
        <v>27</v>
      </c>
      <c r="HZ16" s="69">
        <v>15</v>
      </c>
      <c r="IA16" s="70">
        <v>42</v>
      </c>
      <c r="IB16" s="159"/>
      <c r="IC16" s="69">
        <v>12</v>
      </c>
      <c r="ID16" s="69">
        <v>12</v>
      </c>
      <c r="IE16" s="69">
        <v>4</v>
      </c>
      <c r="IF16" s="69">
        <v>5</v>
      </c>
      <c r="IG16" s="69">
        <v>7</v>
      </c>
      <c r="IH16" s="70">
        <v>40</v>
      </c>
      <c r="II16" s="71">
        <v>82</v>
      </c>
      <c r="IJ16" s="68">
        <v>43</v>
      </c>
      <c r="IK16" s="69">
        <v>25</v>
      </c>
      <c r="IL16" s="70">
        <v>68</v>
      </c>
      <c r="IM16" s="159"/>
      <c r="IN16" s="69">
        <v>31</v>
      </c>
      <c r="IO16" s="69">
        <v>26</v>
      </c>
      <c r="IP16" s="69">
        <v>19</v>
      </c>
      <c r="IQ16" s="69">
        <v>20</v>
      </c>
      <c r="IR16" s="69">
        <v>7</v>
      </c>
      <c r="IS16" s="70">
        <v>103</v>
      </c>
      <c r="IT16" s="71">
        <v>171</v>
      </c>
      <c r="IU16" s="84">
        <v>50</v>
      </c>
      <c r="IV16" s="69">
        <v>31</v>
      </c>
      <c r="IW16" s="70">
        <v>81</v>
      </c>
      <c r="IX16" s="159"/>
      <c r="IY16" s="69">
        <v>39</v>
      </c>
      <c r="IZ16" s="69">
        <v>28</v>
      </c>
      <c r="JA16" s="69">
        <v>23</v>
      </c>
      <c r="JB16" s="69">
        <v>27</v>
      </c>
      <c r="JC16" s="69">
        <v>9</v>
      </c>
      <c r="JD16" s="70">
        <v>126</v>
      </c>
      <c r="JE16" s="71">
        <v>207</v>
      </c>
      <c r="JF16" s="68">
        <v>43</v>
      </c>
      <c r="JG16" s="69">
        <v>29</v>
      </c>
      <c r="JH16" s="70">
        <v>72</v>
      </c>
      <c r="JI16" s="159"/>
      <c r="JJ16" s="69">
        <v>43</v>
      </c>
      <c r="JK16" s="69">
        <v>21</v>
      </c>
      <c r="JL16" s="69">
        <v>23</v>
      </c>
      <c r="JM16" s="69">
        <v>23</v>
      </c>
      <c r="JN16" s="69">
        <v>22</v>
      </c>
      <c r="JO16" s="70">
        <v>132</v>
      </c>
      <c r="JP16" s="71">
        <v>204</v>
      </c>
      <c r="JQ16" s="68">
        <v>0</v>
      </c>
      <c r="JR16" s="69">
        <v>0</v>
      </c>
      <c r="JS16" s="70">
        <v>0</v>
      </c>
      <c r="JT16" s="159"/>
      <c r="JU16" s="69">
        <v>0</v>
      </c>
      <c r="JV16" s="69">
        <v>0</v>
      </c>
      <c r="JW16" s="69">
        <v>0</v>
      </c>
      <c r="JX16" s="69">
        <v>0</v>
      </c>
      <c r="JY16" s="69">
        <v>0</v>
      </c>
      <c r="JZ16" s="70">
        <v>0</v>
      </c>
      <c r="KA16" s="71">
        <v>0</v>
      </c>
      <c r="KB16" s="68">
        <v>178</v>
      </c>
      <c r="KC16" s="69">
        <v>116</v>
      </c>
      <c r="KD16" s="70">
        <v>294</v>
      </c>
      <c r="KE16" s="159"/>
      <c r="KF16" s="69">
        <v>133</v>
      </c>
      <c r="KG16" s="69">
        <v>93</v>
      </c>
      <c r="KH16" s="69">
        <v>76</v>
      </c>
      <c r="KI16" s="69">
        <v>79</v>
      </c>
      <c r="KJ16" s="69">
        <v>51</v>
      </c>
      <c r="KK16" s="70">
        <v>432</v>
      </c>
      <c r="KL16" s="71">
        <v>726</v>
      </c>
    </row>
    <row r="17" spans="1:298" ht="19.5" customHeight="1" x14ac:dyDescent="0.2">
      <c r="A17" s="111" t="s">
        <v>13</v>
      </c>
      <c r="B17" s="215">
        <v>37</v>
      </c>
      <c r="C17" s="80">
        <v>40</v>
      </c>
      <c r="D17" s="81">
        <v>77</v>
      </c>
      <c r="E17" s="159"/>
      <c r="F17" s="80">
        <v>45</v>
      </c>
      <c r="G17" s="80">
        <v>59</v>
      </c>
      <c r="H17" s="80">
        <v>49</v>
      </c>
      <c r="I17" s="80">
        <v>26</v>
      </c>
      <c r="J17" s="80">
        <v>21</v>
      </c>
      <c r="K17" s="82">
        <v>200</v>
      </c>
      <c r="L17" s="83">
        <v>277</v>
      </c>
      <c r="M17" s="68">
        <v>1</v>
      </c>
      <c r="N17" s="69">
        <v>0</v>
      </c>
      <c r="O17" s="70">
        <v>1</v>
      </c>
      <c r="P17" s="159"/>
      <c r="Q17" s="69">
        <v>3</v>
      </c>
      <c r="R17" s="69">
        <v>2</v>
      </c>
      <c r="S17" s="69">
        <v>0</v>
      </c>
      <c r="T17" s="69">
        <v>0</v>
      </c>
      <c r="U17" s="69">
        <v>0</v>
      </c>
      <c r="V17" s="70">
        <v>5</v>
      </c>
      <c r="W17" s="71">
        <v>6</v>
      </c>
      <c r="X17" s="68">
        <v>2</v>
      </c>
      <c r="Y17" s="69">
        <v>1</v>
      </c>
      <c r="Z17" s="70">
        <v>3</v>
      </c>
      <c r="AA17" s="159"/>
      <c r="AB17" s="69">
        <v>3</v>
      </c>
      <c r="AC17" s="69">
        <v>0</v>
      </c>
      <c r="AD17" s="69">
        <v>1</v>
      </c>
      <c r="AE17" s="69">
        <v>2</v>
      </c>
      <c r="AF17" s="69">
        <v>2</v>
      </c>
      <c r="AG17" s="70">
        <v>8</v>
      </c>
      <c r="AH17" s="71">
        <v>11</v>
      </c>
      <c r="AI17" s="68">
        <v>1</v>
      </c>
      <c r="AJ17" s="69">
        <v>2</v>
      </c>
      <c r="AK17" s="70">
        <v>3</v>
      </c>
      <c r="AL17" s="159"/>
      <c r="AM17" s="69">
        <v>1</v>
      </c>
      <c r="AN17" s="69">
        <v>7</v>
      </c>
      <c r="AO17" s="69">
        <v>6</v>
      </c>
      <c r="AP17" s="69">
        <v>4</v>
      </c>
      <c r="AQ17" s="69">
        <v>3</v>
      </c>
      <c r="AR17" s="70">
        <v>21</v>
      </c>
      <c r="AS17" s="71">
        <v>24</v>
      </c>
      <c r="AT17" s="68">
        <v>9</v>
      </c>
      <c r="AU17" s="69">
        <v>8</v>
      </c>
      <c r="AV17" s="70">
        <v>17</v>
      </c>
      <c r="AW17" s="159"/>
      <c r="AX17" s="69">
        <v>14</v>
      </c>
      <c r="AY17" s="69">
        <v>7</v>
      </c>
      <c r="AZ17" s="69">
        <v>13</v>
      </c>
      <c r="BA17" s="69">
        <v>4</v>
      </c>
      <c r="BB17" s="69">
        <v>3</v>
      </c>
      <c r="BC17" s="70">
        <v>41</v>
      </c>
      <c r="BD17" s="71">
        <v>58</v>
      </c>
      <c r="BE17" s="68">
        <v>19</v>
      </c>
      <c r="BF17" s="69">
        <v>14</v>
      </c>
      <c r="BG17" s="70">
        <v>33</v>
      </c>
      <c r="BH17" s="159"/>
      <c r="BI17" s="69">
        <v>9</v>
      </c>
      <c r="BJ17" s="69">
        <v>21</v>
      </c>
      <c r="BK17" s="69">
        <v>10</v>
      </c>
      <c r="BL17" s="69">
        <v>8</v>
      </c>
      <c r="BM17" s="69">
        <v>6</v>
      </c>
      <c r="BN17" s="70">
        <v>54</v>
      </c>
      <c r="BO17" s="71">
        <v>87</v>
      </c>
      <c r="BP17" s="68">
        <v>5</v>
      </c>
      <c r="BQ17" s="69">
        <v>15</v>
      </c>
      <c r="BR17" s="70">
        <v>20</v>
      </c>
      <c r="BS17" s="159"/>
      <c r="BT17" s="69">
        <v>15</v>
      </c>
      <c r="BU17" s="69">
        <v>22</v>
      </c>
      <c r="BV17" s="69">
        <v>19</v>
      </c>
      <c r="BW17" s="69">
        <v>8</v>
      </c>
      <c r="BX17" s="69">
        <v>7</v>
      </c>
      <c r="BY17" s="70">
        <v>71</v>
      </c>
      <c r="BZ17" s="71">
        <v>91</v>
      </c>
      <c r="CA17" s="68">
        <v>0</v>
      </c>
      <c r="CB17" s="69">
        <v>0</v>
      </c>
      <c r="CC17" s="70">
        <v>0</v>
      </c>
      <c r="CD17" s="159"/>
      <c r="CE17" s="69">
        <v>0</v>
      </c>
      <c r="CF17" s="69">
        <v>0</v>
      </c>
      <c r="CG17" s="69">
        <v>0</v>
      </c>
      <c r="CH17" s="69">
        <v>0</v>
      </c>
      <c r="CI17" s="69">
        <v>0</v>
      </c>
      <c r="CJ17" s="70">
        <v>0</v>
      </c>
      <c r="CK17" s="71">
        <v>0</v>
      </c>
      <c r="CL17" s="68">
        <v>37</v>
      </c>
      <c r="CM17" s="69">
        <v>40</v>
      </c>
      <c r="CN17" s="70">
        <v>77</v>
      </c>
      <c r="CO17" s="159"/>
      <c r="CP17" s="69">
        <v>45</v>
      </c>
      <c r="CQ17" s="69">
        <v>59</v>
      </c>
      <c r="CR17" s="69">
        <v>49</v>
      </c>
      <c r="CS17" s="69">
        <v>26</v>
      </c>
      <c r="CT17" s="69">
        <v>21</v>
      </c>
      <c r="CU17" s="70">
        <v>200</v>
      </c>
      <c r="CV17" s="71">
        <v>277</v>
      </c>
      <c r="CW17" s="108">
        <v>11</v>
      </c>
      <c r="CX17" s="80">
        <v>20</v>
      </c>
      <c r="CY17" s="81">
        <v>31</v>
      </c>
      <c r="CZ17" s="159"/>
      <c r="DA17" s="80">
        <v>24</v>
      </c>
      <c r="DB17" s="80">
        <v>20</v>
      </c>
      <c r="DC17" s="80">
        <v>11</v>
      </c>
      <c r="DD17" s="80">
        <v>14</v>
      </c>
      <c r="DE17" s="80">
        <v>12</v>
      </c>
      <c r="DF17" s="82">
        <v>81</v>
      </c>
      <c r="DG17" s="83">
        <v>112</v>
      </c>
      <c r="DH17" s="68">
        <v>0</v>
      </c>
      <c r="DI17" s="69">
        <v>0</v>
      </c>
      <c r="DJ17" s="70">
        <v>0</v>
      </c>
      <c r="DK17" s="159"/>
      <c r="DL17" s="69">
        <v>0</v>
      </c>
      <c r="DM17" s="69">
        <v>0</v>
      </c>
      <c r="DN17" s="69">
        <v>0</v>
      </c>
      <c r="DO17" s="69">
        <v>0</v>
      </c>
      <c r="DP17" s="69">
        <v>0</v>
      </c>
      <c r="DQ17" s="70">
        <v>0</v>
      </c>
      <c r="DR17" s="71">
        <v>0</v>
      </c>
      <c r="DS17" s="68">
        <v>2</v>
      </c>
      <c r="DT17" s="69">
        <v>1</v>
      </c>
      <c r="DU17" s="70">
        <v>3</v>
      </c>
      <c r="DV17" s="159"/>
      <c r="DW17" s="69">
        <v>3</v>
      </c>
      <c r="DX17" s="69">
        <v>0</v>
      </c>
      <c r="DY17" s="69">
        <v>2</v>
      </c>
      <c r="DZ17" s="69">
        <v>0</v>
      </c>
      <c r="EA17" s="69">
        <v>1</v>
      </c>
      <c r="EB17" s="70">
        <v>6</v>
      </c>
      <c r="EC17" s="71">
        <v>9</v>
      </c>
      <c r="ED17" s="68">
        <v>1</v>
      </c>
      <c r="EE17" s="69">
        <v>1</v>
      </c>
      <c r="EF17" s="70">
        <v>2</v>
      </c>
      <c r="EG17" s="159"/>
      <c r="EH17" s="69">
        <v>2</v>
      </c>
      <c r="EI17" s="69">
        <v>0</v>
      </c>
      <c r="EJ17" s="69">
        <v>2</v>
      </c>
      <c r="EK17" s="69">
        <v>2</v>
      </c>
      <c r="EL17" s="69">
        <v>0</v>
      </c>
      <c r="EM17" s="70">
        <v>6</v>
      </c>
      <c r="EN17" s="71">
        <v>8</v>
      </c>
      <c r="EO17" s="68">
        <v>3</v>
      </c>
      <c r="EP17" s="69">
        <v>4</v>
      </c>
      <c r="EQ17" s="70">
        <v>7</v>
      </c>
      <c r="ER17" s="159"/>
      <c r="ES17" s="69">
        <v>4</v>
      </c>
      <c r="ET17" s="69">
        <v>6</v>
      </c>
      <c r="EU17" s="69">
        <v>0</v>
      </c>
      <c r="EV17" s="69">
        <v>1</v>
      </c>
      <c r="EW17" s="69">
        <v>3</v>
      </c>
      <c r="EX17" s="70">
        <v>14</v>
      </c>
      <c r="EY17" s="71">
        <v>21</v>
      </c>
      <c r="EZ17" s="68">
        <v>3</v>
      </c>
      <c r="FA17" s="69">
        <v>7</v>
      </c>
      <c r="FB17" s="70">
        <v>10</v>
      </c>
      <c r="FC17" s="159"/>
      <c r="FD17" s="69">
        <v>9</v>
      </c>
      <c r="FE17" s="69">
        <v>6</v>
      </c>
      <c r="FF17" s="69">
        <v>4</v>
      </c>
      <c r="FG17" s="69">
        <v>3</v>
      </c>
      <c r="FH17" s="69">
        <v>1</v>
      </c>
      <c r="FI17" s="70">
        <v>23</v>
      </c>
      <c r="FJ17" s="71">
        <v>33</v>
      </c>
      <c r="FK17" s="68">
        <v>2</v>
      </c>
      <c r="FL17" s="69">
        <v>7</v>
      </c>
      <c r="FM17" s="70">
        <v>9</v>
      </c>
      <c r="FN17" s="159"/>
      <c r="FO17" s="69">
        <v>6</v>
      </c>
      <c r="FP17" s="69">
        <v>8</v>
      </c>
      <c r="FQ17" s="69">
        <v>3</v>
      </c>
      <c r="FR17" s="69">
        <v>8</v>
      </c>
      <c r="FS17" s="69">
        <v>7</v>
      </c>
      <c r="FT17" s="70">
        <v>32</v>
      </c>
      <c r="FU17" s="71">
        <v>41</v>
      </c>
      <c r="FV17" s="68">
        <v>0</v>
      </c>
      <c r="FW17" s="69">
        <v>0</v>
      </c>
      <c r="FX17" s="70">
        <v>0</v>
      </c>
      <c r="FY17" s="159"/>
      <c r="FZ17" s="69">
        <v>0</v>
      </c>
      <c r="GA17" s="69">
        <v>0</v>
      </c>
      <c r="GB17" s="69">
        <v>0</v>
      </c>
      <c r="GC17" s="69">
        <v>0</v>
      </c>
      <c r="GD17" s="69">
        <v>0</v>
      </c>
      <c r="GE17" s="70">
        <v>0</v>
      </c>
      <c r="GF17" s="71">
        <v>0</v>
      </c>
      <c r="GG17" s="68">
        <v>11</v>
      </c>
      <c r="GH17" s="69">
        <v>20</v>
      </c>
      <c r="GI17" s="70">
        <v>31</v>
      </c>
      <c r="GJ17" s="159"/>
      <c r="GK17" s="69">
        <v>24</v>
      </c>
      <c r="GL17" s="69">
        <v>20</v>
      </c>
      <c r="GM17" s="69">
        <v>11</v>
      </c>
      <c r="GN17" s="69">
        <v>14</v>
      </c>
      <c r="GO17" s="69">
        <v>12</v>
      </c>
      <c r="GP17" s="70">
        <v>81</v>
      </c>
      <c r="GQ17" s="71">
        <v>112</v>
      </c>
      <c r="GR17" s="108">
        <v>48</v>
      </c>
      <c r="GS17" s="80">
        <v>60</v>
      </c>
      <c r="GT17" s="81">
        <v>108</v>
      </c>
      <c r="GU17" s="159"/>
      <c r="GV17" s="80">
        <v>69</v>
      </c>
      <c r="GW17" s="80">
        <v>79</v>
      </c>
      <c r="GX17" s="80">
        <v>60</v>
      </c>
      <c r="GY17" s="80">
        <v>40</v>
      </c>
      <c r="GZ17" s="80">
        <v>33</v>
      </c>
      <c r="HA17" s="82">
        <v>281</v>
      </c>
      <c r="HB17" s="83">
        <v>389</v>
      </c>
      <c r="HC17" s="68">
        <v>1</v>
      </c>
      <c r="HD17" s="69">
        <v>0</v>
      </c>
      <c r="HE17" s="70">
        <v>1</v>
      </c>
      <c r="HF17" s="159"/>
      <c r="HG17" s="69">
        <v>3</v>
      </c>
      <c r="HH17" s="69">
        <v>2</v>
      </c>
      <c r="HI17" s="69">
        <v>0</v>
      </c>
      <c r="HJ17" s="69">
        <v>0</v>
      </c>
      <c r="HK17" s="69">
        <v>0</v>
      </c>
      <c r="HL17" s="70">
        <v>5</v>
      </c>
      <c r="HM17" s="71">
        <v>6</v>
      </c>
      <c r="HN17" s="68">
        <v>4</v>
      </c>
      <c r="HO17" s="69">
        <v>2</v>
      </c>
      <c r="HP17" s="70">
        <v>6</v>
      </c>
      <c r="HQ17" s="159"/>
      <c r="HR17" s="69">
        <v>6</v>
      </c>
      <c r="HS17" s="69">
        <v>0</v>
      </c>
      <c r="HT17" s="69">
        <v>3</v>
      </c>
      <c r="HU17" s="69">
        <v>2</v>
      </c>
      <c r="HV17" s="69">
        <v>3</v>
      </c>
      <c r="HW17" s="70">
        <v>14</v>
      </c>
      <c r="HX17" s="71">
        <v>20</v>
      </c>
      <c r="HY17" s="68">
        <v>2</v>
      </c>
      <c r="HZ17" s="69">
        <v>3</v>
      </c>
      <c r="IA17" s="70">
        <v>5</v>
      </c>
      <c r="IB17" s="159"/>
      <c r="IC17" s="69">
        <v>3</v>
      </c>
      <c r="ID17" s="69">
        <v>7</v>
      </c>
      <c r="IE17" s="69">
        <v>8</v>
      </c>
      <c r="IF17" s="69">
        <v>6</v>
      </c>
      <c r="IG17" s="69">
        <v>3</v>
      </c>
      <c r="IH17" s="70">
        <v>27</v>
      </c>
      <c r="II17" s="71">
        <v>32</v>
      </c>
      <c r="IJ17" s="68">
        <v>12</v>
      </c>
      <c r="IK17" s="69">
        <v>12</v>
      </c>
      <c r="IL17" s="70">
        <v>24</v>
      </c>
      <c r="IM17" s="159"/>
      <c r="IN17" s="69">
        <v>18</v>
      </c>
      <c r="IO17" s="69">
        <v>13</v>
      </c>
      <c r="IP17" s="69">
        <v>13</v>
      </c>
      <c r="IQ17" s="69">
        <v>5</v>
      </c>
      <c r="IR17" s="69">
        <v>6</v>
      </c>
      <c r="IS17" s="70">
        <v>55</v>
      </c>
      <c r="IT17" s="71">
        <v>79</v>
      </c>
      <c r="IU17" s="68">
        <v>22</v>
      </c>
      <c r="IV17" s="69">
        <v>21</v>
      </c>
      <c r="IW17" s="70">
        <v>43</v>
      </c>
      <c r="IX17" s="159"/>
      <c r="IY17" s="69">
        <v>18</v>
      </c>
      <c r="IZ17" s="69">
        <v>27</v>
      </c>
      <c r="JA17" s="69">
        <v>14</v>
      </c>
      <c r="JB17" s="69">
        <v>11</v>
      </c>
      <c r="JC17" s="69">
        <v>7</v>
      </c>
      <c r="JD17" s="70">
        <v>77</v>
      </c>
      <c r="JE17" s="71">
        <v>120</v>
      </c>
      <c r="JF17" s="68">
        <v>7</v>
      </c>
      <c r="JG17" s="69">
        <v>22</v>
      </c>
      <c r="JH17" s="70">
        <v>29</v>
      </c>
      <c r="JI17" s="159"/>
      <c r="JJ17" s="69">
        <v>21</v>
      </c>
      <c r="JK17" s="69">
        <v>30</v>
      </c>
      <c r="JL17" s="69">
        <v>22</v>
      </c>
      <c r="JM17" s="69">
        <v>16</v>
      </c>
      <c r="JN17" s="69">
        <v>14</v>
      </c>
      <c r="JO17" s="70">
        <v>103</v>
      </c>
      <c r="JP17" s="71">
        <v>132</v>
      </c>
      <c r="JQ17" s="68">
        <v>0</v>
      </c>
      <c r="JR17" s="69">
        <v>0</v>
      </c>
      <c r="JS17" s="70">
        <v>0</v>
      </c>
      <c r="JT17" s="159"/>
      <c r="JU17" s="69">
        <v>0</v>
      </c>
      <c r="JV17" s="69">
        <v>0</v>
      </c>
      <c r="JW17" s="69">
        <v>0</v>
      </c>
      <c r="JX17" s="69">
        <v>0</v>
      </c>
      <c r="JY17" s="69">
        <v>0</v>
      </c>
      <c r="JZ17" s="70">
        <v>0</v>
      </c>
      <c r="KA17" s="71">
        <v>0</v>
      </c>
      <c r="KB17" s="68">
        <v>48</v>
      </c>
      <c r="KC17" s="69">
        <v>60</v>
      </c>
      <c r="KD17" s="70">
        <v>108</v>
      </c>
      <c r="KE17" s="159"/>
      <c r="KF17" s="69">
        <v>69</v>
      </c>
      <c r="KG17" s="69">
        <v>79</v>
      </c>
      <c r="KH17" s="69">
        <v>60</v>
      </c>
      <c r="KI17" s="69">
        <v>40</v>
      </c>
      <c r="KJ17" s="69">
        <v>33</v>
      </c>
      <c r="KK17" s="70">
        <v>281</v>
      </c>
      <c r="KL17" s="71">
        <v>389</v>
      </c>
    </row>
    <row r="18" spans="1:298" ht="19.5" customHeight="1" x14ac:dyDescent="0.2">
      <c r="A18" s="111" t="s">
        <v>15</v>
      </c>
      <c r="B18" s="215">
        <v>5</v>
      </c>
      <c r="C18" s="80">
        <v>12</v>
      </c>
      <c r="D18" s="81">
        <v>17</v>
      </c>
      <c r="E18" s="159"/>
      <c r="F18" s="80">
        <v>13</v>
      </c>
      <c r="G18" s="80">
        <v>17</v>
      </c>
      <c r="H18" s="80">
        <v>9</v>
      </c>
      <c r="I18" s="80">
        <v>10</v>
      </c>
      <c r="J18" s="80">
        <v>5</v>
      </c>
      <c r="K18" s="82">
        <v>54</v>
      </c>
      <c r="L18" s="83">
        <v>71</v>
      </c>
      <c r="M18" s="68">
        <v>1</v>
      </c>
      <c r="N18" s="69">
        <v>3</v>
      </c>
      <c r="O18" s="70">
        <v>4</v>
      </c>
      <c r="P18" s="159"/>
      <c r="Q18" s="69">
        <v>1</v>
      </c>
      <c r="R18" s="69">
        <v>1</v>
      </c>
      <c r="S18" s="69">
        <v>1</v>
      </c>
      <c r="T18" s="69">
        <v>2</v>
      </c>
      <c r="U18" s="69">
        <v>0</v>
      </c>
      <c r="V18" s="70">
        <v>5</v>
      </c>
      <c r="W18" s="71">
        <v>9</v>
      </c>
      <c r="X18" s="68">
        <v>0</v>
      </c>
      <c r="Y18" s="69">
        <v>0</v>
      </c>
      <c r="Z18" s="70">
        <v>0</v>
      </c>
      <c r="AA18" s="159"/>
      <c r="AB18" s="69">
        <v>3</v>
      </c>
      <c r="AC18" s="69">
        <v>1</v>
      </c>
      <c r="AD18" s="69">
        <v>3</v>
      </c>
      <c r="AE18" s="69">
        <v>1</v>
      </c>
      <c r="AF18" s="69">
        <v>1</v>
      </c>
      <c r="AG18" s="70">
        <v>9</v>
      </c>
      <c r="AH18" s="71">
        <v>9</v>
      </c>
      <c r="AI18" s="68">
        <v>0</v>
      </c>
      <c r="AJ18" s="69">
        <v>1</v>
      </c>
      <c r="AK18" s="70">
        <v>1</v>
      </c>
      <c r="AL18" s="159"/>
      <c r="AM18" s="69">
        <v>1</v>
      </c>
      <c r="AN18" s="69">
        <v>2</v>
      </c>
      <c r="AO18" s="69">
        <v>0</v>
      </c>
      <c r="AP18" s="69">
        <v>3</v>
      </c>
      <c r="AQ18" s="69">
        <v>1</v>
      </c>
      <c r="AR18" s="70">
        <v>7</v>
      </c>
      <c r="AS18" s="71">
        <v>8</v>
      </c>
      <c r="AT18" s="68">
        <v>3</v>
      </c>
      <c r="AU18" s="69">
        <v>3</v>
      </c>
      <c r="AV18" s="70">
        <v>6</v>
      </c>
      <c r="AW18" s="159"/>
      <c r="AX18" s="69">
        <v>0</v>
      </c>
      <c r="AY18" s="69">
        <v>2</v>
      </c>
      <c r="AZ18" s="69">
        <v>4</v>
      </c>
      <c r="BA18" s="69">
        <v>0</v>
      </c>
      <c r="BB18" s="69">
        <v>0</v>
      </c>
      <c r="BC18" s="70">
        <v>6</v>
      </c>
      <c r="BD18" s="71">
        <v>12</v>
      </c>
      <c r="BE18" s="68">
        <v>0</v>
      </c>
      <c r="BF18" s="69">
        <v>3</v>
      </c>
      <c r="BG18" s="70">
        <v>3</v>
      </c>
      <c r="BH18" s="159"/>
      <c r="BI18" s="69">
        <v>3</v>
      </c>
      <c r="BJ18" s="69">
        <v>6</v>
      </c>
      <c r="BK18" s="69">
        <v>1</v>
      </c>
      <c r="BL18" s="69">
        <v>2</v>
      </c>
      <c r="BM18" s="69">
        <v>3</v>
      </c>
      <c r="BN18" s="70">
        <v>15</v>
      </c>
      <c r="BO18" s="71">
        <v>18</v>
      </c>
      <c r="BP18" s="68">
        <v>1</v>
      </c>
      <c r="BQ18" s="69">
        <v>2</v>
      </c>
      <c r="BR18" s="70">
        <v>3</v>
      </c>
      <c r="BS18" s="159"/>
      <c r="BT18" s="69">
        <v>5</v>
      </c>
      <c r="BU18" s="69">
        <v>5</v>
      </c>
      <c r="BV18" s="69">
        <v>0</v>
      </c>
      <c r="BW18" s="69">
        <v>2</v>
      </c>
      <c r="BX18" s="69">
        <v>0</v>
      </c>
      <c r="BY18" s="70">
        <v>12</v>
      </c>
      <c r="BZ18" s="71">
        <v>15</v>
      </c>
      <c r="CA18" s="68">
        <v>0</v>
      </c>
      <c r="CB18" s="69">
        <v>0</v>
      </c>
      <c r="CC18" s="70">
        <v>0</v>
      </c>
      <c r="CD18" s="159"/>
      <c r="CE18" s="69">
        <v>0</v>
      </c>
      <c r="CF18" s="69">
        <v>0</v>
      </c>
      <c r="CG18" s="69">
        <v>0</v>
      </c>
      <c r="CH18" s="69">
        <v>0</v>
      </c>
      <c r="CI18" s="69">
        <v>0</v>
      </c>
      <c r="CJ18" s="70">
        <v>0</v>
      </c>
      <c r="CK18" s="71">
        <v>0</v>
      </c>
      <c r="CL18" s="68">
        <v>5</v>
      </c>
      <c r="CM18" s="69">
        <v>12</v>
      </c>
      <c r="CN18" s="70">
        <v>17</v>
      </c>
      <c r="CO18" s="159"/>
      <c r="CP18" s="69">
        <v>13</v>
      </c>
      <c r="CQ18" s="69">
        <v>17</v>
      </c>
      <c r="CR18" s="69">
        <v>9</v>
      </c>
      <c r="CS18" s="69">
        <v>10</v>
      </c>
      <c r="CT18" s="69">
        <v>5</v>
      </c>
      <c r="CU18" s="70">
        <v>54</v>
      </c>
      <c r="CV18" s="71">
        <v>71</v>
      </c>
      <c r="CW18" s="108">
        <v>2</v>
      </c>
      <c r="CX18" s="80">
        <v>9</v>
      </c>
      <c r="CY18" s="81">
        <v>11</v>
      </c>
      <c r="CZ18" s="159"/>
      <c r="DA18" s="80">
        <v>12</v>
      </c>
      <c r="DB18" s="80">
        <v>5</v>
      </c>
      <c r="DC18" s="80">
        <v>6</v>
      </c>
      <c r="DD18" s="80">
        <v>4</v>
      </c>
      <c r="DE18" s="80">
        <v>3</v>
      </c>
      <c r="DF18" s="82">
        <v>30</v>
      </c>
      <c r="DG18" s="83">
        <v>41</v>
      </c>
      <c r="DH18" s="68">
        <v>0</v>
      </c>
      <c r="DI18" s="69">
        <v>0</v>
      </c>
      <c r="DJ18" s="70">
        <v>0</v>
      </c>
      <c r="DK18" s="159"/>
      <c r="DL18" s="69">
        <v>0</v>
      </c>
      <c r="DM18" s="69">
        <v>0</v>
      </c>
      <c r="DN18" s="69">
        <v>1</v>
      </c>
      <c r="DO18" s="69">
        <v>0</v>
      </c>
      <c r="DP18" s="69">
        <v>0</v>
      </c>
      <c r="DQ18" s="70">
        <v>1</v>
      </c>
      <c r="DR18" s="71">
        <v>1</v>
      </c>
      <c r="DS18" s="68">
        <v>0</v>
      </c>
      <c r="DT18" s="69">
        <v>0</v>
      </c>
      <c r="DU18" s="70">
        <v>0</v>
      </c>
      <c r="DV18" s="159"/>
      <c r="DW18" s="69">
        <v>2</v>
      </c>
      <c r="DX18" s="69">
        <v>1</v>
      </c>
      <c r="DY18" s="69">
        <v>0</v>
      </c>
      <c r="DZ18" s="69">
        <v>0</v>
      </c>
      <c r="EA18" s="69">
        <v>0</v>
      </c>
      <c r="EB18" s="70">
        <v>3</v>
      </c>
      <c r="EC18" s="71">
        <v>3</v>
      </c>
      <c r="ED18" s="68">
        <v>0</v>
      </c>
      <c r="EE18" s="69">
        <v>1</v>
      </c>
      <c r="EF18" s="70">
        <v>1</v>
      </c>
      <c r="EG18" s="159"/>
      <c r="EH18" s="69">
        <v>1</v>
      </c>
      <c r="EI18" s="69">
        <v>0</v>
      </c>
      <c r="EJ18" s="69">
        <v>1</v>
      </c>
      <c r="EK18" s="69">
        <v>1</v>
      </c>
      <c r="EL18" s="69">
        <v>1</v>
      </c>
      <c r="EM18" s="70">
        <v>4</v>
      </c>
      <c r="EN18" s="71">
        <v>5</v>
      </c>
      <c r="EO18" s="68">
        <v>0</v>
      </c>
      <c r="EP18" s="69">
        <v>5</v>
      </c>
      <c r="EQ18" s="70">
        <v>5</v>
      </c>
      <c r="ER18" s="159"/>
      <c r="ES18" s="69">
        <v>3</v>
      </c>
      <c r="ET18" s="69">
        <v>0</v>
      </c>
      <c r="EU18" s="69">
        <v>0</v>
      </c>
      <c r="EV18" s="69">
        <v>1</v>
      </c>
      <c r="EW18" s="69">
        <v>0</v>
      </c>
      <c r="EX18" s="70">
        <v>4</v>
      </c>
      <c r="EY18" s="71">
        <v>9</v>
      </c>
      <c r="EZ18" s="68">
        <v>0</v>
      </c>
      <c r="FA18" s="69">
        <v>1</v>
      </c>
      <c r="FB18" s="70">
        <v>1</v>
      </c>
      <c r="FC18" s="159"/>
      <c r="FD18" s="69">
        <v>5</v>
      </c>
      <c r="FE18" s="69">
        <v>1</v>
      </c>
      <c r="FF18" s="69">
        <v>0</v>
      </c>
      <c r="FG18" s="69">
        <v>0</v>
      </c>
      <c r="FH18" s="69">
        <v>0</v>
      </c>
      <c r="FI18" s="70">
        <v>6</v>
      </c>
      <c r="FJ18" s="71">
        <v>7</v>
      </c>
      <c r="FK18" s="68">
        <v>2</v>
      </c>
      <c r="FL18" s="69">
        <v>2</v>
      </c>
      <c r="FM18" s="70">
        <v>4</v>
      </c>
      <c r="FN18" s="159"/>
      <c r="FO18" s="69">
        <v>1</v>
      </c>
      <c r="FP18" s="69">
        <v>3</v>
      </c>
      <c r="FQ18" s="69">
        <v>4</v>
      </c>
      <c r="FR18" s="69">
        <v>2</v>
      </c>
      <c r="FS18" s="69">
        <v>2</v>
      </c>
      <c r="FT18" s="70">
        <v>12</v>
      </c>
      <c r="FU18" s="71">
        <v>16</v>
      </c>
      <c r="FV18" s="68">
        <v>0</v>
      </c>
      <c r="FW18" s="69">
        <v>0</v>
      </c>
      <c r="FX18" s="70">
        <v>0</v>
      </c>
      <c r="FY18" s="159"/>
      <c r="FZ18" s="69">
        <v>0</v>
      </c>
      <c r="GA18" s="69">
        <v>0</v>
      </c>
      <c r="GB18" s="69">
        <v>0</v>
      </c>
      <c r="GC18" s="69">
        <v>0</v>
      </c>
      <c r="GD18" s="69">
        <v>0</v>
      </c>
      <c r="GE18" s="70">
        <v>0</v>
      </c>
      <c r="GF18" s="71">
        <v>0</v>
      </c>
      <c r="GG18" s="68">
        <v>2</v>
      </c>
      <c r="GH18" s="69">
        <v>9</v>
      </c>
      <c r="GI18" s="70">
        <v>11</v>
      </c>
      <c r="GJ18" s="159"/>
      <c r="GK18" s="69">
        <v>12</v>
      </c>
      <c r="GL18" s="69">
        <v>5</v>
      </c>
      <c r="GM18" s="69">
        <v>6</v>
      </c>
      <c r="GN18" s="69">
        <v>4</v>
      </c>
      <c r="GO18" s="69">
        <v>3</v>
      </c>
      <c r="GP18" s="70">
        <v>30</v>
      </c>
      <c r="GQ18" s="71">
        <v>41</v>
      </c>
      <c r="GR18" s="108">
        <v>7</v>
      </c>
      <c r="GS18" s="80">
        <v>21</v>
      </c>
      <c r="GT18" s="81">
        <v>28</v>
      </c>
      <c r="GU18" s="159"/>
      <c r="GV18" s="80">
        <v>25</v>
      </c>
      <c r="GW18" s="80">
        <v>22</v>
      </c>
      <c r="GX18" s="80">
        <v>15</v>
      </c>
      <c r="GY18" s="80">
        <v>14</v>
      </c>
      <c r="GZ18" s="80">
        <v>8</v>
      </c>
      <c r="HA18" s="82">
        <v>84</v>
      </c>
      <c r="HB18" s="83">
        <v>112</v>
      </c>
      <c r="HC18" s="68">
        <v>1</v>
      </c>
      <c r="HD18" s="69">
        <v>3</v>
      </c>
      <c r="HE18" s="70">
        <v>4</v>
      </c>
      <c r="HF18" s="159"/>
      <c r="HG18" s="69">
        <v>1</v>
      </c>
      <c r="HH18" s="69">
        <v>1</v>
      </c>
      <c r="HI18" s="69">
        <v>2</v>
      </c>
      <c r="HJ18" s="69">
        <v>2</v>
      </c>
      <c r="HK18" s="69">
        <v>0</v>
      </c>
      <c r="HL18" s="70">
        <v>6</v>
      </c>
      <c r="HM18" s="71">
        <v>10</v>
      </c>
      <c r="HN18" s="68">
        <v>0</v>
      </c>
      <c r="HO18" s="69">
        <v>0</v>
      </c>
      <c r="HP18" s="70">
        <v>0</v>
      </c>
      <c r="HQ18" s="159"/>
      <c r="HR18" s="69">
        <v>5</v>
      </c>
      <c r="HS18" s="69">
        <v>2</v>
      </c>
      <c r="HT18" s="69">
        <v>3</v>
      </c>
      <c r="HU18" s="69">
        <v>1</v>
      </c>
      <c r="HV18" s="69">
        <v>1</v>
      </c>
      <c r="HW18" s="70">
        <v>12</v>
      </c>
      <c r="HX18" s="71">
        <v>12</v>
      </c>
      <c r="HY18" s="68">
        <v>0</v>
      </c>
      <c r="HZ18" s="69">
        <v>2</v>
      </c>
      <c r="IA18" s="70">
        <v>2</v>
      </c>
      <c r="IB18" s="159"/>
      <c r="IC18" s="69">
        <v>2</v>
      </c>
      <c r="ID18" s="69">
        <v>2</v>
      </c>
      <c r="IE18" s="69">
        <v>1</v>
      </c>
      <c r="IF18" s="69">
        <v>4</v>
      </c>
      <c r="IG18" s="69">
        <v>2</v>
      </c>
      <c r="IH18" s="70">
        <v>11</v>
      </c>
      <c r="II18" s="71">
        <v>13</v>
      </c>
      <c r="IJ18" s="68">
        <v>3</v>
      </c>
      <c r="IK18" s="69">
        <v>8</v>
      </c>
      <c r="IL18" s="70">
        <v>11</v>
      </c>
      <c r="IM18" s="159"/>
      <c r="IN18" s="69">
        <v>3</v>
      </c>
      <c r="IO18" s="69">
        <v>2</v>
      </c>
      <c r="IP18" s="69">
        <v>4</v>
      </c>
      <c r="IQ18" s="69">
        <v>1</v>
      </c>
      <c r="IR18" s="69">
        <v>0</v>
      </c>
      <c r="IS18" s="70">
        <v>10</v>
      </c>
      <c r="IT18" s="71">
        <v>21</v>
      </c>
      <c r="IU18" s="68">
        <v>0</v>
      </c>
      <c r="IV18" s="69">
        <v>4</v>
      </c>
      <c r="IW18" s="70">
        <v>4</v>
      </c>
      <c r="IX18" s="159"/>
      <c r="IY18" s="69">
        <v>8</v>
      </c>
      <c r="IZ18" s="69">
        <v>7</v>
      </c>
      <c r="JA18" s="69">
        <v>1</v>
      </c>
      <c r="JB18" s="69">
        <v>2</v>
      </c>
      <c r="JC18" s="69">
        <v>3</v>
      </c>
      <c r="JD18" s="70">
        <v>21</v>
      </c>
      <c r="JE18" s="71">
        <v>25</v>
      </c>
      <c r="JF18" s="68">
        <v>3</v>
      </c>
      <c r="JG18" s="69">
        <v>4</v>
      </c>
      <c r="JH18" s="70">
        <v>7</v>
      </c>
      <c r="JI18" s="159"/>
      <c r="JJ18" s="69">
        <v>6</v>
      </c>
      <c r="JK18" s="69">
        <v>8</v>
      </c>
      <c r="JL18" s="69">
        <v>4</v>
      </c>
      <c r="JM18" s="69">
        <v>4</v>
      </c>
      <c r="JN18" s="69">
        <v>2</v>
      </c>
      <c r="JO18" s="70">
        <v>24</v>
      </c>
      <c r="JP18" s="71">
        <v>31</v>
      </c>
      <c r="JQ18" s="68">
        <v>0</v>
      </c>
      <c r="JR18" s="69">
        <v>0</v>
      </c>
      <c r="JS18" s="70">
        <v>0</v>
      </c>
      <c r="JT18" s="159"/>
      <c r="JU18" s="69">
        <v>0</v>
      </c>
      <c r="JV18" s="69">
        <v>0</v>
      </c>
      <c r="JW18" s="69">
        <v>0</v>
      </c>
      <c r="JX18" s="69">
        <v>0</v>
      </c>
      <c r="JY18" s="69">
        <v>0</v>
      </c>
      <c r="JZ18" s="70">
        <v>0</v>
      </c>
      <c r="KA18" s="71">
        <v>0</v>
      </c>
      <c r="KB18" s="68">
        <v>7</v>
      </c>
      <c r="KC18" s="69">
        <v>21</v>
      </c>
      <c r="KD18" s="70">
        <v>28</v>
      </c>
      <c r="KE18" s="159"/>
      <c r="KF18" s="69">
        <v>25</v>
      </c>
      <c r="KG18" s="69">
        <v>22</v>
      </c>
      <c r="KH18" s="69">
        <v>15</v>
      </c>
      <c r="KI18" s="69">
        <v>14</v>
      </c>
      <c r="KJ18" s="69">
        <v>8</v>
      </c>
      <c r="KK18" s="70">
        <v>84</v>
      </c>
      <c r="KL18" s="71">
        <v>112</v>
      </c>
    </row>
    <row r="19" spans="1:298" ht="19.5" customHeight="1" x14ac:dyDescent="0.2">
      <c r="A19" s="111" t="s">
        <v>16</v>
      </c>
      <c r="B19" s="215">
        <v>26</v>
      </c>
      <c r="C19" s="80">
        <v>32</v>
      </c>
      <c r="D19" s="81">
        <v>58</v>
      </c>
      <c r="E19" s="159"/>
      <c r="F19" s="80">
        <v>54</v>
      </c>
      <c r="G19" s="80">
        <v>58</v>
      </c>
      <c r="H19" s="80">
        <v>37</v>
      </c>
      <c r="I19" s="80">
        <v>27</v>
      </c>
      <c r="J19" s="80">
        <v>14</v>
      </c>
      <c r="K19" s="82">
        <v>190</v>
      </c>
      <c r="L19" s="83">
        <v>248</v>
      </c>
      <c r="M19" s="68">
        <v>0</v>
      </c>
      <c r="N19" s="69">
        <v>1</v>
      </c>
      <c r="O19" s="70">
        <v>1</v>
      </c>
      <c r="P19" s="159"/>
      <c r="Q19" s="69">
        <v>1</v>
      </c>
      <c r="R19" s="69">
        <v>2</v>
      </c>
      <c r="S19" s="69">
        <v>1</v>
      </c>
      <c r="T19" s="69">
        <v>1</v>
      </c>
      <c r="U19" s="69">
        <v>1</v>
      </c>
      <c r="V19" s="70">
        <v>6</v>
      </c>
      <c r="W19" s="71">
        <v>7</v>
      </c>
      <c r="X19" s="68">
        <v>5</v>
      </c>
      <c r="Y19" s="69">
        <v>6</v>
      </c>
      <c r="Z19" s="70">
        <v>11</v>
      </c>
      <c r="AA19" s="159"/>
      <c r="AB19" s="69">
        <v>8</v>
      </c>
      <c r="AC19" s="69">
        <v>10</v>
      </c>
      <c r="AD19" s="69">
        <v>7</v>
      </c>
      <c r="AE19" s="69">
        <v>5</v>
      </c>
      <c r="AF19" s="69">
        <v>1</v>
      </c>
      <c r="AG19" s="70">
        <v>31</v>
      </c>
      <c r="AH19" s="71">
        <v>42</v>
      </c>
      <c r="AI19" s="68">
        <v>8</v>
      </c>
      <c r="AJ19" s="69">
        <v>5</v>
      </c>
      <c r="AK19" s="70">
        <v>13</v>
      </c>
      <c r="AL19" s="159"/>
      <c r="AM19" s="69">
        <v>9</v>
      </c>
      <c r="AN19" s="69">
        <v>4</v>
      </c>
      <c r="AO19" s="69">
        <v>6</v>
      </c>
      <c r="AP19" s="69">
        <v>3</v>
      </c>
      <c r="AQ19" s="69">
        <v>2</v>
      </c>
      <c r="AR19" s="70">
        <v>24</v>
      </c>
      <c r="AS19" s="71">
        <v>37</v>
      </c>
      <c r="AT19" s="68">
        <v>6</v>
      </c>
      <c r="AU19" s="69">
        <v>7</v>
      </c>
      <c r="AV19" s="70">
        <v>13</v>
      </c>
      <c r="AW19" s="159"/>
      <c r="AX19" s="69">
        <v>9</v>
      </c>
      <c r="AY19" s="69">
        <v>19</v>
      </c>
      <c r="AZ19" s="69">
        <v>5</v>
      </c>
      <c r="BA19" s="69">
        <v>4</v>
      </c>
      <c r="BB19" s="69">
        <v>5</v>
      </c>
      <c r="BC19" s="70">
        <v>42</v>
      </c>
      <c r="BD19" s="71">
        <v>55</v>
      </c>
      <c r="BE19" s="68">
        <v>4</v>
      </c>
      <c r="BF19" s="69">
        <v>10</v>
      </c>
      <c r="BG19" s="70">
        <v>14</v>
      </c>
      <c r="BH19" s="159"/>
      <c r="BI19" s="69">
        <v>10</v>
      </c>
      <c r="BJ19" s="69">
        <v>11</v>
      </c>
      <c r="BK19" s="69">
        <v>8</v>
      </c>
      <c r="BL19" s="69">
        <v>4</v>
      </c>
      <c r="BM19" s="69">
        <v>2</v>
      </c>
      <c r="BN19" s="70">
        <v>35</v>
      </c>
      <c r="BO19" s="71">
        <v>49</v>
      </c>
      <c r="BP19" s="68">
        <v>3</v>
      </c>
      <c r="BQ19" s="69">
        <v>3</v>
      </c>
      <c r="BR19" s="70">
        <v>6</v>
      </c>
      <c r="BS19" s="159"/>
      <c r="BT19" s="69">
        <v>17</v>
      </c>
      <c r="BU19" s="69">
        <v>12</v>
      </c>
      <c r="BV19" s="69">
        <v>10</v>
      </c>
      <c r="BW19" s="69">
        <v>10</v>
      </c>
      <c r="BX19" s="69">
        <v>3</v>
      </c>
      <c r="BY19" s="70">
        <v>52</v>
      </c>
      <c r="BZ19" s="71">
        <v>58</v>
      </c>
      <c r="CA19" s="68">
        <v>0</v>
      </c>
      <c r="CB19" s="69">
        <v>0</v>
      </c>
      <c r="CC19" s="70">
        <v>0</v>
      </c>
      <c r="CD19" s="159"/>
      <c r="CE19" s="69">
        <v>0</v>
      </c>
      <c r="CF19" s="69">
        <v>0</v>
      </c>
      <c r="CG19" s="69">
        <v>0</v>
      </c>
      <c r="CH19" s="69">
        <v>0</v>
      </c>
      <c r="CI19" s="69">
        <v>0</v>
      </c>
      <c r="CJ19" s="70">
        <v>0</v>
      </c>
      <c r="CK19" s="71">
        <v>0</v>
      </c>
      <c r="CL19" s="68">
        <v>26</v>
      </c>
      <c r="CM19" s="69">
        <v>32</v>
      </c>
      <c r="CN19" s="70">
        <v>58</v>
      </c>
      <c r="CO19" s="159"/>
      <c r="CP19" s="69">
        <v>54</v>
      </c>
      <c r="CQ19" s="69">
        <v>58</v>
      </c>
      <c r="CR19" s="69">
        <v>37</v>
      </c>
      <c r="CS19" s="69">
        <v>27</v>
      </c>
      <c r="CT19" s="69">
        <v>14</v>
      </c>
      <c r="CU19" s="70">
        <v>190</v>
      </c>
      <c r="CV19" s="71">
        <v>248</v>
      </c>
      <c r="CW19" s="108">
        <v>13</v>
      </c>
      <c r="CX19" s="80">
        <v>12</v>
      </c>
      <c r="CY19" s="81">
        <v>25</v>
      </c>
      <c r="CZ19" s="159"/>
      <c r="DA19" s="80">
        <v>21</v>
      </c>
      <c r="DB19" s="80">
        <v>26</v>
      </c>
      <c r="DC19" s="80">
        <v>13</v>
      </c>
      <c r="DD19" s="80">
        <v>10</v>
      </c>
      <c r="DE19" s="80">
        <v>8</v>
      </c>
      <c r="DF19" s="82">
        <v>78</v>
      </c>
      <c r="DG19" s="83">
        <v>103</v>
      </c>
      <c r="DH19" s="68">
        <v>0</v>
      </c>
      <c r="DI19" s="69">
        <v>0</v>
      </c>
      <c r="DJ19" s="70">
        <v>0</v>
      </c>
      <c r="DK19" s="159"/>
      <c r="DL19" s="69">
        <v>0</v>
      </c>
      <c r="DM19" s="69">
        <v>2</v>
      </c>
      <c r="DN19" s="69">
        <v>0</v>
      </c>
      <c r="DO19" s="69">
        <v>0</v>
      </c>
      <c r="DP19" s="69">
        <v>0</v>
      </c>
      <c r="DQ19" s="70">
        <v>2</v>
      </c>
      <c r="DR19" s="71">
        <v>2</v>
      </c>
      <c r="DS19" s="68">
        <v>2</v>
      </c>
      <c r="DT19" s="69">
        <v>2</v>
      </c>
      <c r="DU19" s="70">
        <v>4</v>
      </c>
      <c r="DV19" s="159"/>
      <c r="DW19" s="69">
        <v>2</v>
      </c>
      <c r="DX19" s="69">
        <v>3</v>
      </c>
      <c r="DY19" s="69">
        <v>0</v>
      </c>
      <c r="DZ19" s="69">
        <v>1</v>
      </c>
      <c r="EA19" s="69">
        <v>0</v>
      </c>
      <c r="EB19" s="70">
        <v>6</v>
      </c>
      <c r="EC19" s="71">
        <v>10</v>
      </c>
      <c r="ED19" s="68">
        <v>3</v>
      </c>
      <c r="EE19" s="69">
        <v>1</v>
      </c>
      <c r="EF19" s="70">
        <v>4</v>
      </c>
      <c r="EG19" s="159"/>
      <c r="EH19" s="69">
        <v>0</v>
      </c>
      <c r="EI19" s="69">
        <v>2</v>
      </c>
      <c r="EJ19" s="69">
        <v>0</v>
      </c>
      <c r="EK19" s="69">
        <v>2</v>
      </c>
      <c r="EL19" s="69">
        <v>0</v>
      </c>
      <c r="EM19" s="70">
        <v>4</v>
      </c>
      <c r="EN19" s="71">
        <v>8</v>
      </c>
      <c r="EO19" s="68">
        <v>5</v>
      </c>
      <c r="EP19" s="69">
        <v>1</v>
      </c>
      <c r="EQ19" s="70">
        <v>6</v>
      </c>
      <c r="ER19" s="159"/>
      <c r="ES19" s="69">
        <v>6</v>
      </c>
      <c r="ET19" s="69">
        <v>5</v>
      </c>
      <c r="EU19" s="69">
        <v>1</v>
      </c>
      <c r="EV19" s="69">
        <v>0</v>
      </c>
      <c r="EW19" s="69">
        <v>1</v>
      </c>
      <c r="EX19" s="70">
        <v>13</v>
      </c>
      <c r="EY19" s="71">
        <v>19</v>
      </c>
      <c r="EZ19" s="68">
        <v>2</v>
      </c>
      <c r="FA19" s="69">
        <v>6</v>
      </c>
      <c r="FB19" s="70">
        <v>8</v>
      </c>
      <c r="FC19" s="159"/>
      <c r="FD19" s="69">
        <v>7</v>
      </c>
      <c r="FE19" s="69">
        <v>8</v>
      </c>
      <c r="FF19" s="69">
        <v>3</v>
      </c>
      <c r="FG19" s="69">
        <v>1</v>
      </c>
      <c r="FH19" s="69">
        <v>3</v>
      </c>
      <c r="FI19" s="70">
        <v>22</v>
      </c>
      <c r="FJ19" s="71">
        <v>30</v>
      </c>
      <c r="FK19" s="68">
        <v>1</v>
      </c>
      <c r="FL19" s="69">
        <v>2</v>
      </c>
      <c r="FM19" s="70">
        <v>3</v>
      </c>
      <c r="FN19" s="159"/>
      <c r="FO19" s="69">
        <v>6</v>
      </c>
      <c r="FP19" s="69">
        <v>6</v>
      </c>
      <c r="FQ19" s="69">
        <v>9</v>
      </c>
      <c r="FR19" s="69">
        <v>6</v>
      </c>
      <c r="FS19" s="69">
        <v>4</v>
      </c>
      <c r="FT19" s="70">
        <v>31</v>
      </c>
      <c r="FU19" s="71">
        <v>34</v>
      </c>
      <c r="FV19" s="68">
        <v>0</v>
      </c>
      <c r="FW19" s="69">
        <v>0</v>
      </c>
      <c r="FX19" s="70">
        <v>0</v>
      </c>
      <c r="FY19" s="159"/>
      <c r="FZ19" s="69">
        <v>0</v>
      </c>
      <c r="GA19" s="69">
        <v>0</v>
      </c>
      <c r="GB19" s="69">
        <v>0</v>
      </c>
      <c r="GC19" s="69">
        <v>0</v>
      </c>
      <c r="GD19" s="69">
        <v>0</v>
      </c>
      <c r="GE19" s="70">
        <v>0</v>
      </c>
      <c r="GF19" s="71">
        <v>0</v>
      </c>
      <c r="GG19" s="68">
        <v>13</v>
      </c>
      <c r="GH19" s="69">
        <v>12</v>
      </c>
      <c r="GI19" s="70">
        <v>25</v>
      </c>
      <c r="GJ19" s="159"/>
      <c r="GK19" s="69">
        <v>21</v>
      </c>
      <c r="GL19" s="69">
        <v>26</v>
      </c>
      <c r="GM19" s="69">
        <v>13</v>
      </c>
      <c r="GN19" s="69">
        <v>10</v>
      </c>
      <c r="GO19" s="69">
        <v>8</v>
      </c>
      <c r="GP19" s="70">
        <v>78</v>
      </c>
      <c r="GQ19" s="71">
        <v>103</v>
      </c>
      <c r="GR19" s="108">
        <v>39</v>
      </c>
      <c r="GS19" s="80">
        <v>44</v>
      </c>
      <c r="GT19" s="81">
        <v>83</v>
      </c>
      <c r="GU19" s="159"/>
      <c r="GV19" s="80">
        <v>75</v>
      </c>
      <c r="GW19" s="80">
        <v>84</v>
      </c>
      <c r="GX19" s="80">
        <v>50</v>
      </c>
      <c r="GY19" s="80">
        <v>37</v>
      </c>
      <c r="GZ19" s="80">
        <v>22</v>
      </c>
      <c r="HA19" s="82">
        <v>268</v>
      </c>
      <c r="HB19" s="83">
        <v>351</v>
      </c>
      <c r="HC19" s="68">
        <v>0</v>
      </c>
      <c r="HD19" s="69">
        <v>1</v>
      </c>
      <c r="HE19" s="70">
        <v>1</v>
      </c>
      <c r="HF19" s="159"/>
      <c r="HG19" s="69">
        <v>1</v>
      </c>
      <c r="HH19" s="69">
        <v>4</v>
      </c>
      <c r="HI19" s="69">
        <v>1</v>
      </c>
      <c r="HJ19" s="69">
        <v>1</v>
      </c>
      <c r="HK19" s="69">
        <v>1</v>
      </c>
      <c r="HL19" s="70">
        <v>8</v>
      </c>
      <c r="HM19" s="71">
        <v>9</v>
      </c>
      <c r="HN19" s="68">
        <v>7</v>
      </c>
      <c r="HO19" s="69">
        <v>8</v>
      </c>
      <c r="HP19" s="70">
        <v>15</v>
      </c>
      <c r="HQ19" s="159"/>
      <c r="HR19" s="69">
        <v>10</v>
      </c>
      <c r="HS19" s="69">
        <v>13</v>
      </c>
      <c r="HT19" s="69">
        <v>7</v>
      </c>
      <c r="HU19" s="69">
        <v>6</v>
      </c>
      <c r="HV19" s="69">
        <v>1</v>
      </c>
      <c r="HW19" s="70">
        <v>37</v>
      </c>
      <c r="HX19" s="71">
        <v>52</v>
      </c>
      <c r="HY19" s="68">
        <v>11</v>
      </c>
      <c r="HZ19" s="69">
        <v>6</v>
      </c>
      <c r="IA19" s="70">
        <v>17</v>
      </c>
      <c r="IB19" s="159"/>
      <c r="IC19" s="69">
        <v>9</v>
      </c>
      <c r="ID19" s="69">
        <v>6</v>
      </c>
      <c r="IE19" s="69">
        <v>6</v>
      </c>
      <c r="IF19" s="69">
        <v>5</v>
      </c>
      <c r="IG19" s="69">
        <v>2</v>
      </c>
      <c r="IH19" s="70">
        <v>28</v>
      </c>
      <c r="II19" s="71">
        <v>45</v>
      </c>
      <c r="IJ19" s="68">
        <v>11</v>
      </c>
      <c r="IK19" s="69">
        <v>8</v>
      </c>
      <c r="IL19" s="70">
        <v>19</v>
      </c>
      <c r="IM19" s="159"/>
      <c r="IN19" s="69">
        <v>15</v>
      </c>
      <c r="IO19" s="69">
        <v>24</v>
      </c>
      <c r="IP19" s="69">
        <v>6</v>
      </c>
      <c r="IQ19" s="69">
        <v>4</v>
      </c>
      <c r="IR19" s="69">
        <v>6</v>
      </c>
      <c r="IS19" s="70">
        <v>55</v>
      </c>
      <c r="IT19" s="71">
        <v>74</v>
      </c>
      <c r="IU19" s="68">
        <v>6</v>
      </c>
      <c r="IV19" s="69">
        <v>16</v>
      </c>
      <c r="IW19" s="70">
        <v>22</v>
      </c>
      <c r="IX19" s="159"/>
      <c r="IY19" s="69">
        <v>17</v>
      </c>
      <c r="IZ19" s="69">
        <v>19</v>
      </c>
      <c r="JA19" s="69">
        <v>11</v>
      </c>
      <c r="JB19" s="69">
        <v>5</v>
      </c>
      <c r="JC19" s="69">
        <v>5</v>
      </c>
      <c r="JD19" s="70">
        <v>57</v>
      </c>
      <c r="JE19" s="71">
        <v>79</v>
      </c>
      <c r="JF19" s="68">
        <v>4</v>
      </c>
      <c r="JG19" s="69">
        <v>5</v>
      </c>
      <c r="JH19" s="70">
        <v>9</v>
      </c>
      <c r="JI19" s="159"/>
      <c r="JJ19" s="69">
        <v>23</v>
      </c>
      <c r="JK19" s="69">
        <v>18</v>
      </c>
      <c r="JL19" s="69">
        <v>19</v>
      </c>
      <c r="JM19" s="69">
        <v>16</v>
      </c>
      <c r="JN19" s="69">
        <v>7</v>
      </c>
      <c r="JO19" s="70">
        <v>83</v>
      </c>
      <c r="JP19" s="71">
        <v>92</v>
      </c>
      <c r="JQ19" s="68">
        <v>0</v>
      </c>
      <c r="JR19" s="69">
        <v>0</v>
      </c>
      <c r="JS19" s="70">
        <v>0</v>
      </c>
      <c r="JT19" s="159"/>
      <c r="JU19" s="69">
        <v>0</v>
      </c>
      <c r="JV19" s="69">
        <v>0</v>
      </c>
      <c r="JW19" s="69">
        <v>0</v>
      </c>
      <c r="JX19" s="69">
        <v>0</v>
      </c>
      <c r="JY19" s="69">
        <v>0</v>
      </c>
      <c r="JZ19" s="70">
        <v>0</v>
      </c>
      <c r="KA19" s="71">
        <v>0</v>
      </c>
      <c r="KB19" s="68">
        <v>39</v>
      </c>
      <c r="KC19" s="69">
        <v>44</v>
      </c>
      <c r="KD19" s="70">
        <v>83</v>
      </c>
      <c r="KE19" s="159"/>
      <c r="KF19" s="69">
        <v>75</v>
      </c>
      <c r="KG19" s="69">
        <v>84</v>
      </c>
      <c r="KH19" s="69">
        <v>50</v>
      </c>
      <c r="KI19" s="69">
        <v>37</v>
      </c>
      <c r="KJ19" s="69">
        <v>22</v>
      </c>
      <c r="KK19" s="70">
        <v>268</v>
      </c>
      <c r="KL19" s="71">
        <v>351</v>
      </c>
    </row>
    <row r="20" spans="1:298" ht="19.5" customHeight="1" x14ac:dyDescent="0.2">
      <c r="A20" s="111" t="s">
        <v>17</v>
      </c>
      <c r="B20" s="215">
        <v>39</v>
      </c>
      <c r="C20" s="80">
        <v>49</v>
      </c>
      <c r="D20" s="81">
        <v>88</v>
      </c>
      <c r="E20" s="159"/>
      <c r="F20" s="80">
        <v>65</v>
      </c>
      <c r="G20" s="80">
        <v>91</v>
      </c>
      <c r="H20" s="80">
        <v>56</v>
      </c>
      <c r="I20" s="80">
        <v>44</v>
      </c>
      <c r="J20" s="80">
        <v>15</v>
      </c>
      <c r="K20" s="82">
        <v>271</v>
      </c>
      <c r="L20" s="83">
        <v>359</v>
      </c>
      <c r="M20" s="68">
        <v>1</v>
      </c>
      <c r="N20" s="69">
        <v>2</v>
      </c>
      <c r="O20" s="70">
        <v>3</v>
      </c>
      <c r="P20" s="159"/>
      <c r="Q20" s="69">
        <v>5</v>
      </c>
      <c r="R20" s="69">
        <v>6</v>
      </c>
      <c r="S20" s="69">
        <v>3</v>
      </c>
      <c r="T20" s="69">
        <v>4</v>
      </c>
      <c r="U20" s="69">
        <v>0</v>
      </c>
      <c r="V20" s="70">
        <v>18</v>
      </c>
      <c r="W20" s="71">
        <v>21</v>
      </c>
      <c r="X20" s="68">
        <v>5</v>
      </c>
      <c r="Y20" s="69">
        <v>3</v>
      </c>
      <c r="Z20" s="70">
        <v>8</v>
      </c>
      <c r="AA20" s="159"/>
      <c r="AB20" s="69">
        <v>5</v>
      </c>
      <c r="AC20" s="69">
        <v>10</v>
      </c>
      <c r="AD20" s="69">
        <v>8</v>
      </c>
      <c r="AE20" s="69">
        <v>4</v>
      </c>
      <c r="AF20" s="69">
        <v>3</v>
      </c>
      <c r="AG20" s="70">
        <v>30</v>
      </c>
      <c r="AH20" s="71">
        <v>38</v>
      </c>
      <c r="AI20" s="68">
        <v>5</v>
      </c>
      <c r="AJ20" s="69">
        <v>3</v>
      </c>
      <c r="AK20" s="70">
        <v>8</v>
      </c>
      <c r="AL20" s="159"/>
      <c r="AM20" s="69">
        <v>12</v>
      </c>
      <c r="AN20" s="69">
        <v>15</v>
      </c>
      <c r="AO20" s="69">
        <v>8</v>
      </c>
      <c r="AP20" s="69">
        <v>7</v>
      </c>
      <c r="AQ20" s="69">
        <v>1</v>
      </c>
      <c r="AR20" s="70">
        <v>43</v>
      </c>
      <c r="AS20" s="71">
        <v>51</v>
      </c>
      <c r="AT20" s="68">
        <v>8</v>
      </c>
      <c r="AU20" s="69">
        <v>11</v>
      </c>
      <c r="AV20" s="70">
        <v>19</v>
      </c>
      <c r="AW20" s="159"/>
      <c r="AX20" s="69">
        <v>17</v>
      </c>
      <c r="AY20" s="69">
        <v>17</v>
      </c>
      <c r="AZ20" s="69">
        <v>17</v>
      </c>
      <c r="BA20" s="69">
        <v>12</v>
      </c>
      <c r="BB20" s="69">
        <v>3</v>
      </c>
      <c r="BC20" s="70">
        <v>66</v>
      </c>
      <c r="BD20" s="71">
        <v>85</v>
      </c>
      <c r="BE20" s="68">
        <v>9</v>
      </c>
      <c r="BF20" s="69">
        <v>15</v>
      </c>
      <c r="BG20" s="70">
        <v>24</v>
      </c>
      <c r="BH20" s="159"/>
      <c r="BI20" s="69">
        <v>13</v>
      </c>
      <c r="BJ20" s="69">
        <v>23</v>
      </c>
      <c r="BK20" s="69">
        <v>12</v>
      </c>
      <c r="BL20" s="69">
        <v>11</v>
      </c>
      <c r="BM20" s="69">
        <v>6</v>
      </c>
      <c r="BN20" s="70">
        <v>65</v>
      </c>
      <c r="BO20" s="71">
        <v>89</v>
      </c>
      <c r="BP20" s="68">
        <v>11</v>
      </c>
      <c r="BQ20" s="69">
        <v>15</v>
      </c>
      <c r="BR20" s="70">
        <v>26</v>
      </c>
      <c r="BS20" s="159"/>
      <c r="BT20" s="69">
        <v>13</v>
      </c>
      <c r="BU20" s="69">
        <v>20</v>
      </c>
      <c r="BV20" s="69">
        <v>8</v>
      </c>
      <c r="BW20" s="69">
        <v>6</v>
      </c>
      <c r="BX20" s="69">
        <v>2</v>
      </c>
      <c r="BY20" s="70">
        <v>49</v>
      </c>
      <c r="BZ20" s="71">
        <v>75</v>
      </c>
      <c r="CA20" s="68">
        <v>0</v>
      </c>
      <c r="CB20" s="69">
        <v>0</v>
      </c>
      <c r="CC20" s="70">
        <v>0</v>
      </c>
      <c r="CD20" s="159"/>
      <c r="CE20" s="69">
        <v>0</v>
      </c>
      <c r="CF20" s="69">
        <v>0</v>
      </c>
      <c r="CG20" s="69">
        <v>0</v>
      </c>
      <c r="CH20" s="69">
        <v>0</v>
      </c>
      <c r="CI20" s="69">
        <v>0</v>
      </c>
      <c r="CJ20" s="70">
        <v>0</v>
      </c>
      <c r="CK20" s="71">
        <v>0</v>
      </c>
      <c r="CL20" s="68">
        <v>39</v>
      </c>
      <c r="CM20" s="69">
        <v>49</v>
      </c>
      <c r="CN20" s="70">
        <v>88</v>
      </c>
      <c r="CO20" s="159"/>
      <c r="CP20" s="69">
        <v>65</v>
      </c>
      <c r="CQ20" s="69">
        <v>91</v>
      </c>
      <c r="CR20" s="69">
        <v>56</v>
      </c>
      <c r="CS20" s="69">
        <v>44</v>
      </c>
      <c r="CT20" s="69">
        <v>15</v>
      </c>
      <c r="CU20" s="70">
        <v>271</v>
      </c>
      <c r="CV20" s="71">
        <v>359</v>
      </c>
      <c r="CW20" s="108">
        <v>21</v>
      </c>
      <c r="CX20" s="80">
        <v>22</v>
      </c>
      <c r="CY20" s="81">
        <v>43</v>
      </c>
      <c r="CZ20" s="159"/>
      <c r="DA20" s="80">
        <v>32</v>
      </c>
      <c r="DB20" s="80">
        <v>31</v>
      </c>
      <c r="DC20" s="80">
        <v>33</v>
      </c>
      <c r="DD20" s="80">
        <v>25</v>
      </c>
      <c r="DE20" s="80">
        <v>16</v>
      </c>
      <c r="DF20" s="82">
        <v>137</v>
      </c>
      <c r="DG20" s="83">
        <v>180</v>
      </c>
      <c r="DH20" s="68">
        <v>1</v>
      </c>
      <c r="DI20" s="69">
        <v>0</v>
      </c>
      <c r="DJ20" s="70">
        <v>1</v>
      </c>
      <c r="DK20" s="159"/>
      <c r="DL20" s="69">
        <v>0</v>
      </c>
      <c r="DM20" s="69">
        <v>1</v>
      </c>
      <c r="DN20" s="69">
        <v>0</v>
      </c>
      <c r="DO20" s="69">
        <v>0</v>
      </c>
      <c r="DP20" s="69">
        <v>0</v>
      </c>
      <c r="DQ20" s="70">
        <v>1</v>
      </c>
      <c r="DR20" s="71">
        <v>2</v>
      </c>
      <c r="DS20" s="68">
        <v>2</v>
      </c>
      <c r="DT20" s="69">
        <v>3</v>
      </c>
      <c r="DU20" s="70">
        <v>5</v>
      </c>
      <c r="DV20" s="159"/>
      <c r="DW20" s="69">
        <v>1</v>
      </c>
      <c r="DX20" s="69">
        <v>2</v>
      </c>
      <c r="DY20" s="69">
        <v>3</v>
      </c>
      <c r="DZ20" s="69">
        <v>0</v>
      </c>
      <c r="EA20" s="69">
        <v>1</v>
      </c>
      <c r="EB20" s="70">
        <v>7</v>
      </c>
      <c r="EC20" s="71">
        <v>12</v>
      </c>
      <c r="ED20" s="68">
        <v>5</v>
      </c>
      <c r="EE20" s="69">
        <v>6</v>
      </c>
      <c r="EF20" s="70">
        <v>11</v>
      </c>
      <c r="EG20" s="159"/>
      <c r="EH20" s="69">
        <v>5</v>
      </c>
      <c r="EI20" s="69">
        <v>0</v>
      </c>
      <c r="EJ20" s="69">
        <v>3</v>
      </c>
      <c r="EK20" s="69">
        <v>2</v>
      </c>
      <c r="EL20" s="69">
        <v>0</v>
      </c>
      <c r="EM20" s="70">
        <v>10</v>
      </c>
      <c r="EN20" s="71">
        <v>21</v>
      </c>
      <c r="EO20" s="68">
        <v>3</v>
      </c>
      <c r="EP20" s="69">
        <v>8</v>
      </c>
      <c r="EQ20" s="70">
        <v>11</v>
      </c>
      <c r="ER20" s="159"/>
      <c r="ES20" s="69">
        <v>11</v>
      </c>
      <c r="ET20" s="69">
        <v>6</v>
      </c>
      <c r="EU20" s="69">
        <v>7</v>
      </c>
      <c r="EV20" s="69">
        <v>3</v>
      </c>
      <c r="EW20" s="69">
        <v>3</v>
      </c>
      <c r="EX20" s="70">
        <v>30</v>
      </c>
      <c r="EY20" s="71">
        <v>41</v>
      </c>
      <c r="EZ20" s="68">
        <v>8</v>
      </c>
      <c r="FA20" s="69">
        <v>4</v>
      </c>
      <c r="FB20" s="70">
        <v>12</v>
      </c>
      <c r="FC20" s="159"/>
      <c r="FD20" s="69">
        <v>7</v>
      </c>
      <c r="FE20" s="69">
        <v>6</v>
      </c>
      <c r="FF20" s="69">
        <v>10</v>
      </c>
      <c r="FG20" s="69">
        <v>5</v>
      </c>
      <c r="FH20" s="69">
        <v>4</v>
      </c>
      <c r="FI20" s="70">
        <v>32</v>
      </c>
      <c r="FJ20" s="71">
        <v>44</v>
      </c>
      <c r="FK20" s="68">
        <v>2</v>
      </c>
      <c r="FL20" s="69">
        <v>1</v>
      </c>
      <c r="FM20" s="70">
        <v>3</v>
      </c>
      <c r="FN20" s="159"/>
      <c r="FO20" s="69">
        <v>8</v>
      </c>
      <c r="FP20" s="69">
        <v>16</v>
      </c>
      <c r="FQ20" s="69">
        <v>10</v>
      </c>
      <c r="FR20" s="69">
        <v>15</v>
      </c>
      <c r="FS20" s="69">
        <v>8</v>
      </c>
      <c r="FT20" s="70">
        <v>57</v>
      </c>
      <c r="FU20" s="71">
        <v>60</v>
      </c>
      <c r="FV20" s="68">
        <v>0</v>
      </c>
      <c r="FW20" s="69">
        <v>0</v>
      </c>
      <c r="FX20" s="70">
        <v>0</v>
      </c>
      <c r="FY20" s="159"/>
      <c r="FZ20" s="69">
        <v>0</v>
      </c>
      <c r="GA20" s="69">
        <v>0</v>
      </c>
      <c r="GB20" s="69">
        <v>0</v>
      </c>
      <c r="GC20" s="69">
        <v>0</v>
      </c>
      <c r="GD20" s="69">
        <v>0</v>
      </c>
      <c r="GE20" s="70">
        <v>0</v>
      </c>
      <c r="GF20" s="71">
        <v>0</v>
      </c>
      <c r="GG20" s="68">
        <v>21</v>
      </c>
      <c r="GH20" s="69">
        <v>22</v>
      </c>
      <c r="GI20" s="70">
        <v>43</v>
      </c>
      <c r="GJ20" s="159"/>
      <c r="GK20" s="69">
        <v>32</v>
      </c>
      <c r="GL20" s="69">
        <v>31</v>
      </c>
      <c r="GM20" s="69">
        <v>33</v>
      </c>
      <c r="GN20" s="69">
        <v>25</v>
      </c>
      <c r="GO20" s="69">
        <v>16</v>
      </c>
      <c r="GP20" s="70">
        <v>137</v>
      </c>
      <c r="GQ20" s="71">
        <v>180</v>
      </c>
      <c r="GR20" s="108">
        <v>60</v>
      </c>
      <c r="GS20" s="80">
        <v>71</v>
      </c>
      <c r="GT20" s="81">
        <v>131</v>
      </c>
      <c r="GU20" s="159"/>
      <c r="GV20" s="80">
        <v>97</v>
      </c>
      <c r="GW20" s="80">
        <v>122</v>
      </c>
      <c r="GX20" s="80">
        <v>89</v>
      </c>
      <c r="GY20" s="80">
        <v>69</v>
      </c>
      <c r="GZ20" s="80">
        <v>31</v>
      </c>
      <c r="HA20" s="82">
        <v>408</v>
      </c>
      <c r="HB20" s="83">
        <v>539</v>
      </c>
      <c r="HC20" s="68">
        <v>2</v>
      </c>
      <c r="HD20" s="69">
        <v>2</v>
      </c>
      <c r="HE20" s="70">
        <v>4</v>
      </c>
      <c r="HF20" s="159"/>
      <c r="HG20" s="69">
        <v>5</v>
      </c>
      <c r="HH20" s="69">
        <v>7</v>
      </c>
      <c r="HI20" s="69">
        <v>3</v>
      </c>
      <c r="HJ20" s="69">
        <v>4</v>
      </c>
      <c r="HK20" s="69">
        <v>0</v>
      </c>
      <c r="HL20" s="70">
        <v>19</v>
      </c>
      <c r="HM20" s="71">
        <v>23</v>
      </c>
      <c r="HN20" s="68">
        <v>7</v>
      </c>
      <c r="HO20" s="69">
        <v>6</v>
      </c>
      <c r="HP20" s="70">
        <v>13</v>
      </c>
      <c r="HQ20" s="159"/>
      <c r="HR20" s="69">
        <v>6</v>
      </c>
      <c r="HS20" s="69">
        <v>12</v>
      </c>
      <c r="HT20" s="69">
        <v>11</v>
      </c>
      <c r="HU20" s="69">
        <v>4</v>
      </c>
      <c r="HV20" s="69">
        <v>4</v>
      </c>
      <c r="HW20" s="70">
        <v>37</v>
      </c>
      <c r="HX20" s="71">
        <v>50</v>
      </c>
      <c r="HY20" s="68">
        <v>10</v>
      </c>
      <c r="HZ20" s="69">
        <v>9</v>
      </c>
      <c r="IA20" s="70">
        <v>19</v>
      </c>
      <c r="IB20" s="159"/>
      <c r="IC20" s="69">
        <v>17</v>
      </c>
      <c r="ID20" s="69">
        <v>15</v>
      </c>
      <c r="IE20" s="69">
        <v>11</v>
      </c>
      <c r="IF20" s="69">
        <v>9</v>
      </c>
      <c r="IG20" s="69">
        <v>1</v>
      </c>
      <c r="IH20" s="70">
        <v>53</v>
      </c>
      <c r="II20" s="71">
        <v>72</v>
      </c>
      <c r="IJ20" s="68">
        <v>11</v>
      </c>
      <c r="IK20" s="69">
        <v>19</v>
      </c>
      <c r="IL20" s="70">
        <v>30</v>
      </c>
      <c r="IM20" s="159"/>
      <c r="IN20" s="69">
        <v>28</v>
      </c>
      <c r="IO20" s="69">
        <v>23</v>
      </c>
      <c r="IP20" s="69">
        <v>24</v>
      </c>
      <c r="IQ20" s="69">
        <v>15</v>
      </c>
      <c r="IR20" s="69">
        <v>6</v>
      </c>
      <c r="IS20" s="70">
        <v>96</v>
      </c>
      <c r="IT20" s="71">
        <v>126</v>
      </c>
      <c r="IU20" s="68">
        <v>17</v>
      </c>
      <c r="IV20" s="69">
        <v>19</v>
      </c>
      <c r="IW20" s="70">
        <v>36</v>
      </c>
      <c r="IX20" s="159"/>
      <c r="IY20" s="69">
        <v>20</v>
      </c>
      <c r="IZ20" s="69">
        <v>29</v>
      </c>
      <c r="JA20" s="69">
        <v>22</v>
      </c>
      <c r="JB20" s="69">
        <v>16</v>
      </c>
      <c r="JC20" s="69">
        <v>10</v>
      </c>
      <c r="JD20" s="70">
        <v>97</v>
      </c>
      <c r="JE20" s="71">
        <v>133</v>
      </c>
      <c r="JF20" s="68">
        <v>13</v>
      </c>
      <c r="JG20" s="69">
        <v>16</v>
      </c>
      <c r="JH20" s="70">
        <v>29</v>
      </c>
      <c r="JI20" s="159"/>
      <c r="JJ20" s="69">
        <v>21</v>
      </c>
      <c r="JK20" s="69">
        <v>36</v>
      </c>
      <c r="JL20" s="69">
        <v>18</v>
      </c>
      <c r="JM20" s="69">
        <v>21</v>
      </c>
      <c r="JN20" s="69">
        <v>10</v>
      </c>
      <c r="JO20" s="70">
        <v>106</v>
      </c>
      <c r="JP20" s="71">
        <v>135</v>
      </c>
      <c r="JQ20" s="68">
        <v>0</v>
      </c>
      <c r="JR20" s="69">
        <v>0</v>
      </c>
      <c r="JS20" s="70">
        <v>0</v>
      </c>
      <c r="JT20" s="159"/>
      <c r="JU20" s="69">
        <v>0</v>
      </c>
      <c r="JV20" s="69">
        <v>0</v>
      </c>
      <c r="JW20" s="69">
        <v>0</v>
      </c>
      <c r="JX20" s="69">
        <v>0</v>
      </c>
      <c r="JY20" s="69">
        <v>0</v>
      </c>
      <c r="JZ20" s="70">
        <v>0</v>
      </c>
      <c r="KA20" s="71">
        <v>0</v>
      </c>
      <c r="KB20" s="68">
        <v>60</v>
      </c>
      <c r="KC20" s="69">
        <v>71</v>
      </c>
      <c r="KD20" s="70">
        <v>131</v>
      </c>
      <c r="KE20" s="159"/>
      <c r="KF20" s="69">
        <v>97</v>
      </c>
      <c r="KG20" s="69">
        <v>122</v>
      </c>
      <c r="KH20" s="69">
        <v>89</v>
      </c>
      <c r="KI20" s="69">
        <v>69</v>
      </c>
      <c r="KJ20" s="69">
        <v>31</v>
      </c>
      <c r="KK20" s="70">
        <v>408</v>
      </c>
      <c r="KL20" s="71">
        <v>539</v>
      </c>
    </row>
    <row r="21" spans="1:298" ht="19.5" customHeight="1" x14ac:dyDescent="0.2">
      <c r="A21" s="111" t="s">
        <v>18</v>
      </c>
      <c r="B21" s="215">
        <v>51</v>
      </c>
      <c r="C21" s="80">
        <v>47</v>
      </c>
      <c r="D21" s="81">
        <v>98</v>
      </c>
      <c r="E21" s="159"/>
      <c r="F21" s="80">
        <v>109</v>
      </c>
      <c r="G21" s="80">
        <v>95</v>
      </c>
      <c r="H21" s="80">
        <v>39</v>
      </c>
      <c r="I21" s="80">
        <v>53</v>
      </c>
      <c r="J21" s="80">
        <v>25</v>
      </c>
      <c r="K21" s="82">
        <v>321</v>
      </c>
      <c r="L21" s="83">
        <v>419</v>
      </c>
      <c r="M21" s="68">
        <v>2</v>
      </c>
      <c r="N21" s="69">
        <v>3</v>
      </c>
      <c r="O21" s="70">
        <v>5</v>
      </c>
      <c r="P21" s="159"/>
      <c r="Q21" s="69">
        <v>5</v>
      </c>
      <c r="R21" s="69">
        <v>4</v>
      </c>
      <c r="S21" s="69">
        <v>5</v>
      </c>
      <c r="T21" s="69">
        <v>3</v>
      </c>
      <c r="U21" s="69">
        <v>1</v>
      </c>
      <c r="V21" s="70">
        <v>18</v>
      </c>
      <c r="W21" s="71">
        <v>23</v>
      </c>
      <c r="X21" s="68">
        <v>6</v>
      </c>
      <c r="Y21" s="69">
        <v>5</v>
      </c>
      <c r="Z21" s="70">
        <v>11</v>
      </c>
      <c r="AA21" s="159"/>
      <c r="AB21" s="69">
        <v>9</v>
      </c>
      <c r="AC21" s="69">
        <v>17</v>
      </c>
      <c r="AD21" s="69">
        <v>4</v>
      </c>
      <c r="AE21" s="69">
        <v>7</v>
      </c>
      <c r="AF21" s="69">
        <v>2</v>
      </c>
      <c r="AG21" s="70">
        <v>39</v>
      </c>
      <c r="AH21" s="71">
        <v>50</v>
      </c>
      <c r="AI21" s="68">
        <v>6</v>
      </c>
      <c r="AJ21" s="69">
        <v>1</v>
      </c>
      <c r="AK21" s="70">
        <v>7</v>
      </c>
      <c r="AL21" s="159"/>
      <c r="AM21" s="69">
        <v>16</v>
      </c>
      <c r="AN21" s="69">
        <v>12</v>
      </c>
      <c r="AO21" s="69">
        <v>7</v>
      </c>
      <c r="AP21" s="69">
        <v>7</v>
      </c>
      <c r="AQ21" s="69">
        <v>4</v>
      </c>
      <c r="AR21" s="70">
        <v>46</v>
      </c>
      <c r="AS21" s="71">
        <v>53</v>
      </c>
      <c r="AT21" s="68">
        <v>13</v>
      </c>
      <c r="AU21" s="69">
        <v>10</v>
      </c>
      <c r="AV21" s="70">
        <v>23</v>
      </c>
      <c r="AW21" s="159"/>
      <c r="AX21" s="69">
        <v>25</v>
      </c>
      <c r="AY21" s="69">
        <v>24</v>
      </c>
      <c r="AZ21" s="69">
        <v>7</v>
      </c>
      <c r="BA21" s="69">
        <v>13</v>
      </c>
      <c r="BB21" s="69">
        <v>4</v>
      </c>
      <c r="BC21" s="70">
        <v>73</v>
      </c>
      <c r="BD21" s="71">
        <v>96</v>
      </c>
      <c r="BE21" s="68">
        <v>11</v>
      </c>
      <c r="BF21" s="69">
        <v>13</v>
      </c>
      <c r="BG21" s="70">
        <v>24</v>
      </c>
      <c r="BH21" s="159"/>
      <c r="BI21" s="69">
        <v>29</v>
      </c>
      <c r="BJ21" s="69">
        <v>15</v>
      </c>
      <c r="BK21" s="69">
        <v>8</v>
      </c>
      <c r="BL21" s="69">
        <v>8</v>
      </c>
      <c r="BM21" s="69">
        <v>6</v>
      </c>
      <c r="BN21" s="70">
        <v>66</v>
      </c>
      <c r="BO21" s="71">
        <v>90</v>
      </c>
      <c r="BP21" s="68">
        <v>13</v>
      </c>
      <c r="BQ21" s="69">
        <v>15</v>
      </c>
      <c r="BR21" s="70">
        <v>28</v>
      </c>
      <c r="BS21" s="159"/>
      <c r="BT21" s="69">
        <v>25</v>
      </c>
      <c r="BU21" s="69">
        <v>23</v>
      </c>
      <c r="BV21" s="69">
        <v>8</v>
      </c>
      <c r="BW21" s="69">
        <v>15</v>
      </c>
      <c r="BX21" s="69">
        <v>8</v>
      </c>
      <c r="BY21" s="70">
        <v>79</v>
      </c>
      <c r="BZ21" s="71">
        <v>107</v>
      </c>
      <c r="CA21" s="68">
        <v>0</v>
      </c>
      <c r="CB21" s="69">
        <v>0</v>
      </c>
      <c r="CC21" s="70">
        <v>0</v>
      </c>
      <c r="CD21" s="159"/>
      <c r="CE21" s="69">
        <v>0</v>
      </c>
      <c r="CF21" s="69">
        <v>0</v>
      </c>
      <c r="CG21" s="69">
        <v>0</v>
      </c>
      <c r="CH21" s="69">
        <v>0</v>
      </c>
      <c r="CI21" s="69">
        <v>0</v>
      </c>
      <c r="CJ21" s="70">
        <v>0</v>
      </c>
      <c r="CK21" s="71">
        <v>0</v>
      </c>
      <c r="CL21" s="68">
        <v>51</v>
      </c>
      <c r="CM21" s="69">
        <v>47</v>
      </c>
      <c r="CN21" s="70">
        <v>98</v>
      </c>
      <c r="CO21" s="159"/>
      <c r="CP21" s="69">
        <v>109</v>
      </c>
      <c r="CQ21" s="69">
        <v>95</v>
      </c>
      <c r="CR21" s="69">
        <v>39</v>
      </c>
      <c r="CS21" s="69">
        <v>53</v>
      </c>
      <c r="CT21" s="69">
        <v>25</v>
      </c>
      <c r="CU21" s="70">
        <v>321</v>
      </c>
      <c r="CV21" s="71">
        <v>419</v>
      </c>
      <c r="CW21" s="108">
        <v>24</v>
      </c>
      <c r="CX21" s="80">
        <v>30</v>
      </c>
      <c r="CY21" s="81">
        <v>54</v>
      </c>
      <c r="CZ21" s="159"/>
      <c r="DA21" s="80">
        <v>35</v>
      </c>
      <c r="DB21" s="80">
        <v>50</v>
      </c>
      <c r="DC21" s="80">
        <v>31</v>
      </c>
      <c r="DD21" s="80">
        <v>26</v>
      </c>
      <c r="DE21" s="80">
        <v>21</v>
      </c>
      <c r="DF21" s="82">
        <v>163</v>
      </c>
      <c r="DG21" s="83">
        <v>217</v>
      </c>
      <c r="DH21" s="68">
        <v>0</v>
      </c>
      <c r="DI21" s="69">
        <v>2</v>
      </c>
      <c r="DJ21" s="70">
        <v>2</v>
      </c>
      <c r="DK21" s="159"/>
      <c r="DL21" s="69">
        <v>1</v>
      </c>
      <c r="DM21" s="69">
        <v>0</v>
      </c>
      <c r="DN21" s="69">
        <v>1</v>
      </c>
      <c r="DO21" s="69">
        <v>0</v>
      </c>
      <c r="DP21" s="69">
        <v>0</v>
      </c>
      <c r="DQ21" s="70">
        <v>2</v>
      </c>
      <c r="DR21" s="71">
        <v>4</v>
      </c>
      <c r="DS21" s="68">
        <v>4</v>
      </c>
      <c r="DT21" s="69">
        <v>5</v>
      </c>
      <c r="DU21" s="70">
        <v>9</v>
      </c>
      <c r="DV21" s="159"/>
      <c r="DW21" s="69">
        <v>2</v>
      </c>
      <c r="DX21" s="69">
        <v>2</v>
      </c>
      <c r="DY21" s="69">
        <v>2</v>
      </c>
      <c r="DZ21" s="69">
        <v>0</v>
      </c>
      <c r="EA21" s="69">
        <v>0</v>
      </c>
      <c r="EB21" s="70">
        <v>6</v>
      </c>
      <c r="EC21" s="71">
        <v>15</v>
      </c>
      <c r="ED21" s="68">
        <v>8</v>
      </c>
      <c r="EE21" s="69">
        <v>5</v>
      </c>
      <c r="EF21" s="70">
        <v>13</v>
      </c>
      <c r="EG21" s="159"/>
      <c r="EH21" s="69">
        <v>4</v>
      </c>
      <c r="EI21" s="69">
        <v>3</v>
      </c>
      <c r="EJ21" s="69">
        <v>2</v>
      </c>
      <c r="EK21" s="69">
        <v>2</v>
      </c>
      <c r="EL21" s="69">
        <v>1</v>
      </c>
      <c r="EM21" s="70">
        <v>12</v>
      </c>
      <c r="EN21" s="71">
        <v>25</v>
      </c>
      <c r="EO21" s="68">
        <v>7</v>
      </c>
      <c r="EP21" s="69">
        <v>5</v>
      </c>
      <c r="EQ21" s="70">
        <v>12</v>
      </c>
      <c r="ER21" s="159"/>
      <c r="ES21" s="69">
        <v>8</v>
      </c>
      <c r="ET21" s="69">
        <v>8</v>
      </c>
      <c r="EU21" s="69">
        <v>5</v>
      </c>
      <c r="EV21" s="69">
        <v>6</v>
      </c>
      <c r="EW21" s="69">
        <v>5</v>
      </c>
      <c r="EX21" s="70">
        <v>32</v>
      </c>
      <c r="EY21" s="71">
        <v>44</v>
      </c>
      <c r="EZ21" s="68">
        <v>3</v>
      </c>
      <c r="FA21" s="69">
        <v>9</v>
      </c>
      <c r="FB21" s="70">
        <v>12</v>
      </c>
      <c r="FC21" s="159"/>
      <c r="FD21" s="69">
        <v>12</v>
      </c>
      <c r="FE21" s="69">
        <v>20</v>
      </c>
      <c r="FF21" s="69">
        <v>4</v>
      </c>
      <c r="FG21" s="69">
        <v>6</v>
      </c>
      <c r="FH21" s="69">
        <v>4</v>
      </c>
      <c r="FI21" s="70">
        <v>46</v>
      </c>
      <c r="FJ21" s="71">
        <v>58</v>
      </c>
      <c r="FK21" s="68">
        <v>2</v>
      </c>
      <c r="FL21" s="69">
        <v>4</v>
      </c>
      <c r="FM21" s="70">
        <v>6</v>
      </c>
      <c r="FN21" s="159"/>
      <c r="FO21" s="69">
        <v>8</v>
      </c>
      <c r="FP21" s="69">
        <v>17</v>
      </c>
      <c r="FQ21" s="69">
        <v>17</v>
      </c>
      <c r="FR21" s="69">
        <v>12</v>
      </c>
      <c r="FS21" s="69">
        <v>11</v>
      </c>
      <c r="FT21" s="70">
        <v>65</v>
      </c>
      <c r="FU21" s="71">
        <v>71</v>
      </c>
      <c r="FV21" s="68">
        <v>0</v>
      </c>
      <c r="FW21" s="69">
        <v>0</v>
      </c>
      <c r="FX21" s="70">
        <v>0</v>
      </c>
      <c r="FY21" s="159"/>
      <c r="FZ21" s="69">
        <v>0</v>
      </c>
      <c r="GA21" s="69">
        <v>0</v>
      </c>
      <c r="GB21" s="69">
        <v>0</v>
      </c>
      <c r="GC21" s="69">
        <v>0</v>
      </c>
      <c r="GD21" s="69">
        <v>0</v>
      </c>
      <c r="GE21" s="70">
        <v>0</v>
      </c>
      <c r="GF21" s="71">
        <v>0</v>
      </c>
      <c r="GG21" s="68">
        <v>24</v>
      </c>
      <c r="GH21" s="69">
        <v>30</v>
      </c>
      <c r="GI21" s="70">
        <v>54</v>
      </c>
      <c r="GJ21" s="159"/>
      <c r="GK21" s="69">
        <v>35</v>
      </c>
      <c r="GL21" s="69">
        <v>50</v>
      </c>
      <c r="GM21" s="69">
        <v>31</v>
      </c>
      <c r="GN21" s="69">
        <v>26</v>
      </c>
      <c r="GO21" s="69">
        <v>21</v>
      </c>
      <c r="GP21" s="70">
        <v>163</v>
      </c>
      <c r="GQ21" s="71">
        <v>217</v>
      </c>
      <c r="GR21" s="108">
        <v>75</v>
      </c>
      <c r="GS21" s="80">
        <v>77</v>
      </c>
      <c r="GT21" s="81">
        <v>152</v>
      </c>
      <c r="GU21" s="159"/>
      <c r="GV21" s="80">
        <v>144</v>
      </c>
      <c r="GW21" s="80">
        <v>145</v>
      </c>
      <c r="GX21" s="80">
        <v>70</v>
      </c>
      <c r="GY21" s="80">
        <v>79</v>
      </c>
      <c r="GZ21" s="80">
        <v>46</v>
      </c>
      <c r="HA21" s="82">
        <v>484</v>
      </c>
      <c r="HB21" s="83">
        <v>636</v>
      </c>
      <c r="HC21" s="68">
        <v>2</v>
      </c>
      <c r="HD21" s="69">
        <v>5</v>
      </c>
      <c r="HE21" s="70">
        <v>7</v>
      </c>
      <c r="HF21" s="159"/>
      <c r="HG21" s="69">
        <v>6</v>
      </c>
      <c r="HH21" s="69">
        <v>4</v>
      </c>
      <c r="HI21" s="69">
        <v>6</v>
      </c>
      <c r="HJ21" s="69">
        <v>3</v>
      </c>
      <c r="HK21" s="69">
        <v>1</v>
      </c>
      <c r="HL21" s="70">
        <v>20</v>
      </c>
      <c r="HM21" s="71">
        <v>27</v>
      </c>
      <c r="HN21" s="68">
        <v>10</v>
      </c>
      <c r="HO21" s="69">
        <v>10</v>
      </c>
      <c r="HP21" s="70">
        <v>20</v>
      </c>
      <c r="HQ21" s="159"/>
      <c r="HR21" s="69">
        <v>11</v>
      </c>
      <c r="HS21" s="69">
        <v>19</v>
      </c>
      <c r="HT21" s="69">
        <v>6</v>
      </c>
      <c r="HU21" s="69">
        <v>7</v>
      </c>
      <c r="HV21" s="69">
        <v>2</v>
      </c>
      <c r="HW21" s="70">
        <v>45</v>
      </c>
      <c r="HX21" s="71">
        <v>65</v>
      </c>
      <c r="HY21" s="68">
        <v>14</v>
      </c>
      <c r="HZ21" s="69">
        <v>6</v>
      </c>
      <c r="IA21" s="70">
        <v>20</v>
      </c>
      <c r="IB21" s="159"/>
      <c r="IC21" s="69">
        <v>20</v>
      </c>
      <c r="ID21" s="69">
        <v>15</v>
      </c>
      <c r="IE21" s="69">
        <v>9</v>
      </c>
      <c r="IF21" s="69">
        <v>9</v>
      </c>
      <c r="IG21" s="69">
        <v>5</v>
      </c>
      <c r="IH21" s="70">
        <v>58</v>
      </c>
      <c r="II21" s="71">
        <v>78</v>
      </c>
      <c r="IJ21" s="68">
        <v>20</v>
      </c>
      <c r="IK21" s="69">
        <v>15</v>
      </c>
      <c r="IL21" s="70">
        <v>35</v>
      </c>
      <c r="IM21" s="159"/>
      <c r="IN21" s="69">
        <v>33</v>
      </c>
      <c r="IO21" s="69">
        <v>32</v>
      </c>
      <c r="IP21" s="69">
        <v>12</v>
      </c>
      <c r="IQ21" s="69">
        <v>19</v>
      </c>
      <c r="IR21" s="69">
        <v>9</v>
      </c>
      <c r="IS21" s="70">
        <v>105</v>
      </c>
      <c r="IT21" s="71">
        <v>140</v>
      </c>
      <c r="IU21" s="68">
        <v>14</v>
      </c>
      <c r="IV21" s="69">
        <v>22</v>
      </c>
      <c r="IW21" s="70">
        <v>36</v>
      </c>
      <c r="IX21" s="159"/>
      <c r="IY21" s="69">
        <v>41</v>
      </c>
      <c r="IZ21" s="69">
        <v>35</v>
      </c>
      <c r="JA21" s="69">
        <v>12</v>
      </c>
      <c r="JB21" s="69">
        <v>14</v>
      </c>
      <c r="JC21" s="69">
        <v>10</v>
      </c>
      <c r="JD21" s="70">
        <v>112</v>
      </c>
      <c r="JE21" s="71">
        <v>148</v>
      </c>
      <c r="JF21" s="68">
        <v>15</v>
      </c>
      <c r="JG21" s="69">
        <v>19</v>
      </c>
      <c r="JH21" s="70">
        <v>34</v>
      </c>
      <c r="JI21" s="159"/>
      <c r="JJ21" s="69">
        <v>33</v>
      </c>
      <c r="JK21" s="69">
        <v>40</v>
      </c>
      <c r="JL21" s="69">
        <v>25</v>
      </c>
      <c r="JM21" s="69">
        <v>27</v>
      </c>
      <c r="JN21" s="69">
        <v>19</v>
      </c>
      <c r="JO21" s="70">
        <v>144</v>
      </c>
      <c r="JP21" s="71">
        <v>178</v>
      </c>
      <c r="JQ21" s="68">
        <v>0</v>
      </c>
      <c r="JR21" s="69">
        <v>0</v>
      </c>
      <c r="JS21" s="70">
        <v>0</v>
      </c>
      <c r="JT21" s="159"/>
      <c r="JU21" s="69">
        <v>0</v>
      </c>
      <c r="JV21" s="69">
        <v>0</v>
      </c>
      <c r="JW21" s="69">
        <v>0</v>
      </c>
      <c r="JX21" s="69">
        <v>0</v>
      </c>
      <c r="JY21" s="69">
        <v>0</v>
      </c>
      <c r="JZ21" s="70">
        <v>0</v>
      </c>
      <c r="KA21" s="71">
        <v>0</v>
      </c>
      <c r="KB21" s="68">
        <v>75</v>
      </c>
      <c r="KC21" s="69">
        <v>77</v>
      </c>
      <c r="KD21" s="70">
        <v>152</v>
      </c>
      <c r="KE21" s="159"/>
      <c r="KF21" s="69">
        <v>144</v>
      </c>
      <c r="KG21" s="69">
        <v>145</v>
      </c>
      <c r="KH21" s="69">
        <v>70</v>
      </c>
      <c r="KI21" s="69">
        <v>79</v>
      </c>
      <c r="KJ21" s="69">
        <v>46</v>
      </c>
      <c r="KK21" s="70">
        <v>484</v>
      </c>
      <c r="KL21" s="71">
        <v>636</v>
      </c>
    </row>
    <row r="22" spans="1:298" ht="19.5" customHeight="1" x14ac:dyDescent="0.2">
      <c r="A22" s="111" t="s">
        <v>19</v>
      </c>
      <c r="B22" s="215">
        <v>23</v>
      </c>
      <c r="C22" s="80">
        <v>25</v>
      </c>
      <c r="D22" s="81">
        <v>48</v>
      </c>
      <c r="E22" s="159"/>
      <c r="F22" s="80">
        <v>43</v>
      </c>
      <c r="G22" s="80">
        <v>33</v>
      </c>
      <c r="H22" s="80">
        <v>28</v>
      </c>
      <c r="I22" s="80">
        <v>12</v>
      </c>
      <c r="J22" s="80">
        <v>15</v>
      </c>
      <c r="K22" s="82">
        <v>131</v>
      </c>
      <c r="L22" s="83">
        <v>179</v>
      </c>
      <c r="M22" s="84">
        <v>2</v>
      </c>
      <c r="N22" s="69">
        <v>0</v>
      </c>
      <c r="O22" s="70">
        <v>2</v>
      </c>
      <c r="P22" s="159"/>
      <c r="Q22" s="69">
        <v>1</v>
      </c>
      <c r="R22" s="69">
        <v>1</v>
      </c>
      <c r="S22" s="69">
        <v>0</v>
      </c>
      <c r="T22" s="69">
        <v>0</v>
      </c>
      <c r="U22" s="69">
        <v>2</v>
      </c>
      <c r="V22" s="70">
        <v>4</v>
      </c>
      <c r="W22" s="71">
        <v>6</v>
      </c>
      <c r="X22" s="68">
        <v>1</v>
      </c>
      <c r="Y22" s="69">
        <v>0</v>
      </c>
      <c r="Z22" s="70">
        <v>1</v>
      </c>
      <c r="AA22" s="159"/>
      <c r="AB22" s="69">
        <v>5</v>
      </c>
      <c r="AC22" s="69">
        <v>7</v>
      </c>
      <c r="AD22" s="69">
        <v>4</v>
      </c>
      <c r="AE22" s="69">
        <v>3</v>
      </c>
      <c r="AF22" s="69">
        <v>1</v>
      </c>
      <c r="AG22" s="70">
        <v>20</v>
      </c>
      <c r="AH22" s="71">
        <v>21</v>
      </c>
      <c r="AI22" s="84">
        <v>3</v>
      </c>
      <c r="AJ22" s="69">
        <v>1</v>
      </c>
      <c r="AK22" s="70">
        <v>4</v>
      </c>
      <c r="AL22" s="159"/>
      <c r="AM22" s="69">
        <v>5</v>
      </c>
      <c r="AN22" s="69">
        <v>2</v>
      </c>
      <c r="AO22" s="69">
        <v>0</v>
      </c>
      <c r="AP22" s="69">
        <v>2</v>
      </c>
      <c r="AQ22" s="69">
        <v>1</v>
      </c>
      <c r="AR22" s="70">
        <v>10</v>
      </c>
      <c r="AS22" s="71">
        <v>14</v>
      </c>
      <c r="AT22" s="68">
        <v>6</v>
      </c>
      <c r="AU22" s="69">
        <v>7</v>
      </c>
      <c r="AV22" s="70">
        <v>13</v>
      </c>
      <c r="AW22" s="159"/>
      <c r="AX22" s="69">
        <v>7</v>
      </c>
      <c r="AY22" s="69">
        <v>4</v>
      </c>
      <c r="AZ22" s="69">
        <v>5</v>
      </c>
      <c r="BA22" s="69">
        <v>3</v>
      </c>
      <c r="BB22" s="69">
        <v>1</v>
      </c>
      <c r="BC22" s="70">
        <v>20</v>
      </c>
      <c r="BD22" s="71">
        <v>33</v>
      </c>
      <c r="BE22" s="84">
        <v>10</v>
      </c>
      <c r="BF22" s="69">
        <v>6</v>
      </c>
      <c r="BG22" s="70">
        <v>16</v>
      </c>
      <c r="BH22" s="159"/>
      <c r="BI22" s="69">
        <v>11</v>
      </c>
      <c r="BJ22" s="69">
        <v>7</v>
      </c>
      <c r="BK22" s="69">
        <v>8</v>
      </c>
      <c r="BL22" s="69">
        <v>3</v>
      </c>
      <c r="BM22" s="69">
        <v>4</v>
      </c>
      <c r="BN22" s="70">
        <v>33</v>
      </c>
      <c r="BO22" s="71">
        <v>49</v>
      </c>
      <c r="BP22" s="68">
        <v>1</v>
      </c>
      <c r="BQ22" s="69">
        <v>11</v>
      </c>
      <c r="BR22" s="70">
        <v>12</v>
      </c>
      <c r="BS22" s="159"/>
      <c r="BT22" s="69">
        <v>14</v>
      </c>
      <c r="BU22" s="69">
        <v>12</v>
      </c>
      <c r="BV22" s="69">
        <v>11</v>
      </c>
      <c r="BW22" s="69">
        <v>1</v>
      </c>
      <c r="BX22" s="69">
        <v>6</v>
      </c>
      <c r="BY22" s="70">
        <v>44</v>
      </c>
      <c r="BZ22" s="71">
        <v>56</v>
      </c>
      <c r="CA22" s="68">
        <v>0</v>
      </c>
      <c r="CB22" s="69">
        <v>0</v>
      </c>
      <c r="CC22" s="70">
        <v>0</v>
      </c>
      <c r="CD22" s="159"/>
      <c r="CE22" s="69">
        <v>0</v>
      </c>
      <c r="CF22" s="69">
        <v>0</v>
      </c>
      <c r="CG22" s="69">
        <v>0</v>
      </c>
      <c r="CH22" s="69">
        <v>0</v>
      </c>
      <c r="CI22" s="69">
        <v>0</v>
      </c>
      <c r="CJ22" s="70">
        <v>0</v>
      </c>
      <c r="CK22" s="71">
        <v>0</v>
      </c>
      <c r="CL22" s="68">
        <v>23</v>
      </c>
      <c r="CM22" s="69">
        <v>25</v>
      </c>
      <c r="CN22" s="70">
        <v>48</v>
      </c>
      <c r="CO22" s="159"/>
      <c r="CP22" s="69">
        <v>43</v>
      </c>
      <c r="CQ22" s="69">
        <v>33</v>
      </c>
      <c r="CR22" s="69">
        <v>28</v>
      </c>
      <c r="CS22" s="69">
        <v>12</v>
      </c>
      <c r="CT22" s="69">
        <v>15</v>
      </c>
      <c r="CU22" s="70">
        <v>131</v>
      </c>
      <c r="CV22" s="71">
        <v>179</v>
      </c>
      <c r="CW22" s="108">
        <v>6</v>
      </c>
      <c r="CX22" s="80">
        <v>12</v>
      </c>
      <c r="CY22" s="81">
        <v>18</v>
      </c>
      <c r="CZ22" s="159"/>
      <c r="DA22" s="80">
        <v>19</v>
      </c>
      <c r="DB22" s="80">
        <v>10</v>
      </c>
      <c r="DC22" s="80">
        <v>8</v>
      </c>
      <c r="DD22" s="80">
        <v>9</v>
      </c>
      <c r="DE22" s="80">
        <v>2</v>
      </c>
      <c r="DF22" s="82">
        <v>48</v>
      </c>
      <c r="DG22" s="83">
        <v>66</v>
      </c>
      <c r="DH22" s="84">
        <v>0</v>
      </c>
      <c r="DI22" s="69">
        <v>1</v>
      </c>
      <c r="DJ22" s="70">
        <v>1</v>
      </c>
      <c r="DK22" s="159"/>
      <c r="DL22" s="69">
        <v>1</v>
      </c>
      <c r="DM22" s="69">
        <v>1</v>
      </c>
      <c r="DN22" s="69">
        <v>1</v>
      </c>
      <c r="DO22" s="69">
        <v>0</v>
      </c>
      <c r="DP22" s="69">
        <v>0</v>
      </c>
      <c r="DQ22" s="70">
        <v>3</v>
      </c>
      <c r="DR22" s="71">
        <v>4</v>
      </c>
      <c r="DS22" s="68">
        <v>0</v>
      </c>
      <c r="DT22" s="69">
        <v>0</v>
      </c>
      <c r="DU22" s="70">
        <v>0</v>
      </c>
      <c r="DV22" s="159"/>
      <c r="DW22" s="69">
        <v>2</v>
      </c>
      <c r="DX22" s="69">
        <v>1</v>
      </c>
      <c r="DY22" s="69">
        <v>0</v>
      </c>
      <c r="DZ22" s="69">
        <v>0</v>
      </c>
      <c r="EA22" s="69">
        <v>0</v>
      </c>
      <c r="EB22" s="70">
        <v>3</v>
      </c>
      <c r="EC22" s="71">
        <v>3</v>
      </c>
      <c r="ED22" s="84">
        <v>2</v>
      </c>
      <c r="EE22" s="69">
        <v>2</v>
      </c>
      <c r="EF22" s="70">
        <v>4</v>
      </c>
      <c r="EG22" s="159"/>
      <c r="EH22" s="69">
        <v>2</v>
      </c>
      <c r="EI22" s="69">
        <v>2</v>
      </c>
      <c r="EJ22" s="69">
        <v>0</v>
      </c>
      <c r="EK22" s="69">
        <v>0</v>
      </c>
      <c r="EL22" s="69">
        <v>1</v>
      </c>
      <c r="EM22" s="70">
        <v>5</v>
      </c>
      <c r="EN22" s="71">
        <v>9</v>
      </c>
      <c r="EO22" s="68">
        <v>1</v>
      </c>
      <c r="EP22" s="69">
        <v>2</v>
      </c>
      <c r="EQ22" s="70">
        <v>3</v>
      </c>
      <c r="ER22" s="159"/>
      <c r="ES22" s="69">
        <v>5</v>
      </c>
      <c r="ET22" s="69">
        <v>2</v>
      </c>
      <c r="EU22" s="69">
        <v>0</v>
      </c>
      <c r="EV22" s="69">
        <v>1</v>
      </c>
      <c r="EW22" s="69">
        <v>0</v>
      </c>
      <c r="EX22" s="70">
        <v>8</v>
      </c>
      <c r="EY22" s="71">
        <v>11</v>
      </c>
      <c r="EZ22" s="84">
        <v>1</v>
      </c>
      <c r="FA22" s="69">
        <v>2</v>
      </c>
      <c r="FB22" s="70">
        <v>3</v>
      </c>
      <c r="FC22" s="159"/>
      <c r="FD22" s="69">
        <v>5</v>
      </c>
      <c r="FE22" s="69">
        <v>3</v>
      </c>
      <c r="FF22" s="69">
        <v>4</v>
      </c>
      <c r="FG22" s="69">
        <v>4</v>
      </c>
      <c r="FH22" s="69">
        <v>0</v>
      </c>
      <c r="FI22" s="70">
        <v>16</v>
      </c>
      <c r="FJ22" s="71">
        <v>19</v>
      </c>
      <c r="FK22" s="68">
        <v>2</v>
      </c>
      <c r="FL22" s="69">
        <v>5</v>
      </c>
      <c r="FM22" s="70">
        <v>7</v>
      </c>
      <c r="FN22" s="159"/>
      <c r="FO22" s="69">
        <v>4</v>
      </c>
      <c r="FP22" s="69">
        <v>1</v>
      </c>
      <c r="FQ22" s="69">
        <v>3</v>
      </c>
      <c r="FR22" s="69">
        <v>4</v>
      </c>
      <c r="FS22" s="69">
        <v>1</v>
      </c>
      <c r="FT22" s="70">
        <v>13</v>
      </c>
      <c r="FU22" s="71">
        <v>20</v>
      </c>
      <c r="FV22" s="68">
        <v>0</v>
      </c>
      <c r="FW22" s="69">
        <v>0</v>
      </c>
      <c r="FX22" s="70">
        <v>0</v>
      </c>
      <c r="FY22" s="159"/>
      <c r="FZ22" s="69">
        <v>0</v>
      </c>
      <c r="GA22" s="69">
        <v>0</v>
      </c>
      <c r="GB22" s="69">
        <v>0</v>
      </c>
      <c r="GC22" s="69">
        <v>0</v>
      </c>
      <c r="GD22" s="69">
        <v>0</v>
      </c>
      <c r="GE22" s="70">
        <v>0</v>
      </c>
      <c r="GF22" s="71">
        <v>0</v>
      </c>
      <c r="GG22" s="68">
        <v>6</v>
      </c>
      <c r="GH22" s="69">
        <v>12</v>
      </c>
      <c r="GI22" s="70">
        <v>18</v>
      </c>
      <c r="GJ22" s="159"/>
      <c r="GK22" s="69">
        <v>19</v>
      </c>
      <c r="GL22" s="69">
        <v>10</v>
      </c>
      <c r="GM22" s="69">
        <v>8</v>
      </c>
      <c r="GN22" s="69">
        <v>9</v>
      </c>
      <c r="GO22" s="69">
        <v>2</v>
      </c>
      <c r="GP22" s="70">
        <v>48</v>
      </c>
      <c r="GQ22" s="71">
        <v>66</v>
      </c>
      <c r="GR22" s="108">
        <v>29</v>
      </c>
      <c r="GS22" s="80">
        <v>37</v>
      </c>
      <c r="GT22" s="81">
        <v>66</v>
      </c>
      <c r="GU22" s="159"/>
      <c r="GV22" s="80">
        <v>62</v>
      </c>
      <c r="GW22" s="80">
        <v>43</v>
      </c>
      <c r="GX22" s="80">
        <v>36</v>
      </c>
      <c r="GY22" s="80">
        <v>21</v>
      </c>
      <c r="GZ22" s="80">
        <v>17</v>
      </c>
      <c r="HA22" s="82">
        <v>179</v>
      </c>
      <c r="HB22" s="83">
        <v>245</v>
      </c>
      <c r="HC22" s="84">
        <v>2</v>
      </c>
      <c r="HD22" s="69">
        <v>1</v>
      </c>
      <c r="HE22" s="70">
        <v>3</v>
      </c>
      <c r="HF22" s="159"/>
      <c r="HG22" s="69">
        <v>2</v>
      </c>
      <c r="HH22" s="69">
        <v>2</v>
      </c>
      <c r="HI22" s="69">
        <v>1</v>
      </c>
      <c r="HJ22" s="69">
        <v>0</v>
      </c>
      <c r="HK22" s="69">
        <v>2</v>
      </c>
      <c r="HL22" s="70">
        <v>7</v>
      </c>
      <c r="HM22" s="71">
        <v>10</v>
      </c>
      <c r="HN22" s="68">
        <v>1</v>
      </c>
      <c r="HO22" s="69">
        <v>0</v>
      </c>
      <c r="HP22" s="70">
        <v>1</v>
      </c>
      <c r="HQ22" s="159"/>
      <c r="HR22" s="69">
        <v>7</v>
      </c>
      <c r="HS22" s="69">
        <v>8</v>
      </c>
      <c r="HT22" s="69">
        <v>4</v>
      </c>
      <c r="HU22" s="69">
        <v>3</v>
      </c>
      <c r="HV22" s="69">
        <v>1</v>
      </c>
      <c r="HW22" s="70">
        <v>23</v>
      </c>
      <c r="HX22" s="71">
        <v>24</v>
      </c>
      <c r="HY22" s="84">
        <v>5</v>
      </c>
      <c r="HZ22" s="69">
        <v>3</v>
      </c>
      <c r="IA22" s="70">
        <v>8</v>
      </c>
      <c r="IB22" s="159"/>
      <c r="IC22" s="69">
        <v>7</v>
      </c>
      <c r="ID22" s="69">
        <v>4</v>
      </c>
      <c r="IE22" s="69">
        <v>0</v>
      </c>
      <c r="IF22" s="69">
        <v>2</v>
      </c>
      <c r="IG22" s="69">
        <v>2</v>
      </c>
      <c r="IH22" s="70">
        <v>15</v>
      </c>
      <c r="II22" s="71">
        <v>23</v>
      </c>
      <c r="IJ22" s="68">
        <v>7</v>
      </c>
      <c r="IK22" s="69">
        <v>9</v>
      </c>
      <c r="IL22" s="70">
        <v>16</v>
      </c>
      <c r="IM22" s="159"/>
      <c r="IN22" s="69">
        <v>12</v>
      </c>
      <c r="IO22" s="69">
        <v>6</v>
      </c>
      <c r="IP22" s="69">
        <v>5</v>
      </c>
      <c r="IQ22" s="69">
        <v>4</v>
      </c>
      <c r="IR22" s="69">
        <v>1</v>
      </c>
      <c r="IS22" s="70">
        <v>28</v>
      </c>
      <c r="IT22" s="71">
        <v>44</v>
      </c>
      <c r="IU22" s="84">
        <v>11</v>
      </c>
      <c r="IV22" s="69">
        <v>8</v>
      </c>
      <c r="IW22" s="70">
        <v>19</v>
      </c>
      <c r="IX22" s="159"/>
      <c r="IY22" s="69">
        <v>16</v>
      </c>
      <c r="IZ22" s="69">
        <v>10</v>
      </c>
      <c r="JA22" s="69">
        <v>12</v>
      </c>
      <c r="JB22" s="69">
        <v>7</v>
      </c>
      <c r="JC22" s="69">
        <v>4</v>
      </c>
      <c r="JD22" s="70">
        <v>49</v>
      </c>
      <c r="JE22" s="71">
        <v>68</v>
      </c>
      <c r="JF22" s="68">
        <v>3</v>
      </c>
      <c r="JG22" s="69">
        <v>16</v>
      </c>
      <c r="JH22" s="70">
        <v>19</v>
      </c>
      <c r="JI22" s="159"/>
      <c r="JJ22" s="69">
        <v>18</v>
      </c>
      <c r="JK22" s="69">
        <v>13</v>
      </c>
      <c r="JL22" s="69">
        <v>14</v>
      </c>
      <c r="JM22" s="69">
        <v>5</v>
      </c>
      <c r="JN22" s="69">
        <v>7</v>
      </c>
      <c r="JO22" s="70">
        <v>57</v>
      </c>
      <c r="JP22" s="71">
        <v>76</v>
      </c>
      <c r="JQ22" s="68">
        <v>0</v>
      </c>
      <c r="JR22" s="69">
        <v>0</v>
      </c>
      <c r="JS22" s="70">
        <v>0</v>
      </c>
      <c r="JT22" s="159"/>
      <c r="JU22" s="69">
        <v>0</v>
      </c>
      <c r="JV22" s="69">
        <v>0</v>
      </c>
      <c r="JW22" s="69">
        <v>0</v>
      </c>
      <c r="JX22" s="69">
        <v>0</v>
      </c>
      <c r="JY22" s="69">
        <v>0</v>
      </c>
      <c r="JZ22" s="70">
        <v>0</v>
      </c>
      <c r="KA22" s="71">
        <v>0</v>
      </c>
      <c r="KB22" s="68">
        <v>29</v>
      </c>
      <c r="KC22" s="69">
        <v>37</v>
      </c>
      <c r="KD22" s="70">
        <v>66</v>
      </c>
      <c r="KE22" s="159"/>
      <c r="KF22" s="69">
        <v>62</v>
      </c>
      <c r="KG22" s="69">
        <v>43</v>
      </c>
      <c r="KH22" s="69">
        <v>36</v>
      </c>
      <c r="KI22" s="69">
        <v>21</v>
      </c>
      <c r="KJ22" s="69">
        <v>17</v>
      </c>
      <c r="KK22" s="70">
        <v>179</v>
      </c>
      <c r="KL22" s="71">
        <v>245</v>
      </c>
    </row>
    <row r="23" spans="1:298" ht="19.5" customHeight="1" x14ac:dyDescent="0.2">
      <c r="A23" s="111" t="s">
        <v>20</v>
      </c>
      <c r="B23" s="215">
        <v>30</v>
      </c>
      <c r="C23" s="80">
        <v>47</v>
      </c>
      <c r="D23" s="81">
        <v>77</v>
      </c>
      <c r="E23" s="159"/>
      <c r="F23" s="80">
        <v>62</v>
      </c>
      <c r="G23" s="80">
        <v>45</v>
      </c>
      <c r="H23" s="80">
        <v>25</v>
      </c>
      <c r="I23" s="80">
        <v>27</v>
      </c>
      <c r="J23" s="80">
        <v>11</v>
      </c>
      <c r="K23" s="82">
        <v>170</v>
      </c>
      <c r="L23" s="83">
        <v>247</v>
      </c>
      <c r="M23" s="68">
        <v>4</v>
      </c>
      <c r="N23" s="69">
        <v>0</v>
      </c>
      <c r="O23" s="70">
        <v>4</v>
      </c>
      <c r="P23" s="159"/>
      <c r="Q23" s="69">
        <v>3</v>
      </c>
      <c r="R23" s="69">
        <v>4</v>
      </c>
      <c r="S23" s="69">
        <v>0</v>
      </c>
      <c r="T23" s="69">
        <v>3</v>
      </c>
      <c r="U23" s="69">
        <v>0</v>
      </c>
      <c r="V23" s="70">
        <v>10</v>
      </c>
      <c r="W23" s="71">
        <v>14</v>
      </c>
      <c r="X23" s="68">
        <v>5</v>
      </c>
      <c r="Y23" s="69">
        <v>2</v>
      </c>
      <c r="Z23" s="70">
        <v>7</v>
      </c>
      <c r="AA23" s="159"/>
      <c r="AB23" s="69">
        <v>13</v>
      </c>
      <c r="AC23" s="69">
        <v>8</v>
      </c>
      <c r="AD23" s="69">
        <v>5</v>
      </c>
      <c r="AE23" s="69">
        <v>2</v>
      </c>
      <c r="AF23" s="69">
        <v>1</v>
      </c>
      <c r="AG23" s="70">
        <v>29</v>
      </c>
      <c r="AH23" s="71">
        <v>36</v>
      </c>
      <c r="AI23" s="68">
        <v>4</v>
      </c>
      <c r="AJ23" s="69">
        <v>8</v>
      </c>
      <c r="AK23" s="70">
        <v>12</v>
      </c>
      <c r="AL23" s="159"/>
      <c r="AM23" s="69">
        <v>10</v>
      </c>
      <c r="AN23" s="69">
        <v>5</v>
      </c>
      <c r="AO23" s="69">
        <v>7</v>
      </c>
      <c r="AP23" s="69">
        <v>5</v>
      </c>
      <c r="AQ23" s="69">
        <v>2</v>
      </c>
      <c r="AR23" s="70">
        <v>29</v>
      </c>
      <c r="AS23" s="71">
        <v>41</v>
      </c>
      <c r="AT23" s="68">
        <v>2</v>
      </c>
      <c r="AU23" s="69">
        <v>21</v>
      </c>
      <c r="AV23" s="70">
        <v>23</v>
      </c>
      <c r="AW23" s="159"/>
      <c r="AX23" s="69">
        <v>19</v>
      </c>
      <c r="AY23" s="69">
        <v>9</v>
      </c>
      <c r="AZ23" s="69">
        <v>4</v>
      </c>
      <c r="BA23" s="69">
        <v>6</v>
      </c>
      <c r="BB23" s="69">
        <v>4</v>
      </c>
      <c r="BC23" s="70">
        <v>42</v>
      </c>
      <c r="BD23" s="71">
        <v>65</v>
      </c>
      <c r="BE23" s="68">
        <v>7</v>
      </c>
      <c r="BF23" s="69">
        <v>8</v>
      </c>
      <c r="BG23" s="70">
        <v>15</v>
      </c>
      <c r="BH23" s="159"/>
      <c r="BI23" s="69">
        <v>9</v>
      </c>
      <c r="BJ23" s="69">
        <v>13</v>
      </c>
      <c r="BK23" s="69">
        <v>2</v>
      </c>
      <c r="BL23" s="69">
        <v>6</v>
      </c>
      <c r="BM23" s="69">
        <v>2</v>
      </c>
      <c r="BN23" s="70">
        <v>32</v>
      </c>
      <c r="BO23" s="71">
        <v>47</v>
      </c>
      <c r="BP23" s="68">
        <v>8</v>
      </c>
      <c r="BQ23" s="69">
        <v>8</v>
      </c>
      <c r="BR23" s="70">
        <v>16</v>
      </c>
      <c r="BS23" s="159"/>
      <c r="BT23" s="69">
        <v>8</v>
      </c>
      <c r="BU23" s="69">
        <v>6</v>
      </c>
      <c r="BV23" s="69">
        <v>7</v>
      </c>
      <c r="BW23" s="69">
        <v>5</v>
      </c>
      <c r="BX23" s="69">
        <v>2</v>
      </c>
      <c r="BY23" s="70">
        <v>28</v>
      </c>
      <c r="BZ23" s="71">
        <v>44</v>
      </c>
      <c r="CA23" s="68">
        <v>0</v>
      </c>
      <c r="CB23" s="69">
        <v>0</v>
      </c>
      <c r="CC23" s="70">
        <v>0</v>
      </c>
      <c r="CD23" s="159"/>
      <c r="CE23" s="69">
        <v>0</v>
      </c>
      <c r="CF23" s="69">
        <v>0</v>
      </c>
      <c r="CG23" s="69">
        <v>0</v>
      </c>
      <c r="CH23" s="69">
        <v>0</v>
      </c>
      <c r="CI23" s="69">
        <v>0</v>
      </c>
      <c r="CJ23" s="70">
        <v>0</v>
      </c>
      <c r="CK23" s="71">
        <v>0</v>
      </c>
      <c r="CL23" s="68">
        <v>30</v>
      </c>
      <c r="CM23" s="69">
        <v>47</v>
      </c>
      <c r="CN23" s="70">
        <v>77</v>
      </c>
      <c r="CO23" s="159"/>
      <c r="CP23" s="69">
        <v>62</v>
      </c>
      <c r="CQ23" s="69">
        <v>45</v>
      </c>
      <c r="CR23" s="69">
        <v>25</v>
      </c>
      <c r="CS23" s="69">
        <v>27</v>
      </c>
      <c r="CT23" s="69">
        <v>11</v>
      </c>
      <c r="CU23" s="70">
        <v>170</v>
      </c>
      <c r="CV23" s="71">
        <v>247</v>
      </c>
      <c r="CW23" s="108">
        <v>16</v>
      </c>
      <c r="CX23" s="80">
        <v>17</v>
      </c>
      <c r="CY23" s="81">
        <v>33</v>
      </c>
      <c r="CZ23" s="159"/>
      <c r="DA23" s="80">
        <v>29</v>
      </c>
      <c r="DB23" s="80">
        <v>10</v>
      </c>
      <c r="DC23" s="80">
        <v>7</v>
      </c>
      <c r="DD23" s="80">
        <v>11</v>
      </c>
      <c r="DE23" s="80">
        <v>7</v>
      </c>
      <c r="DF23" s="82">
        <v>64</v>
      </c>
      <c r="DG23" s="83">
        <v>97</v>
      </c>
      <c r="DH23" s="68">
        <v>0</v>
      </c>
      <c r="DI23" s="69">
        <v>0</v>
      </c>
      <c r="DJ23" s="70">
        <v>0</v>
      </c>
      <c r="DK23" s="159"/>
      <c r="DL23" s="69">
        <v>0</v>
      </c>
      <c r="DM23" s="69">
        <v>0</v>
      </c>
      <c r="DN23" s="69">
        <v>0</v>
      </c>
      <c r="DO23" s="69">
        <v>1</v>
      </c>
      <c r="DP23" s="69">
        <v>0</v>
      </c>
      <c r="DQ23" s="70">
        <v>1</v>
      </c>
      <c r="DR23" s="71">
        <v>1</v>
      </c>
      <c r="DS23" s="68">
        <v>1</v>
      </c>
      <c r="DT23" s="69">
        <v>0</v>
      </c>
      <c r="DU23" s="70">
        <v>1</v>
      </c>
      <c r="DV23" s="159"/>
      <c r="DW23" s="69">
        <v>1</v>
      </c>
      <c r="DX23" s="69">
        <v>0</v>
      </c>
      <c r="DY23" s="69">
        <v>0</v>
      </c>
      <c r="DZ23" s="69">
        <v>0</v>
      </c>
      <c r="EA23" s="69">
        <v>0</v>
      </c>
      <c r="EB23" s="70">
        <v>1</v>
      </c>
      <c r="EC23" s="71">
        <v>2</v>
      </c>
      <c r="ED23" s="68">
        <v>3</v>
      </c>
      <c r="EE23" s="69">
        <v>3</v>
      </c>
      <c r="EF23" s="70">
        <v>6</v>
      </c>
      <c r="EG23" s="159"/>
      <c r="EH23" s="69">
        <v>3</v>
      </c>
      <c r="EI23" s="69">
        <v>2</v>
      </c>
      <c r="EJ23" s="69">
        <v>0</v>
      </c>
      <c r="EK23" s="69">
        <v>0</v>
      </c>
      <c r="EL23" s="69">
        <v>3</v>
      </c>
      <c r="EM23" s="70">
        <v>8</v>
      </c>
      <c r="EN23" s="71">
        <v>14</v>
      </c>
      <c r="EO23" s="68">
        <v>2</v>
      </c>
      <c r="EP23" s="69">
        <v>5</v>
      </c>
      <c r="EQ23" s="70">
        <v>7</v>
      </c>
      <c r="ER23" s="159"/>
      <c r="ES23" s="69">
        <v>5</v>
      </c>
      <c r="ET23" s="69">
        <v>4</v>
      </c>
      <c r="EU23" s="69">
        <v>0</v>
      </c>
      <c r="EV23" s="69">
        <v>0</v>
      </c>
      <c r="EW23" s="69">
        <v>3</v>
      </c>
      <c r="EX23" s="70">
        <v>12</v>
      </c>
      <c r="EY23" s="71">
        <v>19</v>
      </c>
      <c r="EZ23" s="68">
        <v>5</v>
      </c>
      <c r="FA23" s="69">
        <v>4</v>
      </c>
      <c r="FB23" s="70">
        <v>9</v>
      </c>
      <c r="FC23" s="159"/>
      <c r="FD23" s="69">
        <v>11</v>
      </c>
      <c r="FE23" s="69">
        <v>2</v>
      </c>
      <c r="FF23" s="69">
        <v>2</v>
      </c>
      <c r="FG23" s="69">
        <v>4</v>
      </c>
      <c r="FH23" s="69">
        <v>1</v>
      </c>
      <c r="FI23" s="70">
        <v>20</v>
      </c>
      <c r="FJ23" s="71">
        <v>29</v>
      </c>
      <c r="FK23" s="68">
        <v>5</v>
      </c>
      <c r="FL23" s="69">
        <v>5</v>
      </c>
      <c r="FM23" s="70">
        <v>10</v>
      </c>
      <c r="FN23" s="159"/>
      <c r="FO23" s="69">
        <v>9</v>
      </c>
      <c r="FP23" s="69">
        <v>2</v>
      </c>
      <c r="FQ23" s="69">
        <v>5</v>
      </c>
      <c r="FR23" s="69">
        <v>6</v>
      </c>
      <c r="FS23" s="69">
        <v>0</v>
      </c>
      <c r="FT23" s="70">
        <v>22</v>
      </c>
      <c r="FU23" s="71">
        <v>32</v>
      </c>
      <c r="FV23" s="68">
        <v>0</v>
      </c>
      <c r="FW23" s="69">
        <v>0</v>
      </c>
      <c r="FX23" s="70">
        <v>0</v>
      </c>
      <c r="FY23" s="159"/>
      <c r="FZ23" s="69">
        <v>0</v>
      </c>
      <c r="GA23" s="69">
        <v>0</v>
      </c>
      <c r="GB23" s="69">
        <v>0</v>
      </c>
      <c r="GC23" s="69">
        <v>0</v>
      </c>
      <c r="GD23" s="69">
        <v>0</v>
      </c>
      <c r="GE23" s="70">
        <v>0</v>
      </c>
      <c r="GF23" s="71">
        <v>0</v>
      </c>
      <c r="GG23" s="68">
        <v>16</v>
      </c>
      <c r="GH23" s="69">
        <v>17</v>
      </c>
      <c r="GI23" s="70">
        <v>33</v>
      </c>
      <c r="GJ23" s="159"/>
      <c r="GK23" s="69">
        <v>29</v>
      </c>
      <c r="GL23" s="69">
        <v>10</v>
      </c>
      <c r="GM23" s="69">
        <v>7</v>
      </c>
      <c r="GN23" s="69">
        <v>11</v>
      </c>
      <c r="GO23" s="69">
        <v>7</v>
      </c>
      <c r="GP23" s="70">
        <v>64</v>
      </c>
      <c r="GQ23" s="71">
        <v>97</v>
      </c>
      <c r="GR23" s="108">
        <v>46</v>
      </c>
      <c r="GS23" s="80">
        <v>64</v>
      </c>
      <c r="GT23" s="81">
        <v>110</v>
      </c>
      <c r="GU23" s="159"/>
      <c r="GV23" s="80">
        <v>91</v>
      </c>
      <c r="GW23" s="80">
        <v>55</v>
      </c>
      <c r="GX23" s="80">
        <v>32</v>
      </c>
      <c r="GY23" s="80">
        <v>38</v>
      </c>
      <c r="GZ23" s="80">
        <v>18</v>
      </c>
      <c r="HA23" s="82">
        <v>234</v>
      </c>
      <c r="HB23" s="83">
        <v>344</v>
      </c>
      <c r="HC23" s="68">
        <v>4</v>
      </c>
      <c r="HD23" s="69">
        <v>0</v>
      </c>
      <c r="HE23" s="70">
        <v>4</v>
      </c>
      <c r="HF23" s="159"/>
      <c r="HG23" s="69">
        <v>3</v>
      </c>
      <c r="HH23" s="69">
        <v>4</v>
      </c>
      <c r="HI23" s="69">
        <v>0</v>
      </c>
      <c r="HJ23" s="69">
        <v>4</v>
      </c>
      <c r="HK23" s="69">
        <v>0</v>
      </c>
      <c r="HL23" s="70">
        <v>11</v>
      </c>
      <c r="HM23" s="71">
        <v>15</v>
      </c>
      <c r="HN23" s="68">
        <v>6</v>
      </c>
      <c r="HO23" s="69">
        <v>2</v>
      </c>
      <c r="HP23" s="70">
        <v>8</v>
      </c>
      <c r="HQ23" s="159"/>
      <c r="HR23" s="69">
        <v>14</v>
      </c>
      <c r="HS23" s="69">
        <v>8</v>
      </c>
      <c r="HT23" s="69">
        <v>5</v>
      </c>
      <c r="HU23" s="69">
        <v>2</v>
      </c>
      <c r="HV23" s="69">
        <v>1</v>
      </c>
      <c r="HW23" s="70">
        <v>30</v>
      </c>
      <c r="HX23" s="71">
        <v>38</v>
      </c>
      <c r="HY23" s="68">
        <v>7</v>
      </c>
      <c r="HZ23" s="69">
        <v>11</v>
      </c>
      <c r="IA23" s="70">
        <v>18</v>
      </c>
      <c r="IB23" s="159"/>
      <c r="IC23" s="69">
        <v>13</v>
      </c>
      <c r="ID23" s="69">
        <v>7</v>
      </c>
      <c r="IE23" s="69">
        <v>7</v>
      </c>
      <c r="IF23" s="69">
        <v>5</v>
      </c>
      <c r="IG23" s="69">
        <v>5</v>
      </c>
      <c r="IH23" s="70">
        <v>37</v>
      </c>
      <c r="II23" s="71">
        <v>55</v>
      </c>
      <c r="IJ23" s="68">
        <v>4</v>
      </c>
      <c r="IK23" s="69">
        <v>26</v>
      </c>
      <c r="IL23" s="70">
        <v>30</v>
      </c>
      <c r="IM23" s="159"/>
      <c r="IN23" s="69">
        <v>24</v>
      </c>
      <c r="IO23" s="69">
        <v>13</v>
      </c>
      <c r="IP23" s="69">
        <v>4</v>
      </c>
      <c r="IQ23" s="69">
        <v>6</v>
      </c>
      <c r="IR23" s="69">
        <v>7</v>
      </c>
      <c r="IS23" s="70">
        <v>54</v>
      </c>
      <c r="IT23" s="71">
        <v>84</v>
      </c>
      <c r="IU23" s="68">
        <v>12</v>
      </c>
      <c r="IV23" s="69">
        <v>12</v>
      </c>
      <c r="IW23" s="70">
        <v>24</v>
      </c>
      <c r="IX23" s="159"/>
      <c r="IY23" s="69">
        <v>20</v>
      </c>
      <c r="IZ23" s="69">
        <v>15</v>
      </c>
      <c r="JA23" s="69">
        <v>4</v>
      </c>
      <c r="JB23" s="69">
        <v>10</v>
      </c>
      <c r="JC23" s="69">
        <v>3</v>
      </c>
      <c r="JD23" s="70">
        <v>52</v>
      </c>
      <c r="JE23" s="71">
        <v>76</v>
      </c>
      <c r="JF23" s="68">
        <v>13</v>
      </c>
      <c r="JG23" s="69">
        <v>13</v>
      </c>
      <c r="JH23" s="70">
        <v>26</v>
      </c>
      <c r="JI23" s="159"/>
      <c r="JJ23" s="69">
        <v>17</v>
      </c>
      <c r="JK23" s="69">
        <v>8</v>
      </c>
      <c r="JL23" s="69">
        <v>12</v>
      </c>
      <c r="JM23" s="69">
        <v>11</v>
      </c>
      <c r="JN23" s="69">
        <v>2</v>
      </c>
      <c r="JO23" s="70">
        <v>50</v>
      </c>
      <c r="JP23" s="71">
        <v>76</v>
      </c>
      <c r="JQ23" s="68">
        <v>0</v>
      </c>
      <c r="JR23" s="69">
        <v>0</v>
      </c>
      <c r="JS23" s="70">
        <v>0</v>
      </c>
      <c r="JT23" s="159"/>
      <c r="JU23" s="69">
        <v>0</v>
      </c>
      <c r="JV23" s="69">
        <v>0</v>
      </c>
      <c r="JW23" s="69">
        <v>0</v>
      </c>
      <c r="JX23" s="69">
        <v>0</v>
      </c>
      <c r="JY23" s="69">
        <v>0</v>
      </c>
      <c r="JZ23" s="70">
        <v>0</v>
      </c>
      <c r="KA23" s="71">
        <v>0</v>
      </c>
      <c r="KB23" s="68">
        <v>46</v>
      </c>
      <c r="KC23" s="69">
        <v>64</v>
      </c>
      <c r="KD23" s="70">
        <v>110</v>
      </c>
      <c r="KE23" s="159"/>
      <c r="KF23" s="69">
        <v>91</v>
      </c>
      <c r="KG23" s="69">
        <v>55</v>
      </c>
      <c r="KH23" s="69">
        <v>32</v>
      </c>
      <c r="KI23" s="69">
        <v>38</v>
      </c>
      <c r="KJ23" s="69">
        <v>18</v>
      </c>
      <c r="KK23" s="70">
        <v>234</v>
      </c>
      <c r="KL23" s="71">
        <v>344</v>
      </c>
    </row>
    <row r="24" spans="1:298" ht="19.5" customHeight="1" x14ac:dyDescent="0.2">
      <c r="A24" s="111" t="s">
        <v>21</v>
      </c>
      <c r="B24" s="215">
        <v>35</v>
      </c>
      <c r="C24" s="80">
        <v>19</v>
      </c>
      <c r="D24" s="81">
        <v>54</v>
      </c>
      <c r="E24" s="159"/>
      <c r="F24" s="80">
        <v>56</v>
      </c>
      <c r="G24" s="80">
        <v>31</v>
      </c>
      <c r="H24" s="80">
        <v>21</v>
      </c>
      <c r="I24" s="80">
        <v>15</v>
      </c>
      <c r="J24" s="80">
        <v>6</v>
      </c>
      <c r="K24" s="82">
        <v>129</v>
      </c>
      <c r="L24" s="83">
        <v>183</v>
      </c>
      <c r="M24" s="68">
        <v>0</v>
      </c>
      <c r="N24" s="69">
        <v>1</v>
      </c>
      <c r="O24" s="70">
        <v>1</v>
      </c>
      <c r="P24" s="159"/>
      <c r="Q24" s="69">
        <v>0</v>
      </c>
      <c r="R24" s="69">
        <v>2</v>
      </c>
      <c r="S24" s="69">
        <v>2</v>
      </c>
      <c r="T24" s="69">
        <v>1</v>
      </c>
      <c r="U24" s="69">
        <v>0</v>
      </c>
      <c r="V24" s="70">
        <v>5</v>
      </c>
      <c r="W24" s="71">
        <v>6</v>
      </c>
      <c r="X24" s="68">
        <v>4</v>
      </c>
      <c r="Y24" s="69">
        <v>3</v>
      </c>
      <c r="Z24" s="70">
        <v>7</v>
      </c>
      <c r="AA24" s="159"/>
      <c r="AB24" s="69">
        <v>5</v>
      </c>
      <c r="AC24" s="69">
        <v>3</v>
      </c>
      <c r="AD24" s="69">
        <v>3</v>
      </c>
      <c r="AE24" s="69">
        <v>0</v>
      </c>
      <c r="AF24" s="69">
        <v>1</v>
      </c>
      <c r="AG24" s="70">
        <v>12</v>
      </c>
      <c r="AH24" s="71">
        <v>19</v>
      </c>
      <c r="AI24" s="68">
        <v>4</v>
      </c>
      <c r="AJ24" s="69">
        <v>1</v>
      </c>
      <c r="AK24" s="70">
        <v>5</v>
      </c>
      <c r="AL24" s="159"/>
      <c r="AM24" s="69">
        <v>9</v>
      </c>
      <c r="AN24" s="69">
        <v>3</v>
      </c>
      <c r="AO24" s="69">
        <v>1</v>
      </c>
      <c r="AP24" s="69">
        <v>3</v>
      </c>
      <c r="AQ24" s="69">
        <v>0</v>
      </c>
      <c r="AR24" s="70">
        <v>16</v>
      </c>
      <c r="AS24" s="71">
        <v>21</v>
      </c>
      <c r="AT24" s="68">
        <v>7</v>
      </c>
      <c r="AU24" s="69">
        <v>6</v>
      </c>
      <c r="AV24" s="70">
        <v>13</v>
      </c>
      <c r="AW24" s="159"/>
      <c r="AX24" s="69">
        <v>13</v>
      </c>
      <c r="AY24" s="69">
        <v>6</v>
      </c>
      <c r="AZ24" s="69">
        <v>2</v>
      </c>
      <c r="BA24" s="69">
        <v>3</v>
      </c>
      <c r="BB24" s="69">
        <v>1</v>
      </c>
      <c r="BC24" s="70">
        <v>25</v>
      </c>
      <c r="BD24" s="71">
        <v>38</v>
      </c>
      <c r="BE24" s="68">
        <v>12</v>
      </c>
      <c r="BF24" s="69">
        <v>3</v>
      </c>
      <c r="BG24" s="70">
        <v>15</v>
      </c>
      <c r="BH24" s="159"/>
      <c r="BI24" s="69">
        <v>21</v>
      </c>
      <c r="BJ24" s="69">
        <v>10</v>
      </c>
      <c r="BK24" s="69">
        <v>9</v>
      </c>
      <c r="BL24" s="69">
        <v>5</v>
      </c>
      <c r="BM24" s="69">
        <v>3</v>
      </c>
      <c r="BN24" s="70">
        <v>48</v>
      </c>
      <c r="BO24" s="71">
        <v>63</v>
      </c>
      <c r="BP24" s="68">
        <v>8</v>
      </c>
      <c r="BQ24" s="69">
        <v>5</v>
      </c>
      <c r="BR24" s="70">
        <v>13</v>
      </c>
      <c r="BS24" s="159"/>
      <c r="BT24" s="69">
        <v>8</v>
      </c>
      <c r="BU24" s="69">
        <v>7</v>
      </c>
      <c r="BV24" s="69">
        <v>4</v>
      </c>
      <c r="BW24" s="69">
        <v>3</v>
      </c>
      <c r="BX24" s="69">
        <v>1</v>
      </c>
      <c r="BY24" s="70">
        <v>23</v>
      </c>
      <c r="BZ24" s="71">
        <v>36</v>
      </c>
      <c r="CA24" s="68">
        <v>0</v>
      </c>
      <c r="CB24" s="69">
        <v>0</v>
      </c>
      <c r="CC24" s="70">
        <v>0</v>
      </c>
      <c r="CD24" s="159"/>
      <c r="CE24" s="69">
        <v>0</v>
      </c>
      <c r="CF24" s="69">
        <v>0</v>
      </c>
      <c r="CG24" s="69">
        <v>0</v>
      </c>
      <c r="CH24" s="69">
        <v>0</v>
      </c>
      <c r="CI24" s="69">
        <v>0</v>
      </c>
      <c r="CJ24" s="70">
        <v>0</v>
      </c>
      <c r="CK24" s="71">
        <v>0</v>
      </c>
      <c r="CL24" s="68">
        <v>35</v>
      </c>
      <c r="CM24" s="69">
        <v>19</v>
      </c>
      <c r="CN24" s="70">
        <v>54</v>
      </c>
      <c r="CO24" s="159"/>
      <c r="CP24" s="69">
        <v>56</v>
      </c>
      <c r="CQ24" s="69">
        <v>31</v>
      </c>
      <c r="CR24" s="69">
        <v>21</v>
      </c>
      <c r="CS24" s="69">
        <v>15</v>
      </c>
      <c r="CT24" s="69">
        <v>6</v>
      </c>
      <c r="CU24" s="70">
        <v>129</v>
      </c>
      <c r="CV24" s="71">
        <v>183</v>
      </c>
      <c r="CW24" s="108">
        <v>8</v>
      </c>
      <c r="CX24" s="80">
        <v>9</v>
      </c>
      <c r="CY24" s="81">
        <v>17</v>
      </c>
      <c r="CZ24" s="159"/>
      <c r="DA24" s="80">
        <v>9</v>
      </c>
      <c r="DB24" s="80">
        <v>19</v>
      </c>
      <c r="DC24" s="80">
        <v>11</v>
      </c>
      <c r="DD24" s="80">
        <v>5</v>
      </c>
      <c r="DE24" s="80">
        <v>5</v>
      </c>
      <c r="DF24" s="82">
        <v>49</v>
      </c>
      <c r="DG24" s="83">
        <v>66</v>
      </c>
      <c r="DH24" s="68">
        <v>0</v>
      </c>
      <c r="DI24" s="69">
        <v>0</v>
      </c>
      <c r="DJ24" s="70">
        <v>0</v>
      </c>
      <c r="DK24" s="159"/>
      <c r="DL24" s="69">
        <v>0</v>
      </c>
      <c r="DM24" s="69">
        <v>0</v>
      </c>
      <c r="DN24" s="69">
        <v>1</v>
      </c>
      <c r="DO24" s="69">
        <v>0</v>
      </c>
      <c r="DP24" s="69">
        <v>0</v>
      </c>
      <c r="DQ24" s="70">
        <v>1</v>
      </c>
      <c r="DR24" s="71">
        <v>1</v>
      </c>
      <c r="DS24" s="68">
        <v>2</v>
      </c>
      <c r="DT24" s="69">
        <v>1</v>
      </c>
      <c r="DU24" s="70">
        <v>3</v>
      </c>
      <c r="DV24" s="159"/>
      <c r="DW24" s="69">
        <v>0</v>
      </c>
      <c r="DX24" s="69">
        <v>0</v>
      </c>
      <c r="DY24" s="69">
        <v>2</v>
      </c>
      <c r="DZ24" s="69">
        <v>0</v>
      </c>
      <c r="EA24" s="69">
        <v>1</v>
      </c>
      <c r="EB24" s="70">
        <v>3</v>
      </c>
      <c r="EC24" s="71">
        <v>6</v>
      </c>
      <c r="ED24" s="68">
        <v>1</v>
      </c>
      <c r="EE24" s="69">
        <v>1</v>
      </c>
      <c r="EF24" s="70">
        <v>2</v>
      </c>
      <c r="EG24" s="159"/>
      <c r="EH24" s="69">
        <v>2</v>
      </c>
      <c r="EI24" s="69">
        <v>3</v>
      </c>
      <c r="EJ24" s="69">
        <v>0</v>
      </c>
      <c r="EK24" s="69">
        <v>0</v>
      </c>
      <c r="EL24" s="69">
        <v>1</v>
      </c>
      <c r="EM24" s="70">
        <v>6</v>
      </c>
      <c r="EN24" s="71">
        <v>8</v>
      </c>
      <c r="EO24" s="68">
        <v>4</v>
      </c>
      <c r="EP24" s="69">
        <v>2</v>
      </c>
      <c r="EQ24" s="70">
        <v>6</v>
      </c>
      <c r="ER24" s="159"/>
      <c r="ES24" s="69">
        <v>0</v>
      </c>
      <c r="ET24" s="69">
        <v>3</v>
      </c>
      <c r="EU24" s="69">
        <v>1</v>
      </c>
      <c r="EV24" s="69">
        <v>0</v>
      </c>
      <c r="EW24" s="69">
        <v>1</v>
      </c>
      <c r="EX24" s="70">
        <v>5</v>
      </c>
      <c r="EY24" s="71">
        <v>11</v>
      </c>
      <c r="EZ24" s="68">
        <v>0</v>
      </c>
      <c r="FA24" s="69">
        <v>3</v>
      </c>
      <c r="FB24" s="70">
        <v>3</v>
      </c>
      <c r="FC24" s="159"/>
      <c r="FD24" s="69">
        <v>2</v>
      </c>
      <c r="FE24" s="69">
        <v>4</v>
      </c>
      <c r="FF24" s="69">
        <v>1</v>
      </c>
      <c r="FG24" s="69">
        <v>1</v>
      </c>
      <c r="FH24" s="69">
        <v>0</v>
      </c>
      <c r="FI24" s="70">
        <v>8</v>
      </c>
      <c r="FJ24" s="71">
        <v>11</v>
      </c>
      <c r="FK24" s="68">
        <v>1</v>
      </c>
      <c r="FL24" s="69">
        <v>2</v>
      </c>
      <c r="FM24" s="70">
        <v>3</v>
      </c>
      <c r="FN24" s="159"/>
      <c r="FO24" s="69">
        <v>5</v>
      </c>
      <c r="FP24" s="69">
        <v>9</v>
      </c>
      <c r="FQ24" s="69">
        <v>6</v>
      </c>
      <c r="FR24" s="69">
        <v>4</v>
      </c>
      <c r="FS24" s="69">
        <v>2</v>
      </c>
      <c r="FT24" s="70">
        <v>26</v>
      </c>
      <c r="FU24" s="71">
        <v>29</v>
      </c>
      <c r="FV24" s="68">
        <v>0</v>
      </c>
      <c r="FW24" s="69">
        <v>0</v>
      </c>
      <c r="FX24" s="70">
        <v>0</v>
      </c>
      <c r="FY24" s="159"/>
      <c r="FZ24" s="69">
        <v>0</v>
      </c>
      <c r="GA24" s="69">
        <v>0</v>
      </c>
      <c r="GB24" s="69">
        <v>0</v>
      </c>
      <c r="GC24" s="69">
        <v>0</v>
      </c>
      <c r="GD24" s="69">
        <v>0</v>
      </c>
      <c r="GE24" s="70">
        <v>0</v>
      </c>
      <c r="GF24" s="71">
        <v>0</v>
      </c>
      <c r="GG24" s="68">
        <v>8</v>
      </c>
      <c r="GH24" s="69">
        <v>9</v>
      </c>
      <c r="GI24" s="70">
        <v>17</v>
      </c>
      <c r="GJ24" s="159"/>
      <c r="GK24" s="69">
        <v>9</v>
      </c>
      <c r="GL24" s="69">
        <v>19</v>
      </c>
      <c r="GM24" s="69">
        <v>11</v>
      </c>
      <c r="GN24" s="69">
        <v>5</v>
      </c>
      <c r="GO24" s="69">
        <v>5</v>
      </c>
      <c r="GP24" s="70">
        <v>49</v>
      </c>
      <c r="GQ24" s="71">
        <v>66</v>
      </c>
      <c r="GR24" s="108">
        <v>43</v>
      </c>
      <c r="GS24" s="80">
        <v>28</v>
      </c>
      <c r="GT24" s="81">
        <v>71</v>
      </c>
      <c r="GU24" s="159"/>
      <c r="GV24" s="80">
        <v>65</v>
      </c>
      <c r="GW24" s="80">
        <v>50</v>
      </c>
      <c r="GX24" s="80">
        <v>32</v>
      </c>
      <c r="GY24" s="80">
        <v>20</v>
      </c>
      <c r="GZ24" s="80">
        <v>11</v>
      </c>
      <c r="HA24" s="82">
        <v>178</v>
      </c>
      <c r="HB24" s="83">
        <v>249</v>
      </c>
      <c r="HC24" s="68">
        <v>0</v>
      </c>
      <c r="HD24" s="69">
        <v>1</v>
      </c>
      <c r="HE24" s="70">
        <v>1</v>
      </c>
      <c r="HF24" s="159"/>
      <c r="HG24" s="69">
        <v>0</v>
      </c>
      <c r="HH24" s="69">
        <v>2</v>
      </c>
      <c r="HI24" s="69">
        <v>3</v>
      </c>
      <c r="HJ24" s="69">
        <v>1</v>
      </c>
      <c r="HK24" s="69">
        <v>0</v>
      </c>
      <c r="HL24" s="70">
        <v>6</v>
      </c>
      <c r="HM24" s="71">
        <v>7</v>
      </c>
      <c r="HN24" s="68">
        <v>6</v>
      </c>
      <c r="HO24" s="69">
        <v>4</v>
      </c>
      <c r="HP24" s="70">
        <v>10</v>
      </c>
      <c r="HQ24" s="159"/>
      <c r="HR24" s="69">
        <v>5</v>
      </c>
      <c r="HS24" s="69">
        <v>3</v>
      </c>
      <c r="HT24" s="69">
        <v>5</v>
      </c>
      <c r="HU24" s="69">
        <v>0</v>
      </c>
      <c r="HV24" s="69">
        <v>2</v>
      </c>
      <c r="HW24" s="70">
        <v>15</v>
      </c>
      <c r="HX24" s="71">
        <v>25</v>
      </c>
      <c r="HY24" s="68">
        <v>5</v>
      </c>
      <c r="HZ24" s="69">
        <v>2</v>
      </c>
      <c r="IA24" s="70">
        <v>7</v>
      </c>
      <c r="IB24" s="159"/>
      <c r="IC24" s="69">
        <v>11</v>
      </c>
      <c r="ID24" s="69">
        <v>6</v>
      </c>
      <c r="IE24" s="69">
        <v>1</v>
      </c>
      <c r="IF24" s="69">
        <v>3</v>
      </c>
      <c r="IG24" s="69">
        <v>1</v>
      </c>
      <c r="IH24" s="70">
        <v>22</v>
      </c>
      <c r="II24" s="71">
        <v>29</v>
      </c>
      <c r="IJ24" s="68">
        <v>11</v>
      </c>
      <c r="IK24" s="69">
        <v>8</v>
      </c>
      <c r="IL24" s="70">
        <v>19</v>
      </c>
      <c r="IM24" s="159"/>
      <c r="IN24" s="69">
        <v>13</v>
      </c>
      <c r="IO24" s="69">
        <v>9</v>
      </c>
      <c r="IP24" s="69">
        <v>3</v>
      </c>
      <c r="IQ24" s="69">
        <v>3</v>
      </c>
      <c r="IR24" s="69">
        <v>2</v>
      </c>
      <c r="IS24" s="70">
        <v>30</v>
      </c>
      <c r="IT24" s="71">
        <v>49</v>
      </c>
      <c r="IU24" s="68">
        <v>12</v>
      </c>
      <c r="IV24" s="69">
        <v>6</v>
      </c>
      <c r="IW24" s="70">
        <v>18</v>
      </c>
      <c r="IX24" s="159"/>
      <c r="IY24" s="69">
        <v>23</v>
      </c>
      <c r="IZ24" s="69">
        <v>14</v>
      </c>
      <c r="JA24" s="69">
        <v>10</v>
      </c>
      <c r="JB24" s="69">
        <v>6</v>
      </c>
      <c r="JC24" s="69">
        <v>3</v>
      </c>
      <c r="JD24" s="70">
        <v>56</v>
      </c>
      <c r="JE24" s="71">
        <v>74</v>
      </c>
      <c r="JF24" s="68">
        <v>9</v>
      </c>
      <c r="JG24" s="69">
        <v>7</v>
      </c>
      <c r="JH24" s="70">
        <v>16</v>
      </c>
      <c r="JI24" s="159"/>
      <c r="JJ24" s="69">
        <v>13</v>
      </c>
      <c r="JK24" s="69">
        <v>16</v>
      </c>
      <c r="JL24" s="69">
        <v>10</v>
      </c>
      <c r="JM24" s="69">
        <v>7</v>
      </c>
      <c r="JN24" s="69">
        <v>3</v>
      </c>
      <c r="JO24" s="70">
        <v>49</v>
      </c>
      <c r="JP24" s="71">
        <v>65</v>
      </c>
      <c r="JQ24" s="68">
        <v>0</v>
      </c>
      <c r="JR24" s="69">
        <v>0</v>
      </c>
      <c r="JS24" s="70">
        <v>0</v>
      </c>
      <c r="JT24" s="159"/>
      <c r="JU24" s="69">
        <v>0</v>
      </c>
      <c r="JV24" s="69">
        <v>0</v>
      </c>
      <c r="JW24" s="69">
        <v>0</v>
      </c>
      <c r="JX24" s="69">
        <v>0</v>
      </c>
      <c r="JY24" s="69">
        <v>0</v>
      </c>
      <c r="JZ24" s="70">
        <v>0</v>
      </c>
      <c r="KA24" s="71">
        <v>0</v>
      </c>
      <c r="KB24" s="68">
        <v>43</v>
      </c>
      <c r="KC24" s="69">
        <v>28</v>
      </c>
      <c r="KD24" s="70">
        <v>71</v>
      </c>
      <c r="KE24" s="159"/>
      <c r="KF24" s="69">
        <v>65</v>
      </c>
      <c r="KG24" s="69">
        <v>50</v>
      </c>
      <c r="KH24" s="69">
        <v>32</v>
      </c>
      <c r="KI24" s="69">
        <v>20</v>
      </c>
      <c r="KJ24" s="69">
        <v>11</v>
      </c>
      <c r="KK24" s="70">
        <v>178</v>
      </c>
      <c r="KL24" s="71">
        <v>249</v>
      </c>
    </row>
    <row r="25" spans="1:298" ht="19.5" customHeight="1" x14ac:dyDescent="0.2">
      <c r="A25" s="111" t="s">
        <v>22</v>
      </c>
      <c r="B25" s="215">
        <v>17</v>
      </c>
      <c r="C25" s="80">
        <v>6</v>
      </c>
      <c r="D25" s="81">
        <v>23</v>
      </c>
      <c r="E25" s="159"/>
      <c r="F25" s="80">
        <v>23</v>
      </c>
      <c r="G25" s="80">
        <v>18</v>
      </c>
      <c r="H25" s="80">
        <v>9</v>
      </c>
      <c r="I25" s="80">
        <v>12</v>
      </c>
      <c r="J25" s="80">
        <v>4</v>
      </c>
      <c r="K25" s="82">
        <v>66</v>
      </c>
      <c r="L25" s="83">
        <v>89</v>
      </c>
      <c r="M25" s="68">
        <v>0</v>
      </c>
      <c r="N25" s="69">
        <v>0</v>
      </c>
      <c r="O25" s="70">
        <v>0</v>
      </c>
      <c r="P25" s="159"/>
      <c r="Q25" s="69">
        <v>2</v>
      </c>
      <c r="R25" s="69">
        <v>0</v>
      </c>
      <c r="S25" s="69">
        <v>0</v>
      </c>
      <c r="T25" s="69">
        <v>0</v>
      </c>
      <c r="U25" s="69">
        <v>0</v>
      </c>
      <c r="V25" s="70">
        <v>2</v>
      </c>
      <c r="W25" s="71">
        <v>2</v>
      </c>
      <c r="X25" s="68">
        <v>0</v>
      </c>
      <c r="Y25" s="69">
        <v>0</v>
      </c>
      <c r="Z25" s="70">
        <v>0</v>
      </c>
      <c r="AA25" s="159"/>
      <c r="AB25" s="69">
        <v>3</v>
      </c>
      <c r="AC25" s="69">
        <v>0</v>
      </c>
      <c r="AD25" s="69">
        <v>0</v>
      </c>
      <c r="AE25" s="69">
        <v>1</v>
      </c>
      <c r="AF25" s="69">
        <v>1</v>
      </c>
      <c r="AG25" s="70">
        <v>5</v>
      </c>
      <c r="AH25" s="71">
        <v>5</v>
      </c>
      <c r="AI25" s="68">
        <v>3</v>
      </c>
      <c r="AJ25" s="69">
        <v>1</v>
      </c>
      <c r="AK25" s="70">
        <v>4</v>
      </c>
      <c r="AL25" s="159"/>
      <c r="AM25" s="69">
        <v>3</v>
      </c>
      <c r="AN25" s="69">
        <v>1</v>
      </c>
      <c r="AO25" s="69">
        <v>1</v>
      </c>
      <c r="AP25" s="69">
        <v>1</v>
      </c>
      <c r="AQ25" s="69">
        <v>1</v>
      </c>
      <c r="AR25" s="70">
        <v>7</v>
      </c>
      <c r="AS25" s="71">
        <v>11</v>
      </c>
      <c r="AT25" s="68">
        <v>5</v>
      </c>
      <c r="AU25" s="69">
        <v>3</v>
      </c>
      <c r="AV25" s="70">
        <v>8</v>
      </c>
      <c r="AW25" s="159"/>
      <c r="AX25" s="69">
        <v>6</v>
      </c>
      <c r="AY25" s="69">
        <v>4</v>
      </c>
      <c r="AZ25" s="69">
        <v>2</v>
      </c>
      <c r="BA25" s="69">
        <v>1</v>
      </c>
      <c r="BB25" s="69">
        <v>1</v>
      </c>
      <c r="BC25" s="70">
        <v>14</v>
      </c>
      <c r="BD25" s="71">
        <v>22</v>
      </c>
      <c r="BE25" s="68">
        <v>4</v>
      </c>
      <c r="BF25" s="69">
        <v>2</v>
      </c>
      <c r="BG25" s="70">
        <v>6</v>
      </c>
      <c r="BH25" s="159"/>
      <c r="BI25" s="69">
        <v>1</v>
      </c>
      <c r="BJ25" s="69">
        <v>6</v>
      </c>
      <c r="BK25" s="69">
        <v>2</v>
      </c>
      <c r="BL25" s="69">
        <v>5</v>
      </c>
      <c r="BM25" s="69">
        <v>1</v>
      </c>
      <c r="BN25" s="70">
        <v>15</v>
      </c>
      <c r="BO25" s="71">
        <v>21</v>
      </c>
      <c r="BP25" s="68">
        <v>5</v>
      </c>
      <c r="BQ25" s="69">
        <v>0</v>
      </c>
      <c r="BR25" s="70">
        <v>5</v>
      </c>
      <c r="BS25" s="159"/>
      <c r="BT25" s="69">
        <v>8</v>
      </c>
      <c r="BU25" s="69">
        <v>7</v>
      </c>
      <c r="BV25" s="69">
        <v>4</v>
      </c>
      <c r="BW25" s="69">
        <v>4</v>
      </c>
      <c r="BX25" s="69">
        <v>0</v>
      </c>
      <c r="BY25" s="70">
        <v>23</v>
      </c>
      <c r="BZ25" s="71">
        <v>28</v>
      </c>
      <c r="CA25" s="68">
        <v>0</v>
      </c>
      <c r="CB25" s="69">
        <v>0</v>
      </c>
      <c r="CC25" s="70">
        <v>0</v>
      </c>
      <c r="CD25" s="159"/>
      <c r="CE25" s="69">
        <v>0</v>
      </c>
      <c r="CF25" s="69">
        <v>0</v>
      </c>
      <c r="CG25" s="69">
        <v>0</v>
      </c>
      <c r="CH25" s="69">
        <v>0</v>
      </c>
      <c r="CI25" s="69">
        <v>0</v>
      </c>
      <c r="CJ25" s="70">
        <v>0</v>
      </c>
      <c r="CK25" s="71">
        <v>0</v>
      </c>
      <c r="CL25" s="68">
        <v>17</v>
      </c>
      <c r="CM25" s="69">
        <v>6</v>
      </c>
      <c r="CN25" s="70">
        <v>23</v>
      </c>
      <c r="CO25" s="159"/>
      <c r="CP25" s="69">
        <v>23</v>
      </c>
      <c r="CQ25" s="69">
        <v>18</v>
      </c>
      <c r="CR25" s="69">
        <v>9</v>
      </c>
      <c r="CS25" s="69">
        <v>12</v>
      </c>
      <c r="CT25" s="69">
        <v>4</v>
      </c>
      <c r="CU25" s="70">
        <v>66</v>
      </c>
      <c r="CV25" s="71">
        <v>89</v>
      </c>
      <c r="CW25" s="108">
        <v>2</v>
      </c>
      <c r="CX25" s="80">
        <v>6</v>
      </c>
      <c r="CY25" s="81">
        <v>8</v>
      </c>
      <c r="CZ25" s="159"/>
      <c r="DA25" s="80">
        <v>8</v>
      </c>
      <c r="DB25" s="80">
        <v>2</v>
      </c>
      <c r="DC25" s="80">
        <v>1</v>
      </c>
      <c r="DD25" s="80">
        <v>4</v>
      </c>
      <c r="DE25" s="80">
        <v>3</v>
      </c>
      <c r="DF25" s="82">
        <v>18</v>
      </c>
      <c r="DG25" s="83">
        <v>26</v>
      </c>
      <c r="DH25" s="68">
        <v>0</v>
      </c>
      <c r="DI25" s="69">
        <v>0</v>
      </c>
      <c r="DJ25" s="70">
        <v>0</v>
      </c>
      <c r="DK25" s="159"/>
      <c r="DL25" s="69">
        <v>0</v>
      </c>
      <c r="DM25" s="69">
        <v>0</v>
      </c>
      <c r="DN25" s="69">
        <v>0</v>
      </c>
      <c r="DO25" s="69">
        <v>0</v>
      </c>
      <c r="DP25" s="69">
        <v>0</v>
      </c>
      <c r="DQ25" s="70">
        <v>0</v>
      </c>
      <c r="DR25" s="71">
        <v>0</v>
      </c>
      <c r="DS25" s="68">
        <v>0</v>
      </c>
      <c r="DT25" s="69">
        <v>0</v>
      </c>
      <c r="DU25" s="70">
        <v>0</v>
      </c>
      <c r="DV25" s="159"/>
      <c r="DW25" s="69">
        <v>0</v>
      </c>
      <c r="DX25" s="69">
        <v>0</v>
      </c>
      <c r="DY25" s="69">
        <v>0</v>
      </c>
      <c r="DZ25" s="69">
        <v>0</v>
      </c>
      <c r="EA25" s="69">
        <v>0</v>
      </c>
      <c r="EB25" s="70">
        <v>0</v>
      </c>
      <c r="EC25" s="71">
        <v>0</v>
      </c>
      <c r="ED25" s="68">
        <v>0</v>
      </c>
      <c r="EE25" s="69">
        <v>3</v>
      </c>
      <c r="EF25" s="70">
        <v>3</v>
      </c>
      <c r="EG25" s="159"/>
      <c r="EH25" s="69">
        <v>2</v>
      </c>
      <c r="EI25" s="69">
        <v>0</v>
      </c>
      <c r="EJ25" s="69">
        <v>0</v>
      </c>
      <c r="EK25" s="69">
        <v>0</v>
      </c>
      <c r="EL25" s="69">
        <v>0</v>
      </c>
      <c r="EM25" s="70">
        <v>2</v>
      </c>
      <c r="EN25" s="71">
        <v>5</v>
      </c>
      <c r="EO25" s="68">
        <v>1</v>
      </c>
      <c r="EP25" s="69">
        <v>0</v>
      </c>
      <c r="EQ25" s="70">
        <v>1</v>
      </c>
      <c r="ER25" s="159"/>
      <c r="ES25" s="69">
        <v>2</v>
      </c>
      <c r="ET25" s="69">
        <v>0</v>
      </c>
      <c r="EU25" s="69">
        <v>1</v>
      </c>
      <c r="EV25" s="69">
        <v>2</v>
      </c>
      <c r="EW25" s="69">
        <v>0</v>
      </c>
      <c r="EX25" s="70">
        <v>5</v>
      </c>
      <c r="EY25" s="71">
        <v>6</v>
      </c>
      <c r="EZ25" s="68">
        <v>1</v>
      </c>
      <c r="FA25" s="69">
        <v>0</v>
      </c>
      <c r="FB25" s="70">
        <v>1</v>
      </c>
      <c r="FC25" s="159"/>
      <c r="FD25" s="69">
        <v>2</v>
      </c>
      <c r="FE25" s="69">
        <v>0</v>
      </c>
      <c r="FF25" s="69">
        <v>0</v>
      </c>
      <c r="FG25" s="69">
        <v>0</v>
      </c>
      <c r="FH25" s="69">
        <v>1</v>
      </c>
      <c r="FI25" s="70">
        <v>3</v>
      </c>
      <c r="FJ25" s="71">
        <v>4</v>
      </c>
      <c r="FK25" s="68">
        <v>0</v>
      </c>
      <c r="FL25" s="69">
        <v>3</v>
      </c>
      <c r="FM25" s="70">
        <v>3</v>
      </c>
      <c r="FN25" s="159"/>
      <c r="FO25" s="69">
        <v>2</v>
      </c>
      <c r="FP25" s="69">
        <v>2</v>
      </c>
      <c r="FQ25" s="69">
        <v>0</v>
      </c>
      <c r="FR25" s="69">
        <v>2</v>
      </c>
      <c r="FS25" s="69">
        <v>2</v>
      </c>
      <c r="FT25" s="70">
        <v>8</v>
      </c>
      <c r="FU25" s="71">
        <v>11</v>
      </c>
      <c r="FV25" s="68">
        <v>0</v>
      </c>
      <c r="FW25" s="69">
        <v>0</v>
      </c>
      <c r="FX25" s="70">
        <v>0</v>
      </c>
      <c r="FY25" s="159"/>
      <c r="FZ25" s="69">
        <v>0</v>
      </c>
      <c r="GA25" s="69">
        <v>0</v>
      </c>
      <c r="GB25" s="69">
        <v>0</v>
      </c>
      <c r="GC25" s="69">
        <v>0</v>
      </c>
      <c r="GD25" s="69">
        <v>0</v>
      </c>
      <c r="GE25" s="70">
        <v>0</v>
      </c>
      <c r="GF25" s="71">
        <v>0</v>
      </c>
      <c r="GG25" s="68">
        <v>2</v>
      </c>
      <c r="GH25" s="69">
        <v>6</v>
      </c>
      <c r="GI25" s="70">
        <v>8</v>
      </c>
      <c r="GJ25" s="159"/>
      <c r="GK25" s="69">
        <v>8</v>
      </c>
      <c r="GL25" s="69">
        <v>2</v>
      </c>
      <c r="GM25" s="69">
        <v>1</v>
      </c>
      <c r="GN25" s="69">
        <v>4</v>
      </c>
      <c r="GO25" s="69">
        <v>3</v>
      </c>
      <c r="GP25" s="70">
        <v>18</v>
      </c>
      <c r="GQ25" s="71">
        <v>26</v>
      </c>
      <c r="GR25" s="108">
        <v>19</v>
      </c>
      <c r="GS25" s="80">
        <v>12</v>
      </c>
      <c r="GT25" s="81">
        <v>31</v>
      </c>
      <c r="GU25" s="159"/>
      <c r="GV25" s="80">
        <v>31</v>
      </c>
      <c r="GW25" s="80">
        <v>20</v>
      </c>
      <c r="GX25" s="80">
        <v>10</v>
      </c>
      <c r="GY25" s="80">
        <v>16</v>
      </c>
      <c r="GZ25" s="80">
        <v>7</v>
      </c>
      <c r="HA25" s="82">
        <v>84</v>
      </c>
      <c r="HB25" s="83">
        <v>115</v>
      </c>
      <c r="HC25" s="68">
        <v>0</v>
      </c>
      <c r="HD25" s="69">
        <v>0</v>
      </c>
      <c r="HE25" s="70">
        <v>0</v>
      </c>
      <c r="HF25" s="159"/>
      <c r="HG25" s="69">
        <v>2</v>
      </c>
      <c r="HH25" s="69">
        <v>0</v>
      </c>
      <c r="HI25" s="69">
        <v>0</v>
      </c>
      <c r="HJ25" s="69">
        <v>0</v>
      </c>
      <c r="HK25" s="69">
        <v>0</v>
      </c>
      <c r="HL25" s="70">
        <v>2</v>
      </c>
      <c r="HM25" s="71">
        <v>2</v>
      </c>
      <c r="HN25" s="68">
        <v>0</v>
      </c>
      <c r="HO25" s="69">
        <v>0</v>
      </c>
      <c r="HP25" s="70">
        <v>0</v>
      </c>
      <c r="HQ25" s="159"/>
      <c r="HR25" s="69">
        <v>3</v>
      </c>
      <c r="HS25" s="69">
        <v>0</v>
      </c>
      <c r="HT25" s="69">
        <v>0</v>
      </c>
      <c r="HU25" s="69">
        <v>1</v>
      </c>
      <c r="HV25" s="69">
        <v>1</v>
      </c>
      <c r="HW25" s="70">
        <v>5</v>
      </c>
      <c r="HX25" s="71">
        <v>5</v>
      </c>
      <c r="HY25" s="68">
        <v>3</v>
      </c>
      <c r="HZ25" s="69">
        <v>4</v>
      </c>
      <c r="IA25" s="70">
        <v>7</v>
      </c>
      <c r="IB25" s="159"/>
      <c r="IC25" s="69">
        <v>5</v>
      </c>
      <c r="ID25" s="69">
        <v>1</v>
      </c>
      <c r="IE25" s="69">
        <v>1</v>
      </c>
      <c r="IF25" s="69">
        <v>1</v>
      </c>
      <c r="IG25" s="69">
        <v>1</v>
      </c>
      <c r="IH25" s="70">
        <v>9</v>
      </c>
      <c r="II25" s="71">
        <v>16</v>
      </c>
      <c r="IJ25" s="68">
        <v>6</v>
      </c>
      <c r="IK25" s="69">
        <v>3</v>
      </c>
      <c r="IL25" s="70">
        <v>9</v>
      </c>
      <c r="IM25" s="159"/>
      <c r="IN25" s="69">
        <v>8</v>
      </c>
      <c r="IO25" s="69">
        <v>4</v>
      </c>
      <c r="IP25" s="69">
        <v>3</v>
      </c>
      <c r="IQ25" s="69">
        <v>3</v>
      </c>
      <c r="IR25" s="69">
        <v>1</v>
      </c>
      <c r="IS25" s="70">
        <v>19</v>
      </c>
      <c r="IT25" s="71">
        <v>28</v>
      </c>
      <c r="IU25" s="68">
        <v>5</v>
      </c>
      <c r="IV25" s="69">
        <v>2</v>
      </c>
      <c r="IW25" s="70">
        <v>7</v>
      </c>
      <c r="IX25" s="159"/>
      <c r="IY25" s="69">
        <v>3</v>
      </c>
      <c r="IZ25" s="69">
        <v>6</v>
      </c>
      <c r="JA25" s="69">
        <v>2</v>
      </c>
      <c r="JB25" s="69">
        <v>5</v>
      </c>
      <c r="JC25" s="69">
        <v>2</v>
      </c>
      <c r="JD25" s="70">
        <v>18</v>
      </c>
      <c r="JE25" s="71">
        <v>25</v>
      </c>
      <c r="JF25" s="68">
        <v>5</v>
      </c>
      <c r="JG25" s="69">
        <v>3</v>
      </c>
      <c r="JH25" s="70">
        <v>8</v>
      </c>
      <c r="JI25" s="159"/>
      <c r="JJ25" s="69">
        <v>10</v>
      </c>
      <c r="JK25" s="69">
        <v>9</v>
      </c>
      <c r="JL25" s="69">
        <v>4</v>
      </c>
      <c r="JM25" s="69">
        <v>6</v>
      </c>
      <c r="JN25" s="69">
        <v>2</v>
      </c>
      <c r="JO25" s="70">
        <v>31</v>
      </c>
      <c r="JP25" s="71">
        <v>39</v>
      </c>
      <c r="JQ25" s="68">
        <v>0</v>
      </c>
      <c r="JR25" s="69">
        <v>0</v>
      </c>
      <c r="JS25" s="70">
        <v>0</v>
      </c>
      <c r="JT25" s="159"/>
      <c r="JU25" s="69">
        <v>0</v>
      </c>
      <c r="JV25" s="69">
        <v>0</v>
      </c>
      <c r="JW25" s="69">
        <v>0</v>
      </c>
      <c r="JX25" s="69">
        <v>0</v>
      </c>
      <c r="JY25" s="69">
        <v>0</v>
      </c>
      <c r="JZ25" s="70">
        <v>0</v>
      </c>
      <c r="KA25" s="71">
        <v>0</v>
      </c>
      <c r="KB25" s="68">
        <v>19</v>
      </c>
      <c r="KC25" s="69">
        <v>12</v>
      </c>
      <c r="KD25" s="70">
        <v>31</v>
      </c>
      <c r="KE25" s="159"/>
      <c r="KF25" s="69">
        <v>31</v>
      </c>
      <c r="KG25" s="69">
        <v>20</v>
      </c>
      <c r="KH25" s="69">
        <v>10</v>
      </c>
      <c r="KI25" s="69">
        <v>16</v>
      </c>
      <c r="KJ25" s="69">
        <v>7</v>
      </c>
      <c r="KK25" s="70">
        <v>84</v>
      </c>
      <c r="KL25" s="71">
        <v>115</v>
      </c>
    </row>
    <row r="26" spans="1:298" ht="19.5" customHeight="1" x14ac:dyDescent="0.2">
      <c r="A26" s="111" t="s">
        <v>23</v>
      </c>
      <c r="B26" s="215">
        <v>10</v>
      </c>
      <c r="C26" s="80">
        <v>13</v>
      </c>
      <c r="D26" s="81">
        <v>23</v>
      </c>
      <c r="E26" s="159"/>
      <c r="F26" s="80">
        <v>29</v>
      </c>
      <c r="G26" s="80">
        <v>25</v>
      </c>
      <c r="H26" s="80">
        <v>18</v>
      </c>
      <c r="I26" s="80">
        <v>18</v>
      </c>
      <c r="J26" s="80">
        <v>7</v>
      </c>
      <c r="K26" s="82">
        <v>97</v>
      </c>
      <c r="L26" s="83">
        <v>120</v>
      </c>
      <c r="M26" s="68">
        <v>0</v>
      </c>
      <c r="N26" s="69">
        <v>0</v>
      </c>
      <c r="O26" s="70">
        <v>0</v>
      </c>
      <c r="P26" s="159"/>
      <c r="Q26" s="69">
        <v>0</v>
      </c>
      <c r="R26" s="69">
        <v>1</v>
      </c>
      <c r="S26" s="69">
        <v>0</v>
      </c>
      <c r="T26" s="69">
        <v>1</v>
      </c>
      <c r="U26" s="69">
        <v>0</v>
      </c>
      <c r="V26" s="70">
        <v>2</v>
      </c>
      <c r="W26" s="71">
        <v>2</v>
      </c>
      <c r="X26" s="68">
        <v>3</v>
      </c>
      <c r="Y26" s="69">
        <v>2</v>
      </c>
      <c r="Z26" s="70">
        <v>5</v>
      </c>
      <c r="AA26" s="159"/>
      <c r="AB26" s="69">
        <v>2</v>
      </c>
      <c r="AC26" s="69">
        <v>3</v>
      </c>
      <c r="AD26" s="69">
        <v>0</v>
      </c>
      <c r="AE26" s="69">
        <v>2</v>
      </c>
      <c r="AF26" s="69">
        <v>0</v>
      </c>
      <c r="AG26" s="70">
        <v>7</v>
      </c>
      <c r="AH26" s="71">
        <v>12</v>
      </c>
      <c r="AI26" s="68">
        <v>2</v>
      </c>
      <c r="AJ26" s="69">
        <v>1</v>
      </c>
      <c r="AK26" s="70">
        <v>3</v>
      </c>
      <c r="AL26" s="159"/>
      <c r="AM26" s="69">
        <v>6</v>
      </c>
      <c r="AN26" s="69">
        <v>4</v>
      </c>
      <c r="AO26" s="69">
        <v>2</v>
      </c>
      <c r="AP26" s="69">
        <v>2</v>
      </c>
      <c r="AQ26" s="69">
        <v>1</v>
      </c>
      <c r="AR26" s="70">
        <v>15</v>
      </c>
      <c r="AS26" s="71">
        <v>18</v>
      </c>
      <c r="AT26" s="68">
        <v>1</v>
      </c>
      <c r="AU26" s="69">
        <v>4</v>
      </c>
      <c r="AV26" s="70">
        <v>5</v>
      </c>
      <c r="AW26" s="159"/>
      <c r="AX26" s="69">
        <v>8</v>
      </c>
      <c r="AY26" s="69">
        <v>7</v>
      </c>
      <c r="AZ26" s="69">
        <v>8</v>
      </c>
      <c r="BA26" s="69">
        <v>2</v>
      </c>
      <c r="BB26" s="69">
        <v>2</v>
      </c>
      <c r="BC26" s="70">
        <v>27</v>
      </c>
      <c r="BD26" s="71">
        <v>32</v>
      </c>
      <c r="BE26" s="68">
        <v>2</v>
      </c>
      <c r="BF26" s="69">
        <v>5</v>
      </c>
      <c r="BG26" s="70">
        <v>7</v>
      </c>
      <c r="BH26" s="159"/>
      <c r="BI26" s="69">
        <v>7</v>
      </c>
      <c r="BJ26" s="69">
        <v>6</v>
      </c>
      <c r="BK26" s="69">
        <v>5</v>
      </c>
      <c r="BL26" s="69">
        <v>4</v>
      </c>
      <c r="BM26" s="69">
        <v>3</v>
      </c>
      <c r="BN26" s="70">
        <v>25</v>
      </c>
      <c r="BO26" s="71">
        <v>32</v>
      </c>
      <c r="BP26" s="68">
        <v>2</v>
      </c>
      <c r="BQ26" s="69">
        <v>1</v>
      </c>
      <c r="BR26" s="70">
        <v>3</v>
      </c>
      <c r="BS26" s="159"/>
      <c r="BT26" s="69">
        <v>6</v>
      </c>
      <c r="BU26" s="69">
        <v>4</v>
      </c>
      <c r="BV26" s="69">
        <v>3</v>
      </c>
      <c r="BW26" s="69">
        <v>7</v>
      </c>
      <c r="BX26" s="69">
        <v>1</v>
      </c>
      <c r="BY26" s="70">
        <v>21</v>
      </c>
      <c r="BZ26" s="71">
        <v>24</v>
      </c>
      <c r="CA26" s="68">
        <v>0</v>
      </c>
      <c r="CB26" s="69">
        <v>0</v>
      </c>
      <c r="CC26" s="70">
        <v>0</v>
      </c>
      <c r="CD26" s="159"/>
      <c r="CE26" s="69">
        <v>0</v>
      </c>
      <c r="CF26" s="69">
        <v>0</v>
      </c>
      <c r="CG26" s="69">
        <v>0</v>
      </c>
      <c r="CH26" s="69">
        <v>0</v>
      </c>
      <c r="CI26" s="69">
        <v>0</v>
      </c>
      <c r="CJ26" s="70">
        <v>0</v>
      </c>
      <c r="CK26" s="71">
        <v>0</v>
      </c>
      <c r="CL26" s="68">
        <v>10</v>
      </c>
      <c r="CM26" s="69">
        <v>13</v>
      </c>
      <c r="CN26" s="70">
        <v>23</v>
      </c>
      <c r="CO26" s="159"/>
      <c r="CP26" s="69">
        <v>29</v>
      </c>
      <c r="CQ26" s="69">
        <v>25</v>
      </c>
      <c r="CR26" s="69">
        <v>18</v>
      </c>
      <c r="CS26" s="69">
        <v>18</v>
      </c>
      <c r="CT26" s="69">
        <v>7</v>
      </c>
      <c r="CU26" s="70">
        <v>97</v>
      </c>
      <c r="CV26" s="71">
        <v>120</v>
      </c>
      <c r="CW26" s="108">
        <v>7</v>
      </c>
      <c r="CX26" s="80">
        <v>7</v>
      </c>
      <c r="CY26" s="81">
        <v>14</v>
      </c>
      <c r="CZ26" s="159"/>
      <c r="DA26" s="80">
        <v>9</v>
      </c>
      <c r="DB26" s="80">
        <v>11</v>
      </c>
      <c r="DC26" s="80">
        <v>5</v>
      </c>
      <c r="DD26" s="80">
        <v>10</v>
      </c>
      <c r="DE26" s="80">
        <v>3</v>
      </c>
      <c r="DF26" s="82">
        <v>38</v>
      </c>
      <c r="DG26" s="83">
        <v>52</v>
      </c>
      <c r="DH26" s="68">
        <v>0</v>
      </c>
      <c r="DI26" s="69">
        <v>0</v>
      </c>
      <c r="DJ26" s="70">
        <v>0</v>
      </c>
      <c r="DK26" s="159"/>
      <c r="DL26" s="69">
        <v>0</v>
      </c>
      <c r="DM26" s="69">
        <v>1</v>
      </c>
      <c r="DN26" s="69">
        <v>1</v>
      </c>
      <c r="DO26" s="69">
        <v>0</v>
      </c>
      <c r="DP26" s="69">
        <v>0</v>
      </c>
      <c r="DQ26" s="70">
        <v>2</v>
      </c>
      <c r="DR26" s="71">
        <v>2</v>
      </c>
      <c r="DS26" s="68">
        <v>1</v>
      </c>
      <c r="DT26" s="69">
        <v>0</v>
      </c>
      <c r="DU26" s="70">
        <v>1</v>
      </c>
      <c r="DV26" s="159"/>
      <c r="DW26" s="69">
        <v>0</v>
      </c>
      <c r="DX26" s="69">
        <v>1</v>
      </c>
      <c r="DY26" s="69">
        <v>0</v>
      </c>
      <c r="DZ26" s="69">
        <v>0</v>
      </c>
      <c r="EA26" s="69">
        <v>1</v>
      </c>
      <c r="EB26" s="70">
        <v>2</v>
      </c>
      <c r="EC26" s="71">
        <v>3</v>
      </c>
      <c r="ED26" s="68">
        <v>1</v>
      </c>
      <c r="EE26" s="69">
        <v>3</v>
      </c>
      <c r="EF26" s="70">
        <v>4</v>
      </c>
      <c r="EG26" s="159"/>
      <c r="EH26" s="69">
        <v>0</v>
      </c>
      <c r="EI26" s="69">
        <v>0</v>
      </c>
      <c r="EJ26" s="69">
        <v>0</v>
      </c>
      <c r="EK26" s="69">
        <v>0</v>
      </c>
      <c r="EL26" s="69">
        <v>0</v>
      </c>
      <c r="EM26" s="70">
        <v>0</v>
      </c>
      <c r="EN26" s="71">
        <v>4</v>
      </c>
      <c r="EO26" s="68">
        <v>1</v>
      </c>
      <c r="EP26" s="69">
        <v>2</v>
      </c>
      <c r="EQ26" s="70">
        <v>3</v>
      </c>
      <c r="ER26" s="159"/>
      <c r="ES26" s="69">
        <v>0</v>
      </c>
      <c r="ET26" s="69">
        <v>1</v>
      </c>
      <c r="EU26" s="69">
        <v>1</v>
      </c>
      <c r="EV26" s="69">
        <v>0</v>
      </c>
      <c r="EW26" s="69">
        <v>0</v>
      </c>
      <c r="EX26" s="70">
        <v>2</v>
      </c>
      <c r="EY26" s="71">
        <v>5</v>
      </c>
      <c r="EZ26" s="68">
        <v>3</v>
      </c>
      <c r="FA26" s="69">
        <v>1</v>
      </c>
      <c r="FB26" s="70">
        <v>4</v>
      </c>
      <c r="FC26" s="159"/>
      <c r="FD26" s="69">
        <v>2</v>
      </c>
      <c r="FE26" s="69">
        <v>4</v>
      </c>
      <c r="FF26" s="69">
        <v>0</v>
      </c>
      <c r="FG26" s="69">
        <v>2</v>
      </c>
      <c r="FH26" s="69">
        <v>0</v>
      </c>
      <c r="FI26" s="70">
        <v>8</v>
      </c>
      <c r="FJ26" s="71">
        <v>12</v>
      </c>
      <c r="FK26" s="68">
        <v>1</v>
      </c>
      <c r="FL26" s="69">
        <v>1</v>
      </c>
      <c r="FM26" s="70">
        <v>2</v>
      </c>
      <c r="FN26" s="159"/>
      <c r="FO26" s="69">
        <v>7</v>
      </c>
      <c r="FP26" s="69">
        <v>4</v>
      </c>
      <c r="FQ26" s="69">
        <v>3</v>
      </c>
      <c r="FR26" s="69">
        <v>8</v>
      </c>
      <c r="FS26" s="69">
        <v>2</v>
      </c>
      <c r="FT26" s="70">
        <v>24</v>
      </c>
      <c r="FU26" s="71">
        <v>26</v>
      </c>
      <c r="FV26" s="68">
        <v>0</v>
      </c>
      <c r="FW26" s="69">
        <v>0</v>
      </c>
      <c r="FX26" s="70">
        <v>0</v>
      </c>
      <c r="FY26" s="159"/>
      <c r="FZ26" s="69">
        <v>0</v>
      </c>
      <c r="GA26" s="69">
        <v>0</v>
      </c>
      <c r="GB26" s="69">
        <v>0</v>
      </c>
      <c r="GC26" s="69">
        <v>0</v>
      </c>
      <c r="GD26" s="69">
        <v>0</v>
      </c>
      <c r="GE26" s="70">
        <v>0</v>
      </c>
      <c r="GF26" s="71">
        <v>0</v>
      </c>
      <c r="GG26" s="68">
        <v>7</v>
      </c>
      <c r="GH26" s="69">
        <v>7</v>
      </c>
      <c r="GI26" s="70">
        <v>14</v>
      </c>
      <c r="GJ26" s="159"/>
      <c r="GK26" s="69">
        <v>9</v>
      </c>
      <c r="GL26" s="69">
        <v>11</v>
      </c>
      <c r="GM26" s="69">
        <v>5</v>
      </c>
      <c r="GN26" s="69">
        <v>10</v>
      </c>
      <c r="GO26" s="69">
        <v>3</v>
      </c>
      <c r="GP26" s="70">
        <v>38</v>
      </c>
      <c r="GQ26" s="71">
        <v>52</v>
      </c>
      <c r="GR26" s="108">
        <v>17</v>
      </c>
      <c r="GS26" s="80">
        <v>20</v>
      </c>
      <c r="GT26" s="81">
        <v>37</v>
      </c>
      <c r="GU26" s="159"/>
      <c r="GV26" s="80">
        <v>38</v>
      </c>
      <c r="GW26" s="80">
        <v>36</v>
      </c>
      <c r="GX26" s="80">
        <v>23</v>
      </c>
      <c r="GY26" s="80">
        <v>28</v>
      </c>
      <c r="GZ26" s="80">
        <v>10</v>
      </c>
      <c r="HA26" s="82">
        <v>135</v>
      </c>
      <c r="HB26" s="83">
        <v>172</v>
      </c>
      <c r="HC26" s="68">
        <v>0</v>
      </c>
      <c r="HD26" s="69">
        <v>0</v>
      </c>
      <c r="HE26" s="70">
        <v>0</v>
      </c>
      <c r="HF26" s="159"/>
      <c r="HG26" s="69">
        <v>0</v>
      </c>
      <c r="HH26" s="69">
        <v>2</v>
      </c>
      <c r="HI26" s="69">
        <v>1</v>
      </c>
      <c r="HJ26" s="69">
        <v>1</v>
      </c>
      <c r="HK26" s="69">
        <v>0</v>
      </c>
      <c r="HL26" s="70">
        <v>4</v>
      </c>
      <c r="HM26" s="71">
        <v>4</v>
      </c>
      <c r="HN26" s="68">
        <v>4</v>
      </c>
      <c r="HO26" s="69">
        <v>2</v>
      </c>
      <c r="HP26" s="70">
        <v>6</v>
      </c>
      <c r="HQ26" s="159"/>
      <c r="HR26" s="69">
        <v>2</v>
      </c>
      <c r="HS26" s="69">
        <v>4</v>
      </c>
      <c r="HT26" s="69">
        <v>0</v>
      </c>
      <c r="HU26" s="69">
        <v>2</v>
      </c>
      <c r="HV26" s="69">
        <v>1</v>
      </c>
      <c r="HW26" s="70">
        <v>9</v>
      </c>
      <c r="HX26" s="71">
        <v>15</v>
      </c>
      <c r="HY26" s="68">
        <v>3</v>
      </c>
      <c r="HZ26" s="69">
        <v>4</v>
      </c>
      <c r="IA26" s="70">
        <v>7</v>
      </c>
      <c r="IB26" s="159"/>
      <c r="IC26" s="69">
        <v>6</v>
      </c>
      <c r="ID26" s="69">
        <v>4</v>
      </c>
      <c r="IE26" s="69">
        <v>2</v>
      </c>
      <c r="IF26" s="69">
        <v>2</v>
      </c>
      <c r="IG26" s="69">
        <v>1</v>
      </c>
      <c r="IH26" s="70">
        <v>15</v>
      </c>
      <c r="II26" s="71">
        <v>22</v>
      </c>
      <c r="IJ26" s="68">
        <v>2</v>
      </c>
      <c r="IK26" s="69">
        <v>6</v>
      </c>
      <c r="IL26" s="70">
        <v>8</v>
      </c>
      <c r="IM26" s="159"/>
      <c r="IN26" s="69">
        <v>8</v>
      </c>
      <c r="IO26" s="69">
        <v>8</v>
      </c>
      <c r="IP26" s="69">
        <v>9</v>
      </c>
      <c r="IQ26" s="69">
        <v>2</v>
      </c>
      <c r="IR26" s="69">
        <v>2</v>
      </c>
      <c r="IS26" s="70">
        <v>29</v>
      </c>
      <c r="IT26" s="71">
        <v>37</v>
      </c>
      <c r="IU26" s="68">
        <v>5</v>
      </c>
      <c r="IV26" s="69">
        <v>6</v>
      </c>
      <c r="IW26" s="70">
        <v>11</v>
      </c>
      <c r="IX26" s="159"/>
      <c r="IY26" s="69">
        <v>9</v>
      </c>
      <c r="IZ26" s="69">
        <v>10</v>
      </c>
      <c r="JA26" s="69">
        <v>5</v>
      </c>
      <c r="JB26" s="69">
        <v>6</v>
      </c>
      <c r="JC26" s="69">
        <v>3</v>
      </c>
      <c r="JD26" s="70">
        <v>33</v>
      </c>
      <c r="JE26" s="71">
        <v>44</v>
      </c>
      <c r="JF26" s="68">
        <v>3</v>
      </c>
      <c r="JG26" s="69">
        <v>2</v>
      </c>
      <c r="JH26" s="70">
        <v>5</v>
      </c>
      <c r="JI26" s="159"/>
      <c r="JJ26" s="69">
        <v>13</v>
      </c>
      <c r="JK26" s="69">
        <v>8</v>
      </c>
      <c r="JL26" s="69">
        <v>6</v>
      </c>
      <c r="JM26" s="69">
        <v>15</v>
      </c>
      <c r="JN26" s="69">
        <v>3</v>
      </c>
      <c r="JO26" s="70">
        <v>45</v>
      </c>
      <c r="JP26" s="71">
        <v>50</v>
      </c>
      <c r="JQ26" s="68">
        <v>0</v>
      </c>
      <c r="JR26" s="69">
        <v>0</v>
      </c>
      <c r="JS26" s="70">
        <v>0</v>
      </c>
      <c r="JT26" s="159"/>
      <c r="JU26" s="69">
        <v>0</v>
      </c>
      <c r="JV26" s="69">
        <v>0</v>
      </c>
      <c r="JW26" s="69">
        <v>0</v>
      </c>
      <c r="JX26" s="69">
        <v>0</v>
      </c>
      <c r="JY26" s="69">
        <v>0</v>
      </c>
      <c r="JZ26" s="70">
        <v>0</v>
      </c>
      <c r="KA26" s="71">
        <v>0</v>
      </c>
      <c r="KB26" s="68">
        <v>17</v>
      </c>
      <c r="KC26" s="69">
        <v>20</v>
      </c>
      <c r="KD26" s="70">
        <v>37</v>
      </c>
      <c r="KE26" s="159"/>
      <c r="KF26" s="69">
        <v>38</v>
      </c>
      <c r="KG26" s="69">
        <v>36</v>
      </c>
      <c r="KH26" s="69">
        <v>23</v>
      </c>
      <c r="KI26" s="69">
        <v>28</v>
      </c>
      <c r="KJ26" s="69">
        <v>10</v>
      </c>
      <c r="KK26" s="70">
        <v>135</v>
      </c>
      <c r="KL26" s="71">
        <v>172</v>
      </c>
    </row>
    <row r="27" spans="1:298" ht="19.5" customHeight="1" x14ac:dyDescent="0.2">
      <c r="A27" s="111" t="s">
        <v>24</v>
      </c>
      <c r="B27" s="215">
        <v>23</v>
      </c>
      <c r="C27" s="80">
        <v>13</v>
      </c>
      <c r="D27" s="81">
        <v>36</v>
      </c>
      <c r="E27" s="159"/>
      <c r="F27" s="80">
        <v>31</v>
      </c>
      <c r="G27" s="80">
        <v>15</v>
      </c>
      <c r="H27" s="80">
        <v>14</v>
      </c>
      <c r="I27" s="80">
        <v>19</v>
      </c>
      <c r="J27" s="80">
        <v>12</v>
      </c>
      <c r="K27" s="82">
        <v>91</v>
      </c>
      <c r="L27" s="83">
        <v>127</v>
      </c>
      <c r="M27" s="68">
        <v>0</v>
      </c>
      <c r="N27" s="69">
        <v>0</v>
      </c>
      <c r="O27" s="70">
        <v>0</v>
      </c>
      <c r="P27" s="159"/>
      <c r="Q27" s="69">
        <v>0</v>
      </c>
      <c r="R27" s="69">
        <v>0</v>
      </c>
      <c r="S27" s="69">
        <v>0</v>
      </c>
      <c r="T27" s="69">
        <v>0</v>
      </c>
      <c r="U27" s="69">
        <v>1</v>
      </c>
      <c r="V27" s="70">
        <v>1</v>
      </c>
      <c r="W27" s="71">
        <v>1</v>
      </c>
      <c r="X27" s="68">
        <v>0</v>
      </c>
      <c r="Y27" s="69">
        <v>0</v>
      </c>
      <c r="Z27" s="70">
        <v>0</v>
      </c>
      <c r="AA27" s="159"/>
      <c r="AB27" s="69">
        <v>0</v>
      </c>
      <c r="AC27" s="69">
        <v>0</v>
      </c>
      <c r="AD27" s="69">
        <v>3</v>
      </c>
      <c r="AE27" s="69">
        <v>0</v>
      </c>
      <c r="AF27" s="69">
        <v>0</v>
      </c>
      <c r="AG27" s="70">
        <v>3</v>
      </c>
      <c r="AH27" s="71">
        <v>3</v>
      </c>
      <c r="AI27" s="68">
        <v>2</v>
      </c>
      <c r="AJ27" s="69">
        <v>0</v>
      </c>
      <c r="AK27" s="70">
        <v>2</v>
      </c>
      <c r="AL27" s="159"/>
      <c r="AM27" s="69">
        <v>2</v>
      </c>
      <c r="AN27" s="69">
        <v>2</v>
      </c>
      <c r="AO27" s="69">
        <v>1</v>
      </c>
      <c r="AP27" s="69">
        <v>2</v>
      </c>
      <c r="AQ27" s="69">
        <v>2</v>
      </c>
      <c r="AR27" s="70">
        <v>9</v>
      </c>
      <c r="AS27" s="71">
        <v>11</v>
      </c>
      <c r="AT27" s="68">
        <v>9</v>
      </c>
      <c r="AU27" s="69">
        <v>6</v>
      </c>
      <c r="AV27" s="70">
        <v>15</v>
      </c>
      <c r="AW27" s="159"/>
      <c r="AX27" s="69">
        <v>10</v>
      </c>
      <c r="AY27" s="69">
        <v>5</v>
      </c>
      <c r="AZ27" s="69">
        <v>5</v>
      </c>
      <c r="BA27" s="69">
        <v>5</v>
      </c>
      <c r="BB27" s="69">
        <v>2</v>
      </c>
      <c r="BC27" s="70">
        <v>27</v>
      </c>
      <c r="BD27" s="71">
        <v>42</v>
      </c>
      <c r="BE27" s="68">
        <v>8</v>
      </c>
      <c r="BF27" s="69">
        <v>2</v>
      </c>
      <c r="BG27" s="70">
        <v>10</v>
      </c>
      <c r="BH27" s="159"/>
      <c r="BI27" s="69">
        <v>11</v>
      </c>
      <c r="BJ27" s="69">
        <v>4</v>
      </c>
      <c r="BK27" s="69">
        <v>3</v>
      </c>
      <c r="BL27" s="69">
        <v>5</v>
      </c>
      <c r="BM27" s="69">
        <v>4</v>
      </c>
      <c r="BN27" s="70">
        <v>27</v>
      </c>
      <c r="BO27" s="71">
        <v>37</v>
      </c>
      <c r="BP27" s="68">
        <v>4</v>
      </c>
      <c r="BQ27" s="69">
        <v>5</v>
      </c>
      <c r="BR27" s="70">
        <v>9</v>
      </c>
      <c r="BS27" s="159"/>
      <c r="BT27" s="69">
        <v>8</v>
      </c>
      <c r="BU27" s="69">
        <v>4</v>
      </c>
      <c r="BV27" s="69">
        <v>2</v>
      </c>
      <c r="BW27" s="69">
        <v>7</v>
      </c>
      <c r="BX27" s="69">
        <v>3</v>
      </c>
      <c r="BY27" s="70">
        <v>24</v>
      </c>
      <c r="BZ27" s="71">
        <v>33</v>
      </c>
      <c r="CA27" s="68">
        <v>0</v>
      </c>
      <c r="CB27" s="69">
        <v>0</v>
      </c>
      <c r="CC27" s="70">
        <v>0</v>
      </c>
      <c r="CD27" s="159"/>
      <c r="CE27" s="69">
        <v>0</v>
      </c>
      <c r="CF27" s="69">
        <v>0</v>
      </c>
      <c r="CG27" s="69">
        <v>0</v>
      </c>
      <c r="CH27" s="69">
        <v>0</v>
      </c>
      <c r="CI27" s="69">
        <v>0</v>
      </c>
      <c r="CJ27" s="70">
        <v>0</v>
      </c>
      <c r="CK27" s="71">
        <v>0</v>
      </c>
      <c r="CL27" s="68">
        <v>23</v>
      </c>
      <c r="CM27" s="69">
        <v>13</v>
      </c>
      <c r="CN27" s="70">
        <v>36</v>
      </c>
      <c r="CO27" s="159"/>
      <c r="CP27" s="69">
        <v>31</v>
      </c>
      <c r="CQ27" s="69">
        <v>15</v>
      </c>
      <c r="CR27" s="69">
        <v>14</v>
      </c>
      <c r="CS27" s="69">
        <v>19</v>
      </c>
      <c r="CT27" s="69">
        <v>12</v>
      </c>
      <c r="CU27" s="70">
        <v>91</v>
      </c>
      <c r="CV27" s="71">
        <v>127</v>
      </c>
      <c r="CW27" s="108">
        <v>8</v>
      </c>
      <c r="CX27" s="80">
        <v>5</v>
      </c>
      <c r="CY27" s="81">
        <v>13</v>
      </c>
      <c r="CZ27" s="159"/>
      <c r="DA27" s="80">
        <v>10</v>
      </c>
      <c r="DB27" s="80">
        <v>9</v>
      </c>
      <c r="DC27" s="80">
        <v>3</v>
      </c>
      <c r="DD27" s="80">
        <v>3</v>
      </c>
      <c r="DE27" s="80">
        <v>2</v>
      </c>
      <c r="DF27" s="82">
        <v>27</v>
      </c>
      <c r="DG27" s="83">
        <v>40</v>
      </c>
      <c r="DH27" s="68">
        <v>0</v>
      </c>
      <c r="DI27" s="69">
        <v>0</v>
      </c>
      <c r="DJ27" s="70">
        <v>0</v>
      </c>
      <c r="DK27" s="159"/>
      <c r="DL27" s="69">
        <v>0</v>
      </c>
      <c r="DM27" s="69">
        <v>0</v>
      </c>
      <c r="DN27" s="69">
        <v>0</v>
      </c>
      <c r="DO27" s="69">
        <v>0</v>
      </c>
      <c r="DP27" s="69">
        <v>0</v>
      </c>
      <c r="DQ27" s="70">
        <v>0</v>
      </c>
      <c r="DR27" s="71">
        <v>0</v>
      </c>
      <c r="DS27" s="68">
        <v>0</v>
      </c>
      <c r="DT27" s="69">
        <v>0</v>
      </c>
      <c r="DU27" s="70">
        <v>0</v>
      </c>
      <c r="DV27" s="159"/>
      <c r="DW27" s="69">
        <v>2</v>
      </c>
      <c r="DX27" s="69">
        <v>0</v>
      </c>
      <c r="DY27" s="69">
        <v>0</v>
      </c>
      <c r="DZ27" s="69">
        <v>2</v>
      </c>
      <c r="EA27" s="69">
        <v>0</v>
      </c>
      <c r="EB27" s="70">
        <v>4</v>
      </c>
      <c r="EC27" s="71">
        <v>4</v>
      </c>
      <c r="ED27" s="68">
        <v>1</v>
      </c>
      <c r="EE27" s="69">
        <v>0</v>
      </c>
      <c r="EF27" s="70">
        <v>1</v>
      </c>
      <c r="EG27" s="159"/>
      <c r="EH27" s="69">
        <v>2</v>
      </c>
      <c r="EI27" s="69">
        <v>0</v>
      </c>
      <c r="EJ27" s="69">
        <v>0</v>
      </c>
      <c r="EK27" s="69">
        <v>0</v>
      </c>
      <c r="EL27" s="69">
        <v>0</v>
      </c>
      <c r="EM27" s="70">
        <v>2</v>
      </c>
      <c r="EN27" s="71">
        <v>3</v>
      </c>
      <c r="EO27" s="68">
        <v>0</v>
      </c>
      <c r="EP27" s="69">
        <v>2</v>
      </c>
      <c r="EQ27" s="70">
        <v>2</v>
      </c>
      <c r="ER27" s="159"/>
      <c r="ES27" s="69">
        <v>1</v>
      </c>
      <c r="ET27" s="69">
        <v>2</v>
      </c>
      <c r="EU27" s="69">
        <v>2</v>
      </c>
      <c r="EV27" s="69">
        <v>0</v>
      </c>
      <c r="EW27" s="69">
        <v>1</v>
      </c>
      <c r="EX27" s="70">
        <v>6</v>
      </c>
      <c r="EY27" s="71">
        <v>8</v>
      </c>
      <c r="EZ27" s="68">
        <v>5</v>
      </c>
      <c r="FA27" s="69">
        <v>2</v>
      </c>
      <c r="FB27" s="70">
        <v>7</v>
      </c>
      <c r="FC27" s="159"/>
      <c r="FD27" s="69">
        <v>3</v>
      </c>
      <c r="FE27" s="69">
        <v>3</v>
      </c>
      <c r="FF27" s="69">
        <v>1</v>
      </c>
      <c r="FG27" s="69">
        <v>0</v>
      </c>
      <c r="FH27" s="69">
        <v>1</v>
      </c>
      <c r="FI27" s="70">
        <v>8</v>
      </c>
      <c r="FJ27" s="71">
        <v>15</v>
      </c>
      <c r="FK27" s="68">
        <v>2</v>
      </c>
      <c r="FL27" s="69">
        <v>1</v>
      </c>
      <c r="FM27" s="70">
        <v>3</v>
      </c>
      <c r="FN27" s="159"/>
      <c r="FO27" s="69">
        <v>2</v>
      </c>
      <c r="FP27" s="69">
        <v>4</v>
      </c>
      <c r="FQ27" s="69">
        <v>0</v>
      </c>
      <c r="FR27" s="69">
        <v>1</v>
      </c>
      <c r="FS27" s="69">
        <v>0</v>
      </c>
      <c r="FT27" s="70">
        <v>7</v>
      </c>
      <c r="FU27" s="71">
        <v>10</v>
      </c>
      <c r="FV27" s="68">
        <v>0</v>
      </c>
      <c r="FW27" s="69">
        <v>0</v>
      </c>
      <c r="FX27" s="70">
        <v>0</v>
      </c>
      <c r="FY27" s="159"/>
      <c r="FZ27" s="69">
        <v>0</v>
      </c>
      <c r="GA27" s="69">
        <v>0</v>
      </c>
      <c r="GB27" s="69">
        <v>0</v>
      </c>
      <c r="GC27" s="69">
        <v>0</v>
      </c>
      <c r="GD27" s="69">
        <v>0</v>
      </c>
      <c r="GE27" s="70">
        <v>0</v>
      </c>
      <c r="GF27" s="71">
        <v>0</v>
      </c>
      <c r="GG27" s="68">
        <v>8</v>
      </c>
      <c r="GH27" s="69">
        <v>5</v>
      </c>
      <c r="GI27" s="70">
        <v>13</v>
      </c>
      <c r="GJ27" s="159"/>
      <c r="GK27" s="69">
        <v>10</v>
      </c>
      <c r="GL27" s="69">
        <v>9</v>
      </c>
      <c r="GM27" s="69">
        <v>3</v>
      </c>
      <c r="GN27" s="69">
        <v>3</v>
      </c>
      <c r="GO27" s="69">
        <v>2</v>
      </c>
      <c r="GP27" s="70">
        <v>27</v>
      </c>
      <c r="GQ27" s="71">
        <v>40</v>
      </c>
      <c r="GR27" s="108">
        <v>31</v>
      </c>
      <c r="GS27" s="80">
        <v>18</v>
      </c>
      <c r="GT27" s="81">
        <v>49</v>
      </c>
      <c r="GU27" s="159"/>
      <c r="GV27" s="80">
        <v>41</v>
      </c>
      <c r="GW27" s="80">
        <v>24</v>
      </c>
      <c r="GX27" s="80">
        <v>17</v>
      </c>
      <c r="GY27" s="80">
        <v>22</v>
      </c>
      <c r="GZ27" s="80">
        <v>14</v>
      </c>
      <c r="HA27" s="82">
        <v>118</v>
      </c>
      <c r="HB27" s="83">
        <v>167</v>
      </c>
      <c r="HC27" s="68">
        <v>0</v>
      </c>
      <c r="HD27" s="69">
        <v>0</v>
      </c>
      <c r="HE27" s="70">
        <v>0</v>
      </c>
      <c r="HF27" s="159"/>
      <c r="HG27" s="69">
        <v>0</v>
      </c>
      <c r="HH27" s="69">
        <v>0</v>
      </c>
      <c r="HI27" s="69">
        <v>0</v>
      </c>
      <c r="HJ27" s="69">
        <v>0</v>
      </c>
      <c r="HK27" s="69">
        <v>1</v>
      </c>
      <c r="HL27" s="70">
        <v>1</v>
      </c>
      <c r="HM27" s="71">
        <v>1</v>
      </c>
      <c r="HN27" s="68">
        <v>0</v>
      </c>
      <c r="HO27" s="69">
        <v>0</v>
      </c>
      <c r="HP27" s="70">
        <v>0</v>
      </c>
      <c r="HQ27" s="159"/>
      <c r="HR27" s="69">
        <v>2</v>
      </c>
      <c r="HS27" s="69">
        <v>0</v>
      </c>
      <c r="HT27" s="69">
        <v>3</v>
      </c>
      <c r="HU27" s="69">
        <v>2</v>
      </c>
      <c r="HV27" s="69">
        <v>0</v>
      </c>
      <c r="HW27" s="70">
        <v>7</v>
      </c>
      <c r="HX27" s="71">
        <v>7</v>
      </c>
      <c r="HY27" s="68">
        <v>3</v>
      </c>
      <c r="HZ27" s="69">
        <v>0</v>
      </c>
      <c r="IA27" s="70">
        <v>3</v>
      </c>
      <c r="IB27" s="159"/>
      <c r="IC27" s="69">
        <v>4</v>
      </c>
      <c r="ID27" s="69">
        <v>2</v>
      </c>
      <c r="IE27" s="69">
        <v>1</v>
      </c>
      <c r="IF27" s="69">
        <v>2</v>
      </c>
      <c r="IG27" s="69">
        <v>2</v>
      </c>
      <c r="IH27" s="70">
        <v>11</v>
      </c>
      <c r="II27" s="71">
        <v>14</v>
      </c>
      <c r="IJ27" s="68">
        <v>9</v>
      </c>
      <c r="IK27" s="69">
        <v>8</v>
      </c>
      <c r="IL27" s="70">
        <v>17</v>
      </c>
      <c r="IM27" s="159"/>
      <c r="IN27" s="69">
        <v>11</v>
      </c>
      <c r="IO27" s="69">
        <v>7</v>
      </c>
      <c r="IP27" s="69">
        <v>7</v>
      </c>
      <c r="IQ27" s="69">
        <v>5</v>
      </c>
      <c r="IR27" s="69">
        <v>3</v>
      </c>
      <c r="IS27" s="70">
        <v>33</v>
      </c>
      <c r="IT27" s="71">
        <v>50</v>
      </c>
      <c r="IU27" s="68">
        <v>13</v>
      </c>
      <c r="IV27" s="69">
        <v>4</v>
      </c>
      <c r="IW27" s="70">
        <v>17</v>
      </c>
      <c r="IX27" s="159"/>
      <c r="IY27" s="69">
        <v>14</v>
      </c>
      <c r="IZ27" s="69">
        <v>7</v>
      </c>
      <c r="JA27" s="69">
        <v>4</v>
      </c>
      <c r="JB27" s="69">
        <v>5</v>
      </c>
      <c r="JC27" s="69">
        <v>5</v>
      </c>
      <c r="JD27" s="70">
        <v>35</v>
      </c>
      <c r="JE27" s="71">
        <v>52</v>
      </c>
      <c r="JF27" s="68">
        <v>6</v>
      </c>
      <c r="JG27" s="69">
        <v>6</v>
      </c>
      <c r="JH27" s="70">
        <v>12</v>
      </c>
      <c r="JI27" s="159"/>
      <c r="JJ27" s="69">
        <v>10</v>
      </c>
      <c r="JK27" s="69">
        <v>8</v>
      </c>
      <c r="JL27" s="69">
        <v>2</v>
      </c>
      <c r="JM27" s="69">
        <v>8</v>
      </c>
      <c r="JN27" s="69">
        <v>3</v>
      </c>
      <c r="JO27" s="70">
        <v>31</v>
      </c>
      <c r="JP27" s="71">
        <v>43</v>
      </c>
      <c r="JQ27" s="68">
        <v>0</v>
      </c>
      <c r="JR27" s="69">
        <v>0</v>
      </c>
      <c r="JS27" s="70">
        <v>0</v>
      </c>
      <c r="JT27" s="159"/>
      <c r="JU27" s="69">
        <v>0</v>
      </c>
      <c r="JV27" s="69">
        <v>0</v>
      </c>
      <c r="JW27" s="69">
        <v>0</v>
      </c>
      <c r="JX27" s="69">
        <v>0</v>
      </c>
      <c r="JY27" s="69">
        <v>0</v>
      </c>
      <c r="JZ27" s="70">
        <v>0</v>
      </c>
      <c r="KA27" s="71">
        <v>0</v>
      </c>
      <c r="KB27" s="68">
        <v>31</v>
      </c>
      <c r="KC27" s="69">
        <v>18</v>
      </c>
      <c r="KD27" s="70">
        <v>49</v>
      </c>
      <c r="KE27" s="159"/>
      <c r="KF27" s="69">
        <v>41</v>
      </c>
      <c r="KG27" s="69">
        <v>24</v>
      </c>
      <c r="KH27" s="69">
        <v>17</v>
      </c>
      <c r="KI27" s="69">
        <v>22</v>
      </c>
      <c r="KJ27" s="69">
        <v>14</v>
      </c>
      <c r="KK27" s="70">
        <v>118</v>
      </c>
      <c r="KL27" s="71">
        <v>167</v>
      </c>
    </row>
    <row r="28" spans="1:298" ht="19.5" customHeight="1" x14ac:dyDescent="0.2">
      <c r="A28" s="111" t="s">
        <v>25</v>
      </c>
      <c r="B28" s="215">
        <v>7</v>
      </c>
      <c r="C28" s="80">
        <v>13</v>
      </c>
      <c r="D28" s="81">
        <v>20</v>
      </c>
      <c r="E28" s="159"/>
      <c r="F28" s="80">
        <v>10</v>
      </c>
      <c r="G28" s="80">
        <v>7</v>
      </c>
      <c r="H28" s="80">
        <v>7</v>
      </c>
      <c r="I28" s="80">
        <v>3</v>
      </c>
      <c r="J28" s="80">
        <v>3</v>
      </c>
      <c r="K28" s="82">
        <v>30</v>
      </c>
      <c r="L28" s="83">
        <v>50</v>
      </c>
      <c r="M28" s="68">
        <v>0</v>
      </c>
      <c r="N28" s="69">
        <v>1</v>
      </c>
      <c r="O28" s="70">
        <v>1</v>
      </c>
      <c r="P28" s="159"/>
      <c r="Q28" s="69">
        <v>0</v>
      </c>
      <c r="R28" s="69">
        <v>1</v>
      </c>
      <c r="S28" s="69">
        <v>0</v>
      </c>
      <c r="T28" s="69">
        <v>0</v>
      </c>
      <c r="U28" s="69">
        <v>1</v>
      </c>
      <c r="V28" s="70">
        <v>2</v>
      </c>
      <c r="W28" s="71">
        <v>3</v>
      </c>
      <c r="X28" s="68">
        <v>0</v>
      </c>
      <c r="Y28" s="69">
        <v>1</v>
      </c>
      <c r="Z28" s="70">
        <v>1</v>
      </c>
      <c r="AA28" s="159"/>
      <c r="AB28" s="69">
        <v>3</v>
      </c>
      <c r="AC28" s="69">
        <v>0</v>
      </c>
      <c r="AD28" s="69">
        <v>0</v>
      </c>
      <c r="AE28" s="69">
        <v>1</v>
      </c>
      <c r="AF28" s="69">
        <v>0</v>
      </c>
      <c r="AG28" s="70">
        <v>4</v>
      </c>
      <c r="AH28" s="71">
        <v>5</v>
      </c>
      <c r="AI28" s="68">
        <v>0</v>
      </c>
      <c r="AJ28" s="69">
        <v>2</v>
      </c>
      <c r="AK28" s="70">
        <v>2</v>
      </c>
      <c r="AL28" s="159"/>
      <c r="AM28" s="69">
        <v>1</v>
      </c>
      <c r="AN28" s="69">
        <v>1</v>
      </c>
      <c r="AO28" s="69">
        <v>0</v>
      </c>
      <c r="AP28" s="69">
        <v>1</v>
      </c>
      <c r="AQ28" s="69">
        <v>0</v>
      </c>
      <c r="AR28" s="70">
        <v>3</v>
      </c>
      <c r="AS28" s="71">
        <v>5</v>
      </c>
      <c r="AT28" s="68">
        <v>2</v>
      </c>
      <c r="AU28" s="69">
        <v>3</v>
      </c>
      <c r="AV28" s="70">
        <v>5</v>
      </c>
      <c r="AW28" s="159"/>
      <c r="AX28" s="69">
        <v>3</v>
      </c>
      <c r="AY28" s="69">
        <v>2</v>
      </c>
      <c r="AZ28" s="69">
        <v>4</v>
      </c>
      <c r="BA28" s="69">
        <v>1</v>
      </c>
      <c r="BB28" s="69">
        <v>0</v>
      </c>
      <c r="BC28" s="70">
        <v>10</v>
      </c>
      <c r="BD28" s="71">
        <v>15</v>
      </c>
      <c r="BE28" s="68">
        <v>4</v>
      </c>
      <c r="BF28" s="69">
        <v>3</v>
      </c>
      <c r="BG28" s="70">
        <v>7</v>
      </c>
      <c r="BH28" s="159"/>
      <c r="BI28" s="69">
        <v>2</v>
      </c>
      <c r="BJ28" s="69">
        <v>0</v>
      </c>
      <c r="BK28" s="69">
        <v>3</v>
      </c>
      <c r="BL28" s="69">
        <v>0</v>
      </c>
      <c r="BM28" s="69">
        <v>2</v>
      </c>
      <c r="BN28" s="70">
        <v>7</v>
      </c>
      <c r="BO28" s="71">
        <v>14</v>
      </c>
      <c r="BP28" s="68">
        <v>1</v>
      </c>
      <c r="BQ28" s="69">
        <v>3</v>
      </c>
      <c r="BR28" s="70">
        <v>4</v>
      </c>
      <c r="BS28" s="159"/>
      <c r="BT28" s="69">
        <v>1</v>
      </c>
      <c r="BU28" s="69">
        <v>3</v>
      </c>
      <c r="BV28" s="69">
        <v>0</v>
      </c>
      <c r="BW28" s="69">
        <v>0</v>
      </c>
      <c r="BX28" s="69">
        <v>0</v>
      </c>
      <c r="BY28" s="70">
        <v>4</v>
      </c>
      <c r="BZ28" s="71">
        <v>8</v>
      </c>
      <c r="CA28" s="68">
        <v>0</v>
      </c>
      <c r="CB28" s="69">
        <v>0</v>
      </c>
      <c r="CC28" s="70">
        <v>0</v>
      </c>
      <c r="CD28" s="159"/>
      <c r="CE28" s="69">
        <v>0</v>
      </c>
      <c r="CF28" s="69">
        <v>0</v>
      </c>
      <c r="CG28" s="69">
        <v>0</v>
      </c>
      <c r="CH28" s="69">
        <v>0</v>
      </c>
      <c r="CI28" s="69">
        <v>0</v>
      </c>
      <c r="CJ28" s="70">
        <v>0</v>
      </c>
      <c r="CK28" s="71">
        <v>0</v>
      </c>
      <c r="CL28" s="68">
        <v>7</v>
      </c>
      <c r="CM28" s="69">
        <v>13</v>
      </c>
      <c r="CN28" s="70">
        <v>20</v>
      </c>
      <c r="CO28" s="159"/>
      <c r="CP28" s="69">
        <v>10</v>
      </c>
      <c r="CQ28" s="69">
        <v>7</v>
      </c>
      <c r="CR28" s="69">
        <v>7</v>
      </c>
      <c r="CS28" s="69">
        <v>3</v>
      </c>
      <c r="CT28" s="69">
        <v>3</v>
      </c>
      <c r="CU28" s="70">
        <v>30</v>
      </c>
      <c r="CV28" s="71">
        <v>50</v>
      </c>
      <c r="CW28" s="108">
        <v>4</v>
      </c>
      <c r="CX28" s="80">
        <v>7</v>
      </c>
      <c r="CY28" s="81">
        <v>11</v>
      </c>
      <c r="CZ28" s="159"/>
      <c r="DA28" s="80">
        <v>11</v>
      </c>
      <c r="DB28" s="80">
        <v>5</v>
      </c>
      <c r="DC28" s="80">
        <v>2</v>
      </c>
      <c r="DD28" s="80">
        <v>7</v>
      </c>
      <c r="DE28" s="80">
        <v>2</v>
      </c>
      <c r="DF28" s="82">
        <v>27</v>
      </c>
      <c r="DG28" s="83">
        <v>38</v>
      </c>
      <c r="DH28" s="68">
        <v>0</v>
      </c>
      <c r="DI28" s="69">
        <v>0</v>
      </c>
      <c r="DJ28" s="70">
        <v>0</v>
      </c>
      <c r="DK28" s="159"/>
      <c r="DL28" s="69">
        <v>0</v>
      </c>
      <c r="DM28" s="69">
        <v>0</v>
      </c>
      <c r="DN28" s="69">
        <v>0</v>
      </c>
      <c r="DO28" s="69">
        <v>0</v>
      </c>
      <c r="DP28" s="69">
        <v>1</v>
      </c>
      <c r="DQ28" s="70">
        <v>1</v>
      </c>
      <c r="DR28" s="71">
        <v>1</v>
      </c>
      <c r="DS28" s="68">
        <v>0</v>
      </c>
      <c r="DT28" s="69">
        <v>0</v>
      </c>
      <c r="DU28" s="70">
        <v>0</v>
      </c>
      <c r="DV28" s="159"/>
      <c r="DW28" s="69">
        <v>1</v>
      </c>
      <c r="DX28" s="69">
        <v>0</v>
      </c>
      <c r="DY28" s="69">
        <v>0</v>
      </c>
      <c r="DZ28" s="69">
        <v>1</v>
      </c>
      <c r="EA28" s="69">
        <v>0</v>
      </c>
      <c r="EB28" s="70">
        <v>2</v>
      </c>
      <c r="EC28" s="71">
        <v>2</v>
      </c>
      <c r="ED28" s="68">
        <v>1</v>
      </c>
      <c r="EE28" s="69">
        <v>2</v>
      </c>
      <c r="EF28" s="70">
        <v>3</v>
      </c>
      <c r="EG28" s="159"/>
      <c r="EH28" s="69">
        <v>1</v>
      </c>
      <c r="EI28" s="69">
        <v>1</v>
      </c>
      <c r="EJ28" s="69">
        <v>0</v>
      </c>
      <c r="EK28" s="69">
        <v>0</v>
      </c>
      <c r="EL28" s="69">
        <v>0</v>
      </c>
      <c r="EM28" s="70">
        <v>2</v>
      </c>
      <c r="EN28" s="71">
        <v>5</v>
      </c>
      <c r="EO28" s="68">
        <v>0</v>
      </c>
      <c r="EP28" s="69">
        <v>1</v>
      </c>
      <c r="EQ28" s="70">
        <v>1</v>
      </c>
      <c r="ER28" s="159"/>
      <c r="ES28" s="69">
        <v>0</v>
      </c>
      <c r="ET28" s="69">
        <v>0</v>
      </c>
      <c r="EU28" s="69">
        <v>0</v>
      </c>
      <c r="EV28" s="69">
        <v>4</v>
      </c>
      <c r="EW28" s="69">
        <v>1</v>
      </c>
      <c r="EX28" s="70">
        <v>5</v>
      </c>
      <c r="EY28" s="71">
        <v>6</v>
      </c>
      <c r="EZ28" s="68">
        <v>1</v>
      </c>
      <c r="FA28" s="69">
        <v>2</v>
      </c>
      <c r="FB28" s="70">
        <v>3</v>
      </c>
      <c r="FC28" s="159"/>
      <c r="FD28" s="69">
        <v>5</v>
      </c>
      <c r="FE28" s="69">
        <v>0</v>
      </c>
      <c r="FF28" s="69">
        <v>1</v>
      </c>
      <c r="FG28" s="69">
        <v>1</v>
      </c>
      <c r="FH28" s="69">
        <v>0</v>
      </c>
      <c r="FI28" s="70">
        <v>7</v>
      </c>
      <c r="FJ28" s="71">
        <v>10</v>
      </c>
      <c r="FK28" s="68">
        <v>2</v>
      </c>
      <c r="FL28" s="69">
        <v>2</v>
      </c>
      <c r="FM28" s="70">
        <v>4</v>
      </c>
      <c r="FN28" s="159"/>
      <c r="FO28" s="69">
        <v>4</v>
      </c>
      <c r="FP28" s="69">
        <v>4</v>
      </c>
      <c r="FQ28" s="69">
        <v>1</v>
      </c>
      <c r="FR28" s="69">
        <v>1</v>
      </c>
      <c r="FS28" s="69">
        <v>0</v>
      </c>
      <c r="FT28" s="70">
        <v>10</v>
      </c>
      <c r="FU28" s="71">
        <v>14</v>
      </c>
      <c r="FV28" s="68">
        <v>0</v>
      </c>
      <c r="FW28" s="69">
        <v>0</v>
      </c>
      <c r="FX28" s="70">
        <v>0</v>
      </c>
      <c r="FY28" s="159"/>
      <c r="FZ28" s="69">
        <v>0</v>
      </c>
      <c r="GA28" s="69">
        <v>0</v>
      </c>
      <c r="GB28" s="69">
        <v>0</v>
      </c>
      <c r="GC28" s="69">
        <v>0</v>
      </c>
      <c r="GD28" s="69">
        <v>0</v>
      </c>
      <c r="GE28" s="70">
        <v>0</v>
      </c>
      <c r="GF28" s="71">
        <v>0</v>
      </c>
      <c r="GG28" s="68">
        <v>4</v>
      </c>
      <c r="GH28" s="69">
        <v>7</v>
      </c>
      <c r="GI28" s="70">
        <v>11</v>
      </c>
      <c r="GJ28" s="159"/>
      <c r="GK28" s="69">
        <v>11</v>
      </c>
      <c r="GL28" s="69">
        <v>5</v>
      </c>
      <c r="GM28" s="69">
        <v>2</v>
      </c>
      <c r="GN28" s="69">
        <v>7</v>
      </c>
      <c r="GO28" s="69">
        <v>2</v>
      </c>
      <c r="GP28" s="70">
        <v>27</v>
      </c>
      <c r="GQ28" s="71">
        <v>38</v>
      </c>
      <c r="GR28" s="108">
        <v>11</v>
      </c>
      <c r="GS28" s="80">
        <v>20</v>
      </c>
      <c r="GT28" s="81">
        <v>31</v>
      </c>
      <c r="GU28" s="159"/>
      <c r="GV28" s="80">
        <v>21</v>
      </c>
      <c r="GW28" s="80">
        <v>12</v>
      </c>
      <c r="GX28" s="80">
        <v>9</v>
      </c>
      <c r="GY28" s="80">
        <v>10</v>
      </c>
      <c r="GZ28" s="80">
        <v>5</v>
      </c>
      <c r="HA28" s="82">
        <v>57</v>
      </c>
      <c r="HB28" s="83">
        <v>88</v>
      </c>
      <c r="HC28" s="68">
        <v>0</v>
      </c>
      <c r="HD28" s="69">
        <v>1</v>
      </c>
      <c r="HE28" s="70">
        <v>1</v>
      </c>
      <c r="HF28" s="159"/>
      <c r="HG28" s="69">
        <v>0</v>
      </c>
      <c r="HH28" s="69">
        <v>1</v>
      </c>
      <c r="HI28" s="69">
        <v>0</v>
      </c>
      <c r="HJ28" s="69">
        <v>0</v>
      </c>
      <c r="HK28" s="69">
        <v>2</v>
      </c>
      <c r="HL28" s="70">
        <v>3</v>
      </c>
      <c r="HM28" s="71">
        <v>4</v>
      </c>
      <c r="HN28" s="68">
        <v>0</v>
      </c>
      <c r="HO28" s="69">
        <v>1</v>
      </c>
      <c r="HP28" s="70">
        <v>1</v>
      </c>
      <c r="HQ28" s="159"/>
      <c r="HR28" s="69">
        <v>4</v>
      </c>
      <c r="HS28" s="69">
        <v>0</v>
      </c>
      <c r="HT28" s="69">
        <v>0</v>
      </c>
      <c r="HU28" s="69">
        <v>2</v>
      </c>
      <c r="HV28" s="69">
        <v>0</v>
      </c>
      <c r="HW28" s="70">
        <v>6</v>
      </c>
      <c r="HX28" s="71">
        <v>7</v>
      </c>
      <c r="HY28" s="68">
        <v>1</v>
      </c>
      <c r="HZ28" s="69">
        <v>4</v>
      </c>
      <c r="IA28" s="70">
        <v>5</v>
      </c>
      <c r="IB28" s="159"/>
      <c r="IC28" s="69">
        <v>2</v>
      </c>
      <c r="ID28" s="69">
        <v>2</v>
      </c>
      <c r="IE28" s="69">
        <v>0</v>
      </c>
      <c r="IF28" s="69">
        <v>1</v>
      </c>
      <c r="IG28" s="69">
        <v>0</v>
      </c>
      <c r="IH28" s="70">
        <v>5</v>
      </c>
      <c r="II28" s="71">
        <v>10</v>
      </c>
      <c r="IJ28" s="68">
        <v>2</v>
      </c>
      <c r="IK28" s="69">
        <v>4</v>
      </c>
      <c r="IL28" s="70">
        <v>6</v>
      </c>
      <c r="IM28" s="159"/>
      <c r="IN28" s="69">
        <v>3</v>
      </c>
      <c r="IO28" s="69">
        <v>2</v>
      </c>
      <c r="IP28" s="69">
        <v>4</v>
      </c>
      <c r="IQ28" s="69">
        <v>5</v>
      </c>
      <c r="IR28" s="69">
        <v>1</v>
      </c>
      <c r="IS28" s="70">
        <v>15</v>
      </c>
      <c r="IT28" s="71">
        <v>21</v>
      </c>
      <c r="IU28" s="68">
        <v>5</v>
      </c>
      <c r="IV28" s="69">
        <v>5</v>
      </c>
      <c r="IW28" s="70">
        <v>10</v>
      </c>
      <c r="IX28" s="159"/>
      <c r="IY28" s="69">
        <v>7</v>
      </c>
      <c r="IZ28" s="69">
        <v>0</v>
      </c>
      <c r="JA28" s="69">
        <v>4</v>
      </c>
      <c r="JB28" s="69">
        <v>1</v>
      </c>
      <c r="JC28" s="69">
        <v>2</v>
      </c>
      <c r="JD28" s="70">
        <v>14</v>
      </c>
      <c r="JE28" s="71">
        <v>24</v>
      </c>
      <c r="JF28" s="68">
        <v>3</v>
      </c>
      <c r="JG28" s="69">
        <v>5</v>
      </c>
      <c r="JH28" s="70">
        <v>8</v>
      </c>
      <c r="JI28" s="159"/>
      <c r="JJ28" s="69">
        <v>5</v>
      </c>
      <c r="JK28" s="69">
        <v>7</v>
      </c>
      <c r="JL28" s="69">
        <v>1</v>
      </c>
      <c r="JM28" s="69">
        <v>1</v>
      </c>
      <c r="JN28" s="69">
        <v>0</v>
      </c>
      <c r="JO28" s="70">
        <v>14</v>
      </c>
      <c r="JP28" s="71">
        <v>22</v>
      </c>
      <c r="JQ28" s="68">
        <v>0</v>
      </c>
      <c r="JR28" s="69">
        <v>0</v>
      </c>
      <c r="JS28" s="70">
        <v>0</v>
      </c>
      <c r="JT28" s="159"/>
      <c r="JU28" s="69">
        <v>0</v>
      </c>
      <c r="JV28" s="69">
        <v>0</v>
      </c>
      <c r="JW28" s="69">
        <v>0</v>
      </c>
      <c r="JX28" s="69">
        <v>0</v>
      </c>
      <c r="JY28" s="69">
        <v>0</v>
      </c>
      <c r="JZ28" s="70">
        <v>0</v>
      </c>
      <c r="KA28" s="71">
        <v>0</v>
      </c>
      <c r="KB28" s="68">
        <v>11</v>
      </c>
      <c r="KC28" s="69">
        <v>20</v>
      </c>
      <c r="KD28" s="70">
        <v>31</v>
      </c>
      <c r="KE28" s="159"/>
      <c r="KF28" s="69">
        <v>21</v>
      </c>
      <c r="KG28" s="69">
        <v>12</v>
      </c>
      <c r="KH28" s="69">
        <v>9</v>
      </c>
      <c r="KI28" s="69">
        <v>10</v>
      </c>
      <c r="KJ28" s="69">
        <v>5</v>
      </c>
      <c r="KK28" s="70">
        <v>57</v>
      </c>
      <c r="KL28" s="71">
        <v>88</v>
      </c>
    </row>
    <row r="29" spans="1:298" ht="19.5" customHeight="1" x14ac:dyDescent="0.2">
      <c r="A29" s="111" t="s">
        <v>26</v>
      </c>
      <c r="B29" s="215">
        <v>14</v>
      </c>
      <c r="C29" s="80">
        <v>11</v>
      </c>
      <c r="D29" s="81">
        <v>25</v>
      </c>
      <c r="E29" s="159"/>
      <c r="F29" s="80">
        <v>28</v>
      </c>
      <c r="G29" s="80">
        <v>10</v>
      </c>
      <c r="H29" s="80">
        <v>9</v>
      </c>
      <c r="I29" s="80">
        <v>5</v>
      </c>
      <c r="J29" s="80">
        <v>6</v>
      </c>
      <c r="K29" s="82">
        <v>58</v>
      </c>
      <c r="L29" s="83">
        <v>83</v>
      </c>
      <c r="M29" s="68">
        <v>1</v>
      </c>
      <c r="N29" s="69">
        <v>0</v>
      </c>
      <c r="O29" s="70">
        <v>1</v>
      </c>
      <c r="P29" s="159"/>
      <c r="Q29" s="69">
        <v>1</v>
      </c>
      <c r="R29" s="69">
        <v>0</v>
      </c>
      <c r="S29" s="69">
        <v>0</v>
      </c>
      <c r="T29" s="69">
        <v>0</v>
      </c>
      <c r="U29" s="69">
        <v>0</v>
      </c>
      <c r="V29" s="70">
        <v>1</v>
      </c>
      <c r="W29" s="71">
        <v>2</v>
      </c>
      <c r="X29" s="68">
        <v>1</v>
      </c>
      <c r="Y29" s="69">
        <v>0</v>
      </c>
      <c r="Z29" s="70">
        <v>1</v>
      </c>
      <c r="AA29" s="159"/>
      <c r="AB29" s="69">
        <v>2</v>
      </c>
      <c r="AC29" s="69">
        <v>1</v>
      </c>
      <c r="AD29" s="69">
        <v>2</v>
      </c>
      <c r="AE29" s="69">
        <v>1</v>
      </c>
      <c r="AF29" s="69">
        <v>0</v>
      </c>
      <c r="AG29" s="70">
        <v>6</v>
      </c>
      <c r="AH29" s="71">
        <v>7</v>
      </c>
      <c r="AI29" s="68">
        <v>2</v>
      </c>
      <c r="AJ29" s="69">
        <v>1</v>
      </c>
      <c r="AK29" s="70">
        <v>3</v>
      </c>
      <c r="AL29" s="159"/>
      <c r="AM29" s="69">
        <v>4</v>
      </c>
      <c r="AN29" s="69">
        <v>2</v>
      </c>
      <c r="AO29" s="69">
        <v>1</v>
      </c>
      <c r="AP29" s="69">
        <v>0</v>
      </c>
      <c r="AQ29" s="69">
        <v>1</v>
      </c>
      <c r="AR29" s="70">
        <v>8</v>
      </c>
      <c r="AS29" s="71">
        <v>11</v>
      </c>
      <c r="AT29" s="68">
        <v>3</v>
      </c>
      <c r="AU29" s="69">
        <v>1</v>
      </c>
      <c r="AV29" s="70">
        <v>4</v>
      </c>
      <c r="AW29" s="159"/>
      <c r="AX29" s="69">
        <v>6</v>
      </c>
      <c r="AY29" s="69">
        <v>2</v>
      </c>
      <c r="AZ29" s="69">
        <v>1</v>
      </c>
      <c r="BA29" s="69">
        <v>0</v>
      </c>
      <c r="BB29" s="69">
        <v>3</v>
      </c>
      <c r="BC29" s="70">
        <v>12</v>
      </c>
      <c r="BD29" s="71">
        <v>16</v>
      </c>
      <c r="BE29" s="68">
        <v>6</v>
      </c>
      <c r="BF29" s="69">
        <v>4</v>
      </c>
      <c r="BG29" s="70">
        <v>10</v>
      </c>
      <c r="BH29" s="159"/>
      <c r="BI29" s="69">
        <v>4</v>
      </c>
      <c r="BJ29" s="69">
        <v>1</v>
      </c>
      <c r="BK29" s="69">
        <v>1</v>
      </c>
      <c r="BL29" s="69">
        <v>1</v>
      </c>
      <c r="BM29" s="69">
        <v>1</v>
      </c>
      <c r="BN29" s="70">
        <v>8</v>
      </c>
      <c r="BO29" s="71">
        <v>18</v>
      </c>
      <c r="BP29" s="68">
        <v>1</v>
      </c>
      <c r="BQ29" s="69">
        <v>5</v>
      </c>
      <c r="BR29" s="70">
        <v>6</v>
      </c>
      <c r="BS29" s="159"/>
      <c r="BT29" s="69">
        <v>11</v>
      </c>
      <c r="BU29" s="69">
        <v>4</v>
      </c>
      <c r="BV29" s="69">
        <v>4</v>
      </c>
      <c r="BW29" s="69">
        <v>3</v>
      </c>
      <c r="BX29" s="69">
        <v>1</v>
      </c>
      <c r="BY29" s="70">
        <v>23</v>
      </c>
      <c r="BZ29" s="71">
        <v>29</v>
      </c>
      <c r="CA29" s="68">
        <v>0</v>
      </c>
      <c r="CB29" s="69">
        <v>0</v>
      </c>
      <c r="CC29" s="70">
        <v>0</v>
      </c>
      <c r="CD29" s="159"/>
      <c r="CE29" s="69">
        <v>0</v>
      </c>
      <c r="CF29" s="69">
        <v>0</v>
      </c>
      <c r="CG29" s="69">
        <v>0</v>
      </c>
      <c r="CH29" s="69">
        <v>0</v>
      </c>
      <c r="CI29" s="69">
        <v>0</v>
      </c>
      <c r="CJ29" s="70">
        <v>0</v>
      </c>
      <c r="CK29" s="71">
        <v>0</v>
      </c>
      <c r="CL29" s="68">
        <v>14</v>
      </c>
      <c r="CM29" s="69">
        <v>11</v>
      </c>
      <c r="CN29" s="70">
        <v>25</v>
      </c>
      <c r="CO29" s="159"/>
      <c r="CP29" s="69">
        <v>28</v>
      </c>
      <c r="CQ29" s="69">
        <v>10</v>
      </c>
      <c r="CR29" s="69">
        <v>9</v>
      </c>
      <c r="CS29" s="69">
        <v>5</v>
      </c>
      <c r="CT29" s="69">
        <v>6</v>
      </c>
      <c r="CU29" s="70">
        <v>58</v>
      </c>
      <c r="CV29" s="71">
        <v>83</v>
      </c>
      <c r="CW29" s="108">
        <v>5</v>
      </c>
      <c r="CX29" s="80">
        <v>3</v>
      </c>
      <c r="CY29" s="81">
        <v>8</v>
      </c>
      <c r="CZ29" s="159"/>
      <c r="DA29" s="80">
        <v>7</v>
      </c>
      <c r="DB29" s="80">
        <v>4</v>
      </c>
      <c r="DC29" s="80">
        <v>3</v>
      </c>
      <c r="DD29" s="80">
        <v>2</v>
      </c>
      <c r="DE29" s="80">
        <v>2</v>
      </c>
      <c r="DF29" s="82">
        <v>18</v>
      </c>
      <c r="DG29" s="83">
        <v>26</v>
      </c>
      <c r="DH29" s="68">
        <v>1</v>
      </c>
      <c r="DI29" s="69">
        <v>0</v>
      </c>
      <c r="DJ29" s="70">
        <v>1</v>
      </c>
      <c r="DK29" s="159"/>
      <c r="DL29" s="69">
        <v>0</v>
      </c>
      <c r="DM29" s="69">
        <v>1</v>
      </c>
      <c r="DN29" s="69">
        <v>0</v>
      </c>
      <c r="DO29" s="69">
        <v>0</v>
      </c>
      <c r="DP29" s="69">
        <v>0</v>
      </c>
      <c r="DQ29" s="70">
        <v>1</v>
      </c>
      <c r="DR29" s="71">
        <v>2</v>
      </c>
      <c r="DS29" s="68">
        <v>0</v>
      </c>
      <c r="DT29" s="69">
        <v>0</v>
      </c>
      <c r="DU29" s="70">
        <v>0</v>
      </c>
      <c r="DV29" s="159"/>
      <c r="DW29" s="69">
        <v>0</v>
      </c>
      <c r="DX29" s="69">
        <v>1</v>
      </c>
      <c r="DY29" s="69">
        <v>0</v>
      </c>
      <c r="DZ29" s="69">
        <v>0</v>
      </c>
      <c r="EA29" s="69">
        <v>0</v>
      </c>
      <c r="EB29" s="70">
        <v>1</v>
      </c>
      <c r="EC29" s="71">
        <v>1</v>
      </c>
      <c r="ED29" s="68">
        <v>2</v>
      </c>
      <c r="EE29" s="69">
        <v>0</v>
      </c>
      <c r="EF29" s="70">
        <v>2</v>
      </c>
      <c r="EG29" s="159"/>
      <c r="EH29" s="69">
        <v>1</v>
      </c>
      <c r="EI29" s="69">
        <v>0</v>
      </c>
      <c r="EJ29" s="69">
        <v>0</v>
      </c>
      <c r="EK29" s="69">
        <v>0</v>
      </c>
      <c r="EL29" s="69">
        <v>0</v>
      </c>
      <c r="EM29" s="70">
        <v>1</v>
      </c>
      <c r="EN29" s="71">
        <v>3</v>
      </c>
      <c r="EO29" s="68">
        <v>0</v>
      </c>
      <c r="EP29" s="69">
        <v>0</v>
      </c>
      <c r="EQ29" s="70">
        <v>0</v>
      </c>
      <c r="ER29" s="159"/>
      <c r="ES29" s="69">
        <v>1</v>
      </c>
      <c r="ET29" s="69">
        <v>1</v>
      </c>
      <c r="EU29" s="69">
        <v>0</v>
      </c>
      <c r="EV29" s="69">
        <v>0</v>
      </c>
      <c r="EW29" s="69">
        <v>0</v>
      </c>
      <c r="EX29" s="70">
        <v>2</v>
      </c>
      <c r="EY29" s="71">
        <v>2</v>
      </c>
      <c r="EZ29" s="68">
        <v>1</v>
      </c>
      <c r="FA29" s="69">
        <v>2</v>
      </c>
      <c r="FB29" s="70">
        <v>3</v>
      </c>
      <c r="FC29" s="159"/>
      <c r="FD29" s="69">
        <v>3</v>
      </c>
      <c r="FE29" s="69">
        <v>1</v>
      </c>
      <c r="FF29" s="69">
        <v>2</v>
      </c>
      <c r="FG29" s="69">
        <v>0</v>
      </c>
      <c r="FH29" s="69">
        <v>0</v>
      </c>
      <c r="FI29" s="70">
        <v>6</v>
      </c>
      <c r="FJ29" s="71">
        <v>9</v>
      </c>
      <c r="FK29" s="68">
        <v>1</v>
      </c>
      <c r="FL29" s="69">
        <v>1</v>
      </c>
      <c r="FM29" s="70">
        <v>2</v>
      </c>
      <c r="FN29" s="159"/>
      <c r="FO29" s="69">
        <v>2</v>
      </c>
      <c r="FP29" s="69">
        <v>0</v>
      </c>
      <c r="FQ29" s="69">
        <v>1</v>
      </c>
      <c r="FR29" s="69">
        <v>2</v>
      </c>
      <c r="FS29" s="69">
        <v>2</v>
      </c>
      <c r="FT29" s="70">
        <v>7</v>
      </c>
      <c r="FU29" s="71">
        <v>9</v>
      </c>
      <c r="FV29" s="68">
        <v>0</v>
      </c>
      <c r="FW29" s="69">
        <v>0</v>
      </c>
      <c r="FX29" s="70">
        <v>0</v>
      </c>
      <c r="FY29" s="159"/>
      <c r="FZ29" s="69">
        <v>0</v>
      </c>
      <c r="GA29" s="69">
        <v>0</v>
      </c>
      <c r="GB29" s="69">
        <v>0</v>
      </c>
      <c r="GC29" s="69">
        <v>0</v>
      </c>
      <c r="GD29" s="69">
        <v>0</v>
      </c>
      <c r="GE29" s="70">
        <v>0</v>
      </c>
      <c r="GF29" s="71">
        <v>0</v>
      </c>
      <c r="GG29" s="68">
        <v>5</v>
      </c>
      <c r="GH29" s="69">
        <v>3</v>
      </c>
      <c r="GI29" s="70">
        <v>8</v>
      </c>
      <c r="GJ29" s="159"/>
      <c r="GK29" s="69">
        <v>7</v>
      </c>
      <c r="GL29" s="69">
        <v>4</v>
      </c>
      <c r="GM29" s="69">
        <v>3</v>
      </c>
      <c r="GN29" s="69">
        <v>2</v>
      </c>
      <c r="GO29" s="69">
        <v>2</v>
      </c>
      <c r="GP29" s="70">
        <v>18</v>
      </c>
      <c r="GQ29" s="71">
        <v>26</v>
      </c>
      <c r="GR29" s="108">
        <v>19</v>
      </c>
      <c r="GS29" s="80">
        <v>14</v>
      </c>
      <c r="GT29" s="81">
        <v>33</v>
      </c>
      <c r="GU29" s="159"/>
      <c r="GV29" s="80">
        <v>35</v>
      </c>
      <c r="GW29" s="80">
        <v>14</v>
      </c>
      <c r="GX29" s="80">
        <v>12</v>
      </c>
      <c r="GY29" s="80">
        <v>7</v>
      </c>
      <c r="GZ29" s="80">
        <v>8</v>
      </c>
      <c r="HA29" s="82">
        <v>76</v>
      </c>
      <c r="HB29" s="83">
        <v>109</v>
      </c>
      <c r="HC29" s="68">
        <v>2</v>
      </c>
      <c r="HD29" s="69">
        <v>0</v>
      </c>
      <c r="HE29" s="70">
        <v>2</v>
      </c>
      <c r="HF29" s="159"/>
      <c r="HG29" s="69">
        <v>1</v>
      </c>
      <c r="HH29" s="69">
        <v>1</v>
      </c>
      <c r="HI29" s="69">
        <v>0</v>
      </c>
      <c r="HJ29" s="69">
        <v>0</v>
      </c>
      <c r="HK29" s="69">
        <v>0</v>
      </c>
      <c r="HL29" s="70">
        <v>2</v>
      </c>
      <c r="HM29" s="71">
        <v>4</v>
      </c>
      <c r="HN29" s="68">
        <v>1</v>
      </c>
      <c r="HO29" s="69">
        <v>0</v>
      </c>
      <c r="HP29" s="70">
        <v>1</v>
      </c>
      <c r="HQ29" s="159"/>
      <c r="HR29" s="69">
        <v>2</v>
      </c>
      <c r="HS29" s="69">
        <v>2</v>
      </c>
      <c r="HT29" s="69">
        <v>2</v>
      </c>
      <c r="HU29" s="69">
        <v>1</v>
      </c>
      <c r="HV29" s="69">
        <v>0</v>
      </c>
      <c r="HW29" s="70">
        <v>7</v>
      </c>
      <c r="HX29" s="71">
        <v>8</v>
      </c>
      <c r="HY29" s="68">
        <v>4</v>
      </c>
      <c r="HZ29" s="69">
        <v>1</v>
      </c>
      <c r="IA29" s="70">
        <v>5</v>
      </c>
      <c r="IB29" s="159"/>
      <c r="IC29" s="69">
        <v>5</v>
      </c>
      <c r="ID29" s="69">
        <v>2</v>
      </c>
      <c r="IE29" s="69">
        <v>1</v>
      </c>
      <c r="IF29" s="69">
        <v>0</v>
      </c>
      <c r="IG29" s="69">
        <v>1</v>
      </c>
      <c r="IH29" s="70">
        <v>9</v>
      </c>
      <c r="II29" s="71">
        <v>14</v>
      </c>
      <c r="IJ29" s="68">
        <v>3</v>
      </c>
      <c r="IK29" s="69">
        <v>1</v>
      </c>
      <c r="IL29" s="70">
        <v>4</v>
      </c>
      <c r="IM29" s="159"/>
      <c r="IN29" s="69">
        <v>7</v>
      </c>
      <c r="IO29" s="69">
        <v>3</v>
      </c>
      <c r="IP29" s="69">
        <v>1</v>
      </c>
      <c r="IQ29" s="69">
        <v>0</v>
      </c>
      <c r="IR29" s="69">
        <v>3</v>
      </c>
      <c r="IS29" s="70">
        <v>14</v>
      </c>
      <c r="IT29" s="71">
        <v>18</v>
      </c>
      <c r="IU29" s="68">
        <v>7</v>
      </c>
      <c r="IV29" s="69">
        <v>6</v>
      </c>
      <c r="IW29" s="70">
        <v>13</v>
      </c>
      <c r="IX29" s="159"/>
      <c r="IY29" s="69">
        <v>7</v>
      </c>
      <c r="IZ29" s="69">
        <v>2</v>
      </c>
      <c r="JA29" s="69">
        <v>3</v>
      </c>
      <c r="JB29" s="69">
        <v>1</v>
      </c>
      <c r="JC29" s="69">
        <v>1</v>
      </c>
      <c r="JD29" s="70">
        <v>14</v>
      </c>
      <c r="JE29" s="71">
        <v>27</v>
      </c>
      <c r="JF29" s="68">
        <v>2</v>
      </c>
      <c r="JG29" s="69">
        <v>6</v>
      </c>
      <c r="JH29" s="70">
        <v>8</v>
      </c>
      <c r="JI29" s="159"/>
      <c r="JJ29" s="69">
        <v>13</v>
      </c>
      <c r="JK29" s="69">
        <v>4</v>
      </c>
      <c r="JL29" s="69">
        <v>5</v>
      </c>
      <c r="JM29" s="69">
        <v>5</v>
      </c>
      <c r="JN29" s="69">
        <v>3</v>
      </c>
      <c r="JO29" s="70">
        <v>30</v>
      </c>
      <c r="JP29" s="71">
        <v>38</v>
      </c>
      <c r="JQ29" s="68">
        <v>0</v>
      </c>
      <c r="JR29" s="69">
        <v>0</v>
      </c>
      <c r="JS29" s="70">
        <v>0</v>
      </c>
      <c r="JT29" s="159"/>
      <c r="JU29" s="69">
        <v>0</v>
      </c>
      <c r="JV29" s="69">
        <v>0</v>
      </c>
      <c r="JW29" s="69">
        <v>0</v>
      </c>
      <c r="JX29" s="69">
        <v>0</v>
      </c>
      <c r="JY29" s="69">
        <v>0</v>
      </c>
      <c r="JZ29" s="70">
        <v>0</v>
      </c>
      <c r="KA29" s="71">
        <v>0</v>
      </c>
      <c r="KB29" s="68">
        <v>19</v>
      </c>
      <c r="KC29" s="69">
        <v>14</v>
      </c>
      <c r="KD29" s="70">
        <v>33</v>
      </c>
      <c r="KE29" s="159"/>
      <c r="KF29" s="69">
        <v>35</v>
      </c>
      <c r="KG29" s="69">
        <v>14</v>
      </c>
      <c r="KH29" s="69">
        <v>12</v>
      </c>
      <c r="KI29" s="69">
        <v>7</v>
      </c>
      <c r="KJ29" s="69">
        <v>8</v>
      </c>
      <c r="KK29" s="70">
        <v>76</v>
      </c>
      <c r="KL29" s="71">
        <v>109</v>
      </c>
    </row>
    <row r="30" spans="1:298" ht="19.5" customHeight="1" x14ac:dyDescent="0.2">
      <c r="A30" s="111" t="s">
        <v>27</v>
      </c>
      <c r="B30" s="215">
        <v>12</v>
      </c>
      <c r="C30" s="80">
        <v>16</v>
      </c>
      <c r="D30" s="81">
        <v>28</v>
      </c>
      <c r="E30" s="159"/>
      <c r="F30" s="80">
        <v>15</v>
      </c>
      <c r="G30" s="80">
        <v>6</v>
      </c>
      <c r="H30" s="80">
        <v>10</v>
      </c>
      <c r="I30" s="80">
        <v>5</v>
      </c>
      <c r="J30" s="80">
        <v>3</v>
      </c>
      <c r="K30" s="82">
        <v>39</v>
      </c>
      <c r="L30" s="83">
        <v>67</v>
      </c>
      <c r="M30" s="68">
        <v>1</v>
      </c>
      <c r="N30" s="69">
        <v>0</v>
      </c>
      <c r="O30" s="70">
        <v>1</v>
      </c>
      <c r="P30" s="159"/>
      <c r="Q30" s="69">
        <v>0</v>
      </c>
      <c r="R30" s="69">
        <v>1</v>
      </c>
      <c r="S30" s="69">
        <v>0</v>
      </c>
      <c r="T30" s="69">
        <v>0</v>
      </c>
      <c r="U30" s="69">
        <v>0</v>
      </c>
      <c r="V30" s="70">
        <v>1</v>
      </c>
      <c r="W30" s="71">
        <v>2</v>
      </c>
      <c r="X30" s="68">
        <v>2</v>
      </c>
      <c r="Y30" s="69">
        <v>2</v>
      </c>
      <c r="Z30" s="70">
        <v>4</v>
      </c>
      <c r="AA30" s="159"/>
      <c r="AB30" s="69">
        <v>1</v>
      </c>
      <c r="AC30" s="69">
        <v>1</v>
      </c>
      <c r="AD30" s="69">
        <v>0</v>
      </c>
      <c r="AE30" s="69">
        <v>0</v>
      </c>
      <c r="AF30" s="69">
        <v>0</v>
      </c>
      <c r="AG30" s="70">
        <v>2</v>
      </c>
      <c r="AH30" s="71">
        <v>6</v>
      </c>
      <c r="AI30" s="68">
        <v>1</v>
      </c>
      <c r="AJ30" s="69">
        <v>5</v>
      </c>
      <c r="AK30" s="70">
        <v>6</v>
      </c>
      <c r="AL30" s="159"/>
      <c r="AM30" s="69">
        <v>1</v>
      </c>
      <c r="AN30" s="69">
        <v>0</v>
      </c>
      <c r="AO30" s="69">
        <v>1</v>
      </c>
      <c r="AP30" s="69">
        <v>0</v>
      </c>
      <c r="AQ30" s="69">
        <v>0</v>
      </c>
      <c r="AR30" s="70">
        <v>2</v>
      </c>
      <c r="AS30" s="71">
        <v>8</v>
      </c>
      <c r="AT30" s="68">
        <v>3</v>
      </c>
      <c r="AU30" s="69">
        <v>5</v>
      </c>
      <c r="AV30" s="70">
        <v>8</v>
      </c>
      <c r="AW30" s="159"/>
      <c r="AX30" s="69">
        <v>4</v>
      </c>
      <c r="AY30" s="69">
        <v>0</v>
      </c>
      <c r="AZ30" s="69">
        <v>4</v>
      </c>
      <c r="BA30" s="69">
        <v>0</v>
      </c>
      <c r="BB30" s="69">
        <v>1</v>
      </c>
      <c r="BC30" s="70">
        <v>9</v>
      </c>
      <c r="BD30" s="71">
        <v>17</v>
      </c>
      <c r="BE30" s="68">
        <v>3</v>
      </c>
      <c r="BF30" s="69">
        <v>2</v>
      </c>
      <c r="BG30" s="70">
        <v>5</v>
      </c>
      <c r="BH30" s="159"/>
      <c r="BI30" s="69">
        <v>6</v>
      </c>
      <c r="BJ30" s="69">
        <v>3</v>
      </c>
      <c r="BK30" s="69">
        <v>3</v>
      </c>
      <c r="BL30" s="69">
        <v>2</v>
      </c>
      <c r="BM30" s="69">
        <v>1</v>
      </c>
      <c r="BN30" s="70">
        <v>15</v>
      </c>
      <c r="BO30" s="71">
        <v>20</v>
      </c>
      <c r="BP30" s="68">
        <v>2</v>
      </c>
      <c r="BQ30" s="69">
        <v>2</v>
      </c>
      <c r="BR30" s="70">
        <v>4</v>
      </c>
      <c r="BS30" s="159"/>
      <c r="BT30" s="69">
        <v>3</v>
      </c>
      <c r="BU30" s="69">
        <v>1</v>
      </c>
      <c r="BV30" s="69">
        <v>2</v>
      </c>
      <c r="BW30" s="69">
        <v>3</v>
      </c>
      <c r="BX30" s="69">
        <v>1</v>
      </c>
      <c r="BY30" s="70">
        <v>10</v>
      </c>
      <c r="BZ30" s="71">
        <v>14</v>
      </c>
      <c r="CA30" s="68">
        <v>0</v>
      </c>
      <c r="CB30" s="69">
        <v>0</v>
      </c>
      <c r="CC30" s="70">
        <v>0</v>
      </c>
      <c r="CD30" s="159"/>
      <c r="CE30" s="69">
        <v>0</v>
      </c>
      <c r="CF30" s="69">
        <v>0</v>
      </c>
      <c r="CG30" s="69">
        <v>0</v>
      </c>
      <c r="CH30" s="69">
        <v>0</v>
      </c>
      <c r="CI30" s="69">
        <v>0</v>
      </c>
      <c r="CJ30" s="70">
        <v>0</v>
      </c>
      <c r="CK30" s="71">
        <v>0</v>
      </c>
      <c r="CL30" s="68">
        <v>12</v>
      </c>
      <c r="CM30" s="69">
        <v>16</v>
      </c>
      <c r="CN30" s="70">
        <v>28</v>
      </c>
      <c r="CO30" s="159"/>
      <c r="CP30" s="69">
        <v>15</v>
      </c>
      <c r="CQ30" s="69">
        <v>6</v>
      </c>
      <c r="CR30" s="69">
        <v>10</v>
      </c>
      <c r="CS30" s="69">
        <v>5</v>
      </c>
      <c r="CT30" s="69">
        <v>3</v>
      </c>
      <c r="CU30" s="70">
        <v>39</v>
      </c>
      <c r="CV30" s="71">
        <v>67</v>
      </c>
      <c r="CW30" s="108">
        <v>3</v>
      </c>
      <c r="CX30" s="80">
        <v>2</v>
      </c>
      <c r="CY30" s="81">
        <v>5</v>
      </c>
      <c r="CZ30" s="159"/>
      <c r="DA30" s="80">
        <v>4</v>
      </c>
      <c r="DB30" s="80">
        <v>1</v>
      </c>
      <c r="DC30" s="80">
        <v>7</v>
      </c>
      <c r="DD30" s="80">
        <v>1</v>
      </c>
      <c r="DE30" s="80">
        <v>2</v>
      </c>
      <c r="DF30" s="82">
        <v>15</v>
      </c>
      <c r="DG30" s="83">
        <v>20</v>
      </c>
      <c r="DH30" s="68">
        <v>0</v>
      </c>
      <c r="DI30" s="69">
        <v>0</v>
      </c>
      <c r="DJ30" s="70">
        <v>0</v>
      </c>
      <c r="DK30" s="159"/>
      <c r="DL30" s="69">
        <v>0</v>
      </c>
      <c r="DM30" s="69">
        <v>0</v>
      </c>
      <c r="DN30" s="69">
        <v>0</v>
      </c>
      <c r="DO30" s="69">
        <v>0</v>
      </c>
      <c r="DP30" s="69">
        <v>0</v>
      </c>
      <c r="DQ30" s="70">
        <v>0</v>
      </c>
      <c r="DR30" s="71">
        <v>0</v>
      </c>
      <c r="DS30" s="68">
        <v>1</v>
      </c>
      <c r="DT30" s="69">
        <v>0</v>
      </c>
      <c r="DU30" s="70">
        <v>1</v>
      </c>
      <c r="DV30" s="159"/>
      <c r="DW30" s="69">
        <v>0</v>
      </c>
      <c r="DX30" s="69">
        <v>0</v>
      </c>
      <c r="DY30" s="69">
        <v>0</v>
      </c>
      <c r="DZ30" s="69">
        <v>0</v>
      </c>
      <c r="EA30" s="69">
        <v>0</v>
      </c>
      <c r="EB30" s="70">
        <v>0</v>
      </c>
      <c r="EC30" s="71">
        <v>1</v>
      </c>
      <c r="ED30" s="68">
        <v>0</v>
      </c>
      <c r="EE30" s="69">
        <v>0</v>
      </c>
      <c r="EF30" s="70">
        <v>0</v>
      </c>
      <c r="EG30" s="159"/>
      <c r="EH30" s="69">
        <v>0</v>
      </c>
      <c r="EI30" s="69">
        <v>1</v>
      </c>
      <c r="EJ30" s="69">
        <v>0</v>
      </c>
      <c r="EK30" s="69">
        <v>0</v>
      </c>
      <c r="EL30" s="69">
        <v>0</v>
      </c>
      <c r="EM30" s="70">
        <v>1</v>
      </c>
      <c r="EN30" s="71">
        <v>1</v>
      </c>
      <c r="EO30" s="68">
        <v>0</v>
      </c>
      <c r="EP30" s="69">
        <v>0</v>
      </c>
      <c r="EQ30" s="70">
        <v>0</v>
      </c>
      <c r="ER30" s="159"/>
      <c r="ES30" s="69">
        <v>1</v>
      </c>
      <c r="ET30" s="69">
        <v>0</v>
      </c>
      <c r="EU30" s="69">
        <v>0</v>
      </c>
      <c r="EV30" s="69">
        <v>0</v>
      </c>
      <c r="EW30" s="69">
        <v>0</v>
      </c>
      <c r="EX30" s="70">
        <v>1</v>
      </c>
      <c r="EY30" s="71">
        <v>1</v>
      </c>
      <c r="EZ30" s="68">
        <v>2</v>
      </c>
      <c r="FA30" s="69">
        <v>2</v>
      </c>
      <c r="FB30" s="70">
        <v>4</v>
      </c>
      <c r="FC30" s="159"/>
      <c r="FD30" s="69">
        <v>1</v>
      </c>
      <c r="FE30" s="69">
        <v>0</v>
      </c>
      <c r="FF30" s="69">
        <v>2</v>
      </c>
      <c r="FG30" s="69">
        <v>0</v>
      </c>
      <c r="FH30" s="69">
        <v>1</v>
      </c>
      <c r="FI30" s="70">
        <v>4</v>
      </c>
      <c r="FJ30" s="71">
        <v>8</v>
      </c>
      <c r="FK30" s="68">
        <v>0</v>
      </c>
      <c r="FL30" s="69">
        <v>0</v>
      </c>
      <c r="FM30" s="70">
        <v>0</v>
      </c>
      <c r="FN30" s="159"/>
      <c r="FO30" s="69">
        <v>2</v>
      </c>
      <c r="FP30" s="69">
        <v>0</v>
      </c>
      <c r="FQ30" s="69">
        <v>5</v>
      </c>
      <c r="FR30" s="69">
        <v>1</v>
      </c>
      <c r="FS30" s="69">
        <v>1</v>
      </c>
      <c r="FT30" s="70">
        <v>9</v>
      </c>
      <c r="FU30" s="71">
        <v>9</v>
      </c>
      <c r="FV30" s="68">
        <v>0</v>
      </c>
      <c r="FW30" s="69">
        <v>0</v>
      </c>
      <c r="FX30" s="70">
        <v>0</v>
      </c>
      <c r="FY30" s="159"/>
      <c r="FZ30" s="69">
        <v>0</v>
      </c>
      <c r="GA30" s="69">
        <v>0</v>
      </c>
      <c r="GB30" s="69">
        <v>0</v>
      </c>
      <c r="GC30" s="69">
        <v>0</v>
      </c>
      <c r="GD30" s="69">
        <v>0</v>
      </c>
      <c r="GE30" s="70">
        <v>0</v>
      </c>
      <c r="GF30" s="71">
        <v>0</v>
      </c>
      <c r="GG30" s="68">
        <v>3</v>
      </c>
      <c r="GH30" s="69">
        <v>2</v>
      </c>
      <c r="GI30" s="70">
        <v>5</v>
      </c>
      <c r="GJ30" s="159"/>
      <c r="GK30" s="69">
        <v>4</v>
      </c>
      <c r="GL30" s="69">
        <v>1</v>
      </c>
      <c r="GM30" s="69">
        <v>7</v>
      </c>
      <c r="GN30" s="69">
        <v>1</v>
      </c>
      <c r="GO30" s="69">
        <v>2</v>
      </c>
      <c r="GP30" s="70">
        <v>15</v>
      </c>
      <c r="GQ30" s="71">
        <v>20</v>
      </c>
      <c r="GR30" s="108">
        <v>15</v>
      </c>
      <c r="GS30" s="80">
        <v>18</v>
      </c>
      <c r="GT30" s="81">
        <v>33</v>
      </c>
      <c r="GU30" s="159"/>
      <c r="GV30" s="80">
        <v>19</v>
      </c>
      <c r="GW30" s="80">
        <v>7</v>
      </c>
      <c r="GX30" s="80">
        <v>17</v>
      </c>
      <c r="GY30" s="80">
        <v>6</v>
      </c>
      <c r="GZ30" s="80">
        <v>5</v>
      </c>
      <c r="HA30" s="82">
        <v>54</v>
      </c>
      <c r="HB30" s="83">
        <v>87</v>
      </c>
      <c r="HC30" s="68">
        <v>1</v>
      </c>
      <c r="HD30" s="69">
        <v>0</v>
      </c>
      <c r="HE30" s="70">
        <v>1</v>
      </c>
      <c r="HF30" s="159"/>
      <c r="HG30" s="69">
        <v>0</v>
      </c>
      <c r="HH30" s="69">
        <v>1</v>
      </c>
      <c r="HI30" s="69">
        <v>0</v>
      </c>
      <c r="HJ30" s="69">
        <v>0</v>
      </c>
      <c r="HK30" s="69">
        <v>0</v>
      </c>
      <c r="HL30" s="70">
        <v>1</v>
      </c>
      <c r="HM30" s="71">
        <v>2</v>
      </c>
      <c r="HN30" s="68">
        <v>3</v>
      </c>
      <c r="HO30" s="69">
        <v>2</v>
      </c>
      <c r="HP30" s="70">
        <v>5</v>
      </c>
      <c r="HQ30" s="159"/>
      <c r="HR30" s="69">
        <v>1</v>
      </c>
      <c r="HS30" s="69">
        <v>1</v>
      </c>
      <c r="HT30" s="69">
        <v>0</v>
      </c>
      <c r="HU30" s="69">
        <v>0</v>
      </c>
      <c r="HV30" s="69">
        <v>0</v>
      </c>
      <c r="HW30" s="70">
        <v>2</v>
      </c>
      <c r="HX30" s="71">
        <v>7</v>
      </c>
      <c r="HY30" s="68">
        <v>1</v>
      </c>
      <c r="HZ30" s="69">
        <v>5</v>
      </c>
      <c r="IA30" s="70">
        <v>6</v>
      </c>
      <c r="IB30" s="159"/>
      <c r="IC30" s="69">
        <v>1</v>
      </c>
      <c r="ID30" s="69">
        <v>1</v>
      </c>
      <c r="IE30" s="69">
        <v>1</v>
      </c>
      <c r="IF30" s="69">
        <v>0</v>
      </c>
      <c r="IG30" s="69">
        <v>0</v>
      </c>
      <c r="IH30" s="70">
        <v>3</v>
      </c>
      <c r="II30" s="71">
        <v>9</v>
      </c>
      <c r="IJ30" s="68">
        <v>3</v>
      </c>
      <c r="IK30" s="69">
        <v>5</v>
      </c>
      <c r="IL30" s="70">
        <v>8</v>
      </c>
      <c r="IM30" s="159"/>
      <c r="IN30" s="69">
        <v>5</v>
      </c>
      <c r="IO30" s="69">
        <v>0</v>
      </c>
      <c r="IP30" s="69">
        <v>4</v>
      </c>
      <c r="IQ30" s="69">
        <v>0</v>
      </c>
      <c r="IR30" s="69">
        <v>1</v>
      </c>
      <c r="IS30" s="70">
        <v>10</v>
      </c>
      <c r="IT30" s="71">
        <v>18</v>
      </c>
      <c r="IU30" s="68">
        <v>5</v>
      </c>
      <c r="IV30" s="69">
        <v>4</v>
      </c>
      <c r="IW30" s="70">
        <v>9</v>
      </c>
      <c r="IX30" s="159"/>
      <c r="IY30" s="69">
        <v>7</v>
      </c>
      <c r="IZ30" s="69">
        <v>3</v>
      </c>
      <c r="JA30" s="69">
        <v>5</v>
      </c>
      <c r="JB30" s="69">
        <v>2</v>
      </c>
      <c r="JC30" s="69">
        <v>2</v>
      </c>
      <c r="JD30" s="70">
        <v>19</v>
      </c>
      <c r="JE30" s="71">
        <v>28</v>
      </c>
      <c r="JF30" s="68">
        <v>2</v>
      </c>
      <c r="JG30" s="69">
        <v>2</v>
      </c>
      <c r="JH30" s="70">
        <v>4</v>
      </c>
      <c r="JI30" s="159"/>
      <c r="JJ30" s="69">
        <v>5</v>
      </c>
      <c r="JK30" s="69">
        <v>1</v>
      </c>
      <c r="JL30" s="69">
        <v>7</v>
      </c>
      <c r="JM30" s="69">
        <v>4</v>
      </c>
      <c r="JN30" s="69">
        <v>2</v>
      </c>
      <c r="JO30" s="70">
        <v>19</v>
      </c>
      <c r="JP30" s="71">
        <v>23</v>
      </c>
      <c r="JQ30" s="68">
        <v>0</v>
      </c>
      <c r="JR30" s="69">
        <v>0</v>
      </c>
      <c r="JS30" s="70">
        <v>0</v>
      </c>
      <c r="JT30" s="159"/>
      <c r="JU30" s="69">
        <v>0</v>
      </c>
      <c r="JV30" s="69">
        <v>0</v>
      </c>
      <c r="JW30" s="69">
        <v>0</v>
      </c>
      <c r="JX30" s="69">
        <v>0</v>
      </c>
      <c r="JY30" s="69">
        <v>0</v>
      </c>
      <c r="JZ30" s="70">
        <v>0</v>
      </c>
      <c r="KA30" s="71">
        <v>0</v>
      </c>
      <c r="KB30" s="68">
        <v>15</v>
      </c>
      <c r="KC30" s="69">
        <v>18</v>
      </c>
      <c r="KD30" s="70">
        <v>33</v>
      </c>
      <c r="KE30" s="159"/>
      <c r="KF30" s="69">
        <v>19</v>
      </c>
      <c r="KG30" s="69">
        <v>7</v>
      </c>
      <c r="KH30" s="69">
        <v>17</v>
      </c>
      <c r="KI30" s="69">
        <v>6</v>
      </c>
      <c r="KJ30" s="69">
        <v>5</v>
      </c>
      <c r="KK30" s="70">
        <v>54</v>
      </c>
      <c r="KL30" s="71">
        <v>87</v>
      </c>
    </row>
    <row r="31" spans="1:298" ht="19.5" customHeight="1" x14ac:dyDescent="0.2">
      <c r="A31" s="111" t="s">
        <v>28</v>
      </c>
      <c r="B31" s="215">
        <v>1</v>
      </c>
      <c r="C31" s="80">
        <v>3</v>
      </c>
      <c r="D31" s="81">
        <v>4</v>
      </c>
      <c r="E31" s="159"/>
      <c r="F31" s="80">
        <v>6</v>
      </c>
      <c r="G31" s="80">
        <v>5</v>
      </c>
      <c r="H31" s="80">
        <v>3</v>
      </c>
      <c r="I31" s="80">
        <v>2</v>
      </c>
      <c r="J31" s="80">
        <v>3</v>
      </c>
      <c r="K31" s="82">
        <v>19</v>
      </c>
      <c r="L31" s="83">
        <v>23</v>
      </c>
      <c r="M31" s="68">
        <v>0</v>
      </c>
      <c r="N31" s="69">
        <v>0</v>
      </c>
      <c r="O31" s="70">
        <v>0</v>
      </c>
      <c r="P31" s="159"/>
      <c r="Q31" s="69">
        <v>0</v>
      </c>
      <c r="R31" s="69">
        <v>0</v>
      </c>
      <c r="S31" s="69">
        <v>1</v>
      </c>
      <c r="T31" s="69">
        <v>0</v>
      </c>
      <c r="U31" s="69">
        <v>0</v>
      </c>
      <c r="V31" s="70">
        <v>1</v>
      </c>
      <c r="W31" s="71">
        <v>1</v>
      </c>
      <c r="X31" s="68">
        <v>0</v>
      </c>
      <c r="Y31" s="69">
        <v>1</v>
      </c>
      <c r="Z31" s="70">
        <v>1</v>
      </c>
      <c r="AA31" s="159"/>
      <c r="AB31" s="69">
        <v>1</v>
      </c>
      <c r="AC31" s="69">
        <v>1</v>
      </c>
      <c r="AD31" s="69">
        <v>0</v>
      </c>
      <c r="AE31" s="69">
        <v>0</v>
      </c>
      <c r="AF31" s="69">
        <v>0</v>
      </c>
      <c r="AG31" s="70">
        <v>2</v>
      </c>
      <c r="AH31" s="71">
        <v>3</v>
      </c>
      <c r="AI31" s="68">
        <v>0</v>
      </c>
      <c r="AJ31" s="69">
        <v>0</v>
      </c>
      <c r="AK31" s="70">
        <v>0</v>
      </c>
      <c r="AL31" s="159"/>
      <c r="AM31" s="69">
        <v>1</v>
      </c>
      <c r="AN31" s="69">
        <v>0</v>
      </c>
      <c r="AO31" s="69">
        <v>0</v>
      </c>
      <c r="AP31" s="69">
        <v>0</v>
      </c>
      <c r="AQ31" s="69">
        <v>0</v>
      </c>
      <c r="AR31" s="70">
        <v>1</v>
      </c>
      <c r="AS31" s="71">
        <v>1</v>
      </c>
      <c r="AT31" s="68">
        <v>1</v>
      </c>
      <c r="AU31" s="69">
        <v>1</v>
      </c>
      <c r="AV31" s="70">
        <v>2</v>
      </c>
      <c r="AW31" s="159"/>
      <c r="AX31" s="69">
        <v>1</v>
      </c>
      <c r="AY31" s="69">
        <v>0</v>
      </c>
      <c r="AZ31" s="69">
        <v>0</v>
      </c>
      <c r="BA31" s="69">
        <v>0</v>
      </c>
      <c r="BB31" s="69">
        <v>2</v>
      </c>
      <c r="BC31" s="70">
        <v>3</v>
      </c>
      <c r="BD31" s="71">
        <v>5</v>
      </c>
      <c r="BE31" s="68">
        <v>0</v>
      </c>
      <c r="BF31" s="69">
        <v>0</v>
      </c>
      <c r="BG31" s="70">
        <v>0</v>
      </c>
      <c r="BH31" s="159"/>
      <c r="BI31" s="69">
        <v>2</v>
      </c>
      <c r="BJ31" s="69">
        <v>1</v>
      </c>
      <c r="BK31" s="69">
        <v>0</v>
      </c>
      <c r="BL31" s="69">
        <v>1</v>
      </c>
      <c r="BM31" s="69">
        <v>1</v>
      </c>
      <c r="BN31" s="70">
        <v>5</v>
      </c>
      <c r="BO31" s="71">
        <v>5</v>
      </c>
      <c r="BP31" s="68">
        <v>0</v>
      </c>
      <c r="BQ31" s="69">
        <v>1</v>
      </c>
      <c r="BR31" s="70">
        <v>1</v>
      </c>
      <c r="BS31" s="159"/>
      <c r="BT31" s="69">
        <v>1</v>
      </c>
      <c r="BU31" s="69">
        <v>3</v>
      </c>
      <c r="BV31" s="69">
        <v>2</v>
      </c>
      <c r="BW31" s="69">
        <v>1</v>
      </c>
      <c r="BX31" s="69">
        <v>0</v>
      </c>
      <c r="BY31" s="70">
        <v>7</v>
      </c>
      <c r="BZ31" s="71">
        <v>8</v>
      </c>
      <c r="CA31" s="68">
        <v>0</v>
      </c>
      <c r="CB31" s="69">
        <v>0</v>
      </c>
      <c r="CC31" s="70">
        <v>0</v>
      </c>
      <c r="CD31" s="159"/>
      <c r="CE31" s="69">
        <v>0</v>
      </c>
      <c r="CF31" s="69">
        <v>0</v>
      </c>
      <c r="CG31" s="69">
        <v>0</v>
      </c>
      <c r="CH31" s="69">
        <v>0</v>
      </c>
      <c r="CI31" s="69">
        <v>0</v>
      </c>
      <c r="CJ31" s="70">
        <v>0</v>
      </c>
      <c r="CK31" s="71">
        <v>0</v>
      </c>
      <c r="CL31" s="68">
        <v>1</v>
      </c>
      <c r="CM31" s="69">
        <v>3</v>
      </c>
      <c r="CN31" s="70">
        <v>4</v>
      </c>
      <c r="CO31" s="159"/>
      <c r="CP31" s="69">
        <v>6</v>
      </c>
      <c r="CQ31" s="69">
        <v>5</v>
      </c>
      <c r="CR31" s="69">
        <v>3</v>
      </c>
      <c r="CS31" s="69">
        <v>2</v>
      </c>
      <c r="CT31" s="69">
        <v>3</v>
      </c>
      <c r="CU31" s="70">
        <v>19</v>
      </c>
      <c r="CV31" s="71">
        <v>23</v>
      </c>
      <c r="CW31" s="108">
        <v>0</v>
      </c>
      <c r="CX31" s="80">
        <v>1</v>
      </c>
      <c r="CY31" s="81">
        <v>1</v>
      </c>
      <c r="CZ31" s="159"/>
      <c r="DA31" s="80">
        <v>1</v>
      </c>
      <c r="DB31" s="80">
        <v>4</v>
      </c>
      <c r="DC31" s="80">
        <v>1</v>
      </c>
      <c r="DD31" s="80">
        <v>1</v>
      </c>
      <c r="DE31" s="80">
        <v>0</v>
      </c>
      <c r="DF31" s="82">
        <v>7</v>
      </c>
      <c r="DG31" s="83">
        <v>8</v>
      </c>
      <c r="DH31" s="68">
        <v>0</v>
      </c>
      <c r="DI31" s="69">
        <v>0</v>
      </c>
      <c r="DJ31" s="70">
        <v>0</v>
      </c>
      <c r="DK31" s="159"/>
      <c r="DL31" s="69">
        <v>0</v>
      </c>
      <c r="DM31" s="69">
        <v>0</v>
      </c>
      <c r="DN31" s="69">
        <v>1</v>
      </c>
      <c r="DO31" s="69">
        <v>0</v>
      </c>
      <c r="DP31" s="69">
        <v>0</v>
      </c>
      <c r="DQ31" s="70">
        <v>1</v>
      </c>
      <c r="DR31" s="71">
        <v>1</v>
      </c>
      <c r="DS31" s="68">
        <v>0</v>
      </c>
      <c r="DT31" s="69">
        <v>0</v>
      </c>
      <c r="DU31" s="70">
        <v>0</v>
      </c>
      <c r="DV31" s="159"/>
      <c r="DW31" s="69">
        <v>0</v>
      </c>
      <c r="DX31" s="69">
        <v>1</v>
      </c>
      <c r="DY31" s="69">
        <v>0</v>
      </c>
      <c r="DZ31" s="69">
        <v>0</v>
      </c>
      <c r="EA31" s="69">
        <v>0</v>
      </c>
      <c r="EB31" s="70">
        <v>1</v>
      </c>
      <c r="EC31" s="71">
        <v>1</v>
      </c>
      <c r="ED31" s="68">
        <v>0</v>
      </c>
      <c r="EE31" s="69">
        <v>0</v>
      </c>
      <c r="EF31" s="70">
        <v>0</v>
      </c>
      <c r="EG31" s="159"/>
      <c r="EH31" s="69">
        <v>0</v>
      </c>
      <c r="EI31" s="69">
        <v>0</v>
      </c>
      <c r="EJ31" s="69">
        <v>0</v>
      </c>
      <c r="EK31" s="69">
        <v>0</v>
      </c>
      <c r="EL31" s="69">
        <v>0</v>
      </c>
      <c r="EM31" s="70">
        <v>0</v>
      </c>
      <c r="EN31" s="71">
        <v>0</v>
      </c>
      <c r="EO31" s="68">
        <v>0</v>
      </c>
      <c r="EP31" s="69">
        <v>0</v>
      </c>
      <c r="EQ31" s="70">
        <v>0</v>
      </c>
      <c r="ER31" s="159"/>
      <c r="ES31" s="69">
        <v>0</v>
      </c>
      <c r="ET31" s="69">
        <v>1</v>
      </c>
      <c r="EU31" s="69">
        <v>0</v>
      </c>
      <c r="EV31" s="69">
        <v>1</v>
      </c>
      <c r="EW31" s="69">
        <v>0</v>
      </c>
      <c r="EX31" s="70">
        <v>2</v>
      </c>
      <c r="EY31" s="71">
        <v>2</v>
      </c>
      <c r="EZ31" s="68">
        <v>0</v>
      </c>
      <c r="FA31" s="69">
        <v>1</v>
      </c>
      <c r="FB31" s="70">
        <v>1</v>
      </c>
      <c r="FC31" s="159"/>
      <c r="FD31" s="69">
        <v>1</v>
      </c>
      <c r="FE31" s="69">
        <v>0</v>
      </c>
      <c r="FF31" s="69">
        <v>0</v>
      </c>
      <c r="FG31" s="69">
        <v>0</v>
      </c>
      <c r="FH31" s="69">
        <v>0</v>
      </c>
      <c r="FI31" s="70">
        <v>1</v>
      </c>
      <c r="FJ31" s="71">
        <v>2</v>
      </c>
      <c r="FK31" s="68">
        <v>0</v>
      </c>
      <c r="FL31" s="69">
        <v>0</v>
      </c>
      <c r="FM31" s="70">
        <v>0</v>
      </c>
      <c r="FN31" s="159"/>
      <c r="FO31" s="69">
        <v>0</v>
      </c>
      <c r="FP31" s="69">
        <v>2</v>
      </c>
      <c r="FQ31" s="69">
        <v>0</v>
      </c>
      <c r="FR31" s="69">
        <v>0</v>
      </c>
      <c r="FS31" s="69">
        <v>0</v>
      </c>
      <c r="FT31" s="70">
        <v>2</v>
      </c>
      <c r="FU31" s="71">
        <v>2</v>
      </c>
      <c r="FV31" s="68">
        <v>0</v>
      </c>
      <c r="FW31" s="69">
        <v>0</v>
      </c>
      <c r="FX31" s="70">
        <v>0</v>
      </c>
      <c r="FY31" s="159"/>
      <c r="FZ31" s="69">
        <v>0</v>
      </c>
      <c r="GA31" s="69">
        <v>0</v>
      </c>
      <c r="GB31" s="69">
        <v>0</v>
      </c>
      <c r="GC31" s="69">
        <v>0</v>
      </c>
      <c r="GD31" s="69">
        <v>0</v>
      </c>
      <c r="GE31" s="70">
        <v>0</v>
      </c>
      <c r="GF31" s="71">
        <v>0</v>
      </c>
      <c r="GG31" s="68">
        <v>0</v>
      </c>
      <c r="GH31" s="69">
        <v>1</v>
      </c>
      <c r="GI31" s="70">
        <v>1</v>
      </c>
      <c r="GJ31" s="159"/>
      <c r="GK31" s="69">
        <v>1</v>
      </c>
      <c r="GL31" s="69">
        <v>4</v>
      </c>
      <c r="GM31" s="69">
        <v>1</v>
      </c>
      <c r="GN31" s="69">
        <v>1</v>
      </c>
      <c r="GO31" s="69">
        <v>0</v>
      </c>
      <c r="GP31" s="70">
        <v>7</v>
      </c>
      <c r="GQ31" s="71">
        <v>8</v>
      </c>
      <c r="GR31" s="108">
        <v>1</v>
      </c>
      <c r="GS31" s="80">
        <v>4</v>
      </c>
      <c r="GT31" s="81">
        <v>5</v>
      </c>
      <c r="GU31" s="159"/>
      <c r="GV31" s="80">
        <v>7</v>
      </c>
      <c r="GW31" s="80">
        <v>9</v>
      </c>
      <c r="GX31" s="80">
        <v>4</v>
      </c>
      <c r="GY31" s="80">
        <v>3</v>
      </c>
      <c r="GZ31" s="80">
        <v>3</v>
      </c>
      <c r="HA31" s="82">
        <v>26</v>
      </c>
      <c r="HB31" s="83">
        <v>31</v>
      </c>
      <c r="HC31" s="68">
        <v>0</v>
      </c>
      <c r="HD31" s="69">
        <v>0</v>
      </c>
      <c r="HE31" s="70">
        <v>0</v>
      </c>
      <c r="HF31" s="159"/>
      <c r="HG31" s="69">
        <v>0</v>
      </c>
      <c r="HH31" s="69">
        <v>0</v>
      </c>
      <c r="HI31" s="69">
        <v>2</v>
      </c>
      <c r="HJ31" s="69">
        <v>0</v>
      </c>
      <c r="HK31" s="69">
        <v>0</v>
      </c>
      <c r="HL31" s="70">
        <v>2</v>
      </c>
      <c r="HM31" s="71">
        <v>2</v>
      </c>
      <c r="HN31" s="68">
        <v>0</v>
      </c>
      <c r="HO31" s="69">
        <v>1</v>
      </c>
      <c r="HP31" s="70">
        <v>1</v>
      </c>
      <c r="HQ31" s="159"/>
      <c r="HR31" s="69">
        <v>1</v>
      </c>
      <c r="HS31" s="69">
        <v>2</v>
      </c>
      <c r="HT31" s="69">
        <v>0</v>
      </c>
      <c r="HU31" s="69">
        <v>0</v>
      </c>
      <c r="HV31" s="69">
        <v>0</v>
      </c>
      <c r="HW31" s="70">
        <v>3</v>
      </c>
      <c r="HX31" s="71">
        <v>4</v>
      </c>
      <c r="HY31" s="68">
        <v>0</v>
      </c>
      <c r="HZ31" s="69">
        <v>0</v>
      </c>
      <c r="IA31" s="70">
        <v>0</v>
      </c>
      <c r="IB31" s="159"/>
      <c r="IC31" s="69">
        <v>1</v>
      </c>
      <c r="ID31" s="69">
        <v>0</v>
      </c>
      <c r="IE31" s="69">
        <v>0</v>
      </c>
      <c r="IF31" s="69">
        <v>0</v>
      </c>
      <c r="IG31" s="69">
        <v>0</v>
      </c>
      <c r="IH31" s="70">
        <v>1</v>
      </c>
      <c r="II31" s="71">
        <v>1</v>
      </c>
      <c r="IJ31" s="68">
        <v>1</v>
      </c>
      <c r="IK31" s="69">
        <v>1</v>
      </c>
      <c r="IL31" s="70">
        <v>2</v>
      </c>
      <c r="IM31" s="159"/>
      <c r="IN31" s="69">
        <v>1</v>
      </c>
      <c r="IO31" s="69">
        <v>1</v>
      </c>
      <c r="IP31" s="69">
        <v>0</v>
      </c>
      <c r="IQ31" s="69">
        <v>1</v>
      </c>
      <c r="IR31" s="69">
        <v>2</v>
      </c>
      <c r="IS31" s="70">
        <v>5</v>
      </c>
      <c r="IT31" s="71">
        <v>7</v>
      </c>
      <c r="IU31" s="68">
        <v>0</v>
      </c>
      <c r="IV31" s="69">
        <v>1</v>
      </c>
      <c r="IW31" s="70">
        <v>1</v>
      </c>
      <c r="IX31" s="159"/>
      <c r="IY31" s="69">
        <v>3</v>
      </c>
      <c r="IZ31" s="69">
        <v>1</v>
      </c>
      <c r="JA31" s="69">
        <v>0</v>
      </c>
      <c r="JB31" s="69">
        <v>1</v>
      </c>
      <c r="JC31" s="69">
        <v>1</v>
      </c>
      <c r="JD31" s="70">
        <v>6</v>
      </c>
      <c r="JE31" s="71">
        <v>7</v>
      </c>
      <c r="JF31" s="68">
        <v>0</v>
      </c>
      <c r="JG31" s="69">
        <v>1</v>
      </c>
      <c r="JH31" s="70">
        <v>1</v>
      </c>
      <c r="JI31" s="159"/>
      <c r="JJ31" s="69">
        <v>1</v>
      </c>
      <c r="JK31" s="69">
        <v>5</v>
      </c>
      <c r="JL31" s="69">
        <v>2</v>
      </c>
      <c r="JM31" s="69">
        <v>1</v>
      </c>
      <c r="JN31" s="69">
        <v>0</v>
      </c>
      <c r="JO31" s="70">
        <v>9</v>
      </c>
      <c r="JP31" s="71">
        <v>10</v>
      </c>
      <c r="JQ31" s="68">
        <v>0</v>
      </c>
      <c r="JR31" s="69">
        <v>0</v>
      </c>
      <c r="JS31" s="70">
        <v>0</v>
      </c>
      <c r="JT31" s="159"/>
      <c r="JU31" s="69">
        <v>0</v>
      </c>
      <c r="JV31" s="69">
        <v>0</v>
      </c>
      <c r="JW31" s="69">
        <v>0</v>
      </c>
      <c r="JX31" s="69">
        <v>0</v>
      </c>
      <c r="JY31" s="69">
        <v>0</v>
      </c>
      <c r="JZ31" s="70">
        <v>0</v>
      </c>
      <c r="KA31" s="71">
        <v>0</v>
      </c>
      <c r="KB31" s="68">
        <v>1</v>
      </c>
      <c r="KC31" s="69">
        <v>4</v>
      </c>
      <c r="KD31" s="70">
        <v>5</v>
      </c>
      <c r="KE31" s="159"/>
      <c r="KF31" s="69">
        <v>7</v>
      </c>
      <c r="KG31" s="69">
        <v>9</v>
      </c>
      <c r="KH31" s="69">
        <v>4</v>
      </c>
      <c r="KI31" s="69">
        <v>3</v>
      </c>
      <c r="KJ31" s="69">
        <v>3</v>
      </c>
      <c r="KK31" s="70">
        <v>26</v>
      </c>
      <c r="KL31" s="71">
        <v>31</v>
      </c>
    </row>
    <row r="32" spans="1:298" ht="19.5" customHeight="1" x14ac:dyDescent="0.2">
      <c r="A32" s="111" t="s">
        <v>29</v>
      </c>
      <c r="B32" s="215">
        <v>4</v>
      </c>
      <c r="C32" s="80">
        <v>3</v>
      </c>
      <c r="D32" s="81">
        <v>7</v>
      </c>
      <c r="E32" s="159"/>
      <c r="F32" s="80">
        <v>2</v>
      </c>
      <c r="G32" s="80">
        <v>5</v>
      </c>
      <c r="H32" s="80">
        <v>8</v>
      </c>
      <c r="I32" s="80">
        <v>0</v>
      </c>
      <c r="J32" s="80">
        <v>1</v>
      </c>
      <c r="K32" s="82">
        <v>16</v>
      </c>
      <c r="L32" s="83">
        <v>23</v>
      </c>
      <c r="M32" s="68">
        <v>0</v>
      </c>
      <c r="N32" s="69">
        <v>0</v>
      </c>
      <c r="O32" s="70">
        <v>0</v>
      </c>
      <c r="P32" s="159"/>
      <c r="Q32" s="69">
        <v>0</v>
      </c>
      <c r="R32" s="69">
        <v>0</v>
      </c>
      <c r="S32" s="69">
        <v>0</v>
      </c>
      <c r="T32" s="69">
        <v>0</v>
      </c>
      <c r="U32" s="69">
        <v>1</v>
      </c>
      <c r="V32" s="70">
        <v>1</v>
      </c>
      <c r="W32" s="71">
        <v>1</v>
      </c>
      <c r="X32" s="68">
        <v>0</v>
      </c>
      <c r="Y32" s="69">
        <v>1</v>
      </c>
      <c r="Z32" s="70">
        <v>1</v>
      </c>
      <c r="AA32" s="159"/>
      <c r="AB32" s="69">
        <v>0</v>
      </c>
      <c r="AC32" s="69">
        <v>1</v>
      </c>
      <c r="AD32" s="69">
        <v>0</v>
      </c>
      <c r="AE32" s="69">
        <v>0</v>
      </c>
      <c r="AF32" s="69">
        <v>0</v>
      </c>
      <c r="AG32" s="70">
        <v>1</v>
      </c>
      <c r="AH32" s="71">
        <v>2</v>
      </c>
      <c r="AI32" s="68">
        <v>1</v>
      </c>
      <c r="AJ32" s="69">
        <v>1</v>
      </c>
      <c r="AK32" s="70">
        <v>2</v>
      </c>
      <c r="AL32" s="159"/>
      <c r="AM32" s="69">
        <v>0</v>
      </c>
      <c r="AN32" s="69">
        <v>1</v>
      </c>
      <c r="AO32" s="69">
        <v>1</v>
      </c>
      <c r="AP32" s="69">
        <v>0</v>
      </c>
      <c r="AQ32" s="69">
        <v>0</v>
      </c>
      <c r="AR32" s="70">
        <v>2</v>
      </c>
      <c r="AS32" s="71">
        <v>4</v>
      </c>
      <c r="AT32" s="68">
        <v>2</v>
      </c>
      <c r="AU32" s="69">
        <v>0</v>
      </c>
      <c r="AV32" s="70">
        <v>2</v>
      </c>
      <c r="AW32" s="159"/>
      <c r="AX32" s="69">
        <v>1</v>
      </c>
      <c r="AY32" s="69">
        <v>1</v>
      </c>
      <c r="AZ32" s="69">
        <v>4</v>
      </c>
      <c r="BA32" s="69">
        <v>0</v>
      </c>
      <c r="BB32" s="69">
        <v>0</v>
      </c>
      <c r="BC32" s="70">
        <v>6</v>
      </c>
      <c r="BD32" s="71">
        <v>8</v>
      </c>
      <c r="BE32" s="68">
        <v>1</v>
      </c>
      <c r="BF32" s="69">
        <v>1</v>
      </c>
      <c r="BG32" s="70">
        <v>2</v>
      </c>
      <c r="BH32" s="159"/>
      <c r="BI32" s="69">
        <v>0</v>
      </c>
      <c r="BJ32" s="69">
        <v>0</v>
      </c>
      <c r="BK32" s="69">
        <v>2</v>
      </c>
      <c r="BL32" s="69">
        <v>0</v>
      </c>
      <c r="BM32" s="69">
        <v>0</v>
      </c>
      <c r="BN32" s="70">
        <v>2</v>
      </c>
      <c r="BO32" s="71">
        <v>4</v>
      </c>
      <c r="BP32" s="68">
        <v>0</v>
      </c>
      <c r="BQ32" s="69">
        <v>0</v>
      </c>
      <c r="BR32" s="70">
        <v>0</v>
      </c>
      <c r="BS32" s="159"/>
      <c r="BT32" s="69">
        <v>1</v>
      </c>
      <c r="BU32" s="69">
        <v>2</v>
      </c>
      <c r="BV32" s="69">
        <v>1</v>
      </c>
      <c r="BW32" s="69">
        <v>0</v>
      </c>
      <c r="BX32" s="69">
        <v>0</v>
      </c>
      <c r="BY32" s="70">
        <v>4</v>
      </c>
      <c r="BZ32" s="71">
        <v>4</v>
      </c>
      <c r="CA32" s="68">
        <v>0</v>
      </c>
      <c r="CB32" s="69">
        <v>0</v>
      </c>
      <c r="CC32" s="70">
        <v>0</v>
      </c>
      <c r="CD32" s="159"/>
      <c r="CE32" s="69">
        <v>0</v>
      </c>
      <c r="CF32" s="69">
        <v>0</v>
      </c>
      <c r="CG32" s="69">
        <v>0</v>
      </c>
      <c r="CH32" s="69">
        <v>0</v>
      </c>
      <c r="CI32" s="69">
        <v>0</v>
      </c>
      <c r="CJ32" s="70">
        <v>0</v>
      </c>
      <c r="CK32" s="71">
        <v>0</v>
      </c>
      <c r="CL32" s="68">
        <v>4</v>
      </c>
      <c r="CM32" s="69">
        <v>3</v>
      </c>
      <c r="CN32" s="70">
        <v>7</v>
      </c>
      <c r="CO32" s="159"/>
      <c r="CP32" s="69">
        <v>2</v>
      </c>
      <c r="CQ32" s="69">
        <v>5</v>
      </c>
      <c r="CR32" s="69">
        <v>8</v>
      </c>
      <c r="CS32" s="69">
        <v>0</v>
      </c>
      <c r="CT32" s="69">
        <v>1</v>
      </c>
      <c r="CU32" s="70">
        <v>16</v>
      </c>
      <c r="CV32" s="71">
        <v>23</v>
      </c>
      <c r="CW32" s="108">
        <v>2</v>
      </c>
      <c r="CX32" s="80">
        <v>5</v>
      </c>
      <c r="CY32" s="81">
        <v>7</v>
      </c>
      <c r="CZ32" s="159"/>
      <c r="DA32" s="80">
        <v>4</v>
      </c>
      <c r="DB32" s="80">
        <v>1</v>
      </c>
      <c r="DC32" s="80">
        <v>0</v>
      </c>
      <c r="DD32" s="80">
        <v>1</v>
      </c>
      <c r="DE32" s="80">
        <v>0</v>
      </c>
      <c r="DF32" s="82">
        <v>6</v>
      </c>
      <c r="DG32" s="83">
        <v>13</v>
      </c>
      <c r="DH32" s="68">
        <v>0</v>
      </c>
      <c r="DI32" s="69">
        <v>0</v>
      </c>
      <c r="DJ32" s="70">
        <v>0</v>
      </c>
      <c r="DK32" s="159"/>
      <c r="DL32" s="69">
        <v>0</v>
      </c>
      <c r="DM32" s="69">
        <v>0</v>
      </c>
      <c r="DN32" s="69">
        <v>0</v>
      </c>
      <c r="DO32" s="69">
        <v>0</v>
      </c>
      <c r="DP32" s="69">
        <v>0</v>
      </c>
      <c r="DQ32" s="70">
        <v>0</v>
      </c>
      <c r="DR32" s="71">
        <v>0</v>
      </c>
      <c r="DS32" s="68">
        <v>0</v>
      </c>
      <c r="DT32" s="69">
        <v>0</v>
      </c>
      <c r="DU32" s="70">
        <v>0</v>
      </c>
      <c r="DV32" s="159"/>
      <c r="DW32" s="69">
        <v>0</v>
      </c>
      <c r="DX32" s="69">
        <v>0</v>
      </c>
      <c r="DY32" s="69">
        <v>0</v>
      </c>
      <c r="DZ32" s="69">
        <v>0</v>
      </c>
      <c r="EA32" s="69">
        <v>0</v>
      </c>
      <c r="EB32" s="70">
        <v>0</v>
      </c>
      <c r="EC32" s="71">
        <v>0</v>
      </c>
      <c r="ED32" s="68">
        <v>1</v>
      </c>
      <c r="EE32" s="69">
        <v>0</v>
      </c>
      <c r="EF32" s="70">
        <v>1</v>
      </c>
      <c r="EG32" s="159"/>
      <c r="EH32" s="69">
        <v>0</v>
      </c>
      <c r="EI32" s="69">
        <v>0</v>
      </c>
      <c r="EJ32" s="69">
        <v>0</v>
      </c>
      <c r="EK32" s="69">
        <v>1</v>
      </c>
      <c r="EL32" s="69">
        <v>0</v>
      </c>
      <c r="EM32" s="70">
        <v>1</v>
      </c>
      <c r="EN32" s="71">
        <v>2</v>
      </c>
      <c r="EO32" s="68">
        <v>1</v>
      </c>
      <c r="EP32" s="69">
        <v>2</v>
      </c>
      <c r="EQ32" s="70">
        <v>3</v>
      </c>
      <c r="ER32" s="159"/>
      <c r="ES32" s="69">
        <v>2</v>
      </c>
      <c r="ET32" s="69">
        <v>0</v>
      </c>
      <c r="EU32" s="69">
        <v>0</v>
      </c>
      <c r="EV32" s="69">
        <v>0</v>
      </c>
      <c r="EW32" s="69">
        <v>0</v>
      </c>
      <c r="EX32" s="70">
        <v>2</v>
      </c>
      <c r="EY32" s="71">
        <v>5</v>
      </c>
      <c r="EZ32" s="68">
        <v>0</v>
      </c>
      <c r="FA32" s="69">
        <v>2</v>
      </c>
      <c r="FB32" s="70">
        <v>2</v>
      </c>
      <c r="FC32" s="159"/>
      <c r="FD32" s="69">
        <v>1</v>
      </c>
      <c r="FE32" s="69">
        <v>0</v>
      </c>
      <c r="FF32" s="69">
        <v>0</v>
      </c>
      <c r="FG32" s="69">
        <v>0</v>
      </c>
      <c r="FH32" s="69">
        <v>0</v>
      </c>
      <c r="FI32" s="70">
        <v>1</v>
      </c>
      <c r="FJ32" s="71">
        <v>3</v>
      </c>
      <c r="FK32" s="68">
        <v>0</v>
      </c>
      <c r="FL32" s="69">
        <v>1</v>
      </c>
      <c r="FM32" s="70">
        <v>1</v>
      </c>
      <c r="FN32" s="159"/>
      <c r="FO32" s="69">
        <v>1</v>
      </c>
      <c r="FP32" s="69">
        <v>1</v>
      </c>
      <c r="FQ32" s="69">
        <v>0</v>
      </c>
      <c r="FR32" s="69">
        <v>0</v>
      </c>
      <c r="FS32" s="69">
        <v>0</v>
      </c>
      <c r="FT32" s="70">
        <v>2</v>
      </c>
      <c r="FU32" s="71">
        <v>3</v>
      </c>
      <c r="FV32" s="68">
        <v>0</v>
      </c>
      <c r="FW32" s="69">
        <v>0</v>
      </c>
      <c r="FX32" s="70">
        <v>0</v>
      </c>
      <c r="FY32" s="159"/>
      <c r="FZ32" s="69">
        <v>0</v>
      </c>
      <c r="GA32" s="69">
        <v>0</v>
      </c>
      <c r="GB32" s="69">
        <v>0</v>
      </c>
      <c r="GC32" s="69">
        <v>0</v>
      </c>
      <c r="GD32" s="69">
        <v>0</v>
      </c>
      <c r="GE32" s="70">
        <v>0</v>
      </c>
      <c r="GF32" s="71">
        <v>0</v>
      </c>
      <c r="GG32" s="68">
        <v>2</v>
      </c>
      <c r="GH32" s="69">
        <v>5</v>
      </c>
      <c r="GI32" s="70">
        <v>7</v>
      </c>
      <c r="GJ32" s="159"/>
      <c r="GK32" s="69">
        <v>4</v>
      </c>
      <c r="GL32" s="69">
        <v>1</v>
      </c>
      <c r="GM32" s="69">
        <v>0</v>
      </c>
      <c r="GN32" s="69">
        <v>1</v>
      </c>
      <c r="GO32" s="69">
        <v>0</v>
      </c>
      <c r="GP32" s="70">
        <v>6</v>
      </c>
      <c r="GQ32" s="71">
        <v>13</v>
      </c>
      <c r="GR32" s="108">
        <v>6</v>
      </c>
      <c r="GS32" s="80">
        <v>8</v>
      </c>
      <c r="GT32" s="81">
        <v>14</v>
      </c>
      <c r="GU32" s="159"/>
      <c r="GV32" s="80">
        <v>6</v>
      </c>
      <c r="GW32" s="80">
        <v>6</v>
      </c>
      <c r="GX32" s="80">
        <v>8</v>
      </c>
      <c r="GY32" s="80">
        <v>1</v>
      </c>
      <c r="GZ32" s="80">
        <v>1</v>
      </c>
      <c r="HA32" s="82">
        <v>22</v>
      </c>
      <c r="HB32" s="83">
        <v>36</v>
      </c>
      <c r="HC32" s="68">
        <v>0</v>
      </c>
      <c r="HD32" s="69">
        <v>0</v>
      </c>
      <c r="HE32" s="70">
        <v>0</v>
      </c>
      <c r="HF32" s="159"/>
      <c r="HG32" s="69">
        <v>0</v>
      </c>
      <c r="HH32" s="69">
        <v>0</v>
      </c>
      <c r="HI32" s="69">
        <v>0</v>
      </c>
      <c r="HJ32" s="69">
        <v>0</v>
      </c>
      <c r="HK32" s="69">
        <v>1</v>
      </c>
      <c r="HL32" s="70">
        <v>1</v>
      </c>
      <c r="HM32" s="71">
        <v>1</v>
      </c>
      <c r="HN32" s="68">
        <v>0</v>
      </c>
      <c r="HO32" s="69">
        <v>1</v>
      </c>
      <c r="HP32" s="70">
        <v>1</v>
      </c>
      <c r="HQ32" s="159"/>
      <c r="HR32" s="69">
        <v>0</v>
      </c>
      <c r="HS32" s="69">
        <v>1</v>
      </c>
      <c r="HT32" s="69">
        <v>0</v>
      </c>
      <c r="HU32" s="69">
        <v>0</v>
      </c>
      <c r="HV32" s="69">
        <v>0</v>
      </c>
      <c r="HW32" s="70">
        <v>1</v>
      </c>
      <c r="HX32" s="71">
        <v>2</v>
      </c>
      <c r="HY32" s="68">
        <v>2</v>
      </c>
      <c r="HZ32" s="69">
        <v>1</v>
      </c>
      <c r="IA32" s="70">
        <v>3</v>
      </c>
      <c r="IB32" s="159"/>
      <c r="IC32" s="69">
        <v>0</v>
      </c>
      <c r="ID32" s="69">
        <v>1</v>
      </c>
      <c r="IE32" s="69">
        <v>1</v>
      </c>
      <c r="IF32" s="69">
        <v>1</v>
      </c>
      <c r="IG32" s="69">
        <v>0</v>
      </c>
      <c r="IH32" s="70">
        <v>3</v>
      </c>
      <c r="II32" s="71">
        <v>6</v>
      </c>
      <c r="IJ32" s="68">
        <v>3</v>
      </c>
      <c r="IK32" s="69">
        <v>2</v>
      </c>
      <c r="IL32" s="70">
        <v>5</v>
      </c>
      <c r="IM32" s="159"/>
      <c r="IN32" s="69">
        <v>3</v>
      </c>
      <c r="IO32" s="69">
        <v>1</v>
      </c>
      <c r="IP32" s="69">
        <v>4</v>
      </c>
      <c r="IQ32" s="69">
        <v>0</v>
      </c>
      <c r="IR32" s="69">
        <v>0</v>
      </c>
      <c r="IS32" s="70">
        <v>8</v>
      </c>
      <c r="IT32" s="71">
        <v>13</v>
      </c>
      <c r="IU32" s="68">
        <v>1</v>
      </c>
      <c r="IV32" s="69">
        <v>3</v>
      </c>
      <c r="IW32" s="70">
        <v>4</v>
      </c>
      <c r="IX32" s="159"/>
      <c r="IY32" s="69">
        <v>1</v>
      </c>
      <c r="IZ32" s="69">
        <v>0</v>
      </c>
      <c r="JA32" s="69">
        <v>2</v>
      </c>
      <c r="JB32" s="69">
        <v>0</v>
      </c>
      <c r="JC32" s="69">
        <v>0</v>
      </c>
      <c r="JD32" s="70">
        <v>3</v>
      </c>
      <c r="JE32" s="71">
        <v>7</v>
      </c>
      <c r="JF32" s="68">
        <v>0</v>
      </c>
      <c r="JG32" s="69">
        <v>1</v>
      </c>
      <c r="JH32" s="70">
        <v>1</v>
      </c>
      <c r="JI32" s="159"/>
      <c r="JJ32" s="69">
        <v>2</v>
      </c>
      <c r="JK32" s="69">
        <v>3</v>
      </c>
      <c r="JL32" s="69">
        <v>1</v>
      </c>
      <c r="JM32" s="69">
        <v>0</v>
      </c>
      <c r="JN32" s="69">
        <v>0</v>
      </c>
      <c r="JO32" s="70">
        <v>6</v>
      </c>
      <c r="JP32" s="71">
        <v>7</v>
      </c>
      <c r="JQ32" s="68">
        <v>0</v>
      </c>
      <c r="JR32" s="69">
        <v>0</v>
      </c>
      <c r="JS32" s="70">
        <v>0</v>
      </c>
      <c r="JT32" s="159"/>
      <c r="JU32" s="69">
        <v>0</v>
      </c>
      <c r="JV32" s="69">
        <v>0</v>
      </c>
      <c r="JW32" s="69">
        <v>0</v>
      </c>
      <c r="JX32" s="69">
        <v>0</v>
      </c>
      <c r="JY32" s="69">
        <v>0</v>
      </c>
      <c r="JZ32" s="70">
        <v>0</v>
      </c>
      <c r="KA32" s="71">
        <v>0</v>
      </c>
      <c r="KB32" s="68">
        <v>6</v>
      </c>
      <c r="KC32" s="69">
        <v>8</v>
      </c>
      <c r="KD32" s="70">
        <v>14</v>
      </c>
      <c r="KE32" s="159"/>
      <c r="KF32" s="69">
        <v>6</v>
      </c>
      <c r="KG32" s="69">
        <v>6</v>
      </c>
      <c r="KH32" s="69">
        <v>8</v>
      </c>
      <c r="KI32" s="69">
        <v>1</v>
      </c>
      <c r="KJ32" s="69">
        <v>1</v>
      </c>
      <c r="KK32" s="70">
        <v>22</v>
      </c>
      <c r="KL32" s="71">
        <v>36</v>
      </c>
    </row>
    <row r="33" spans="1:298" ht="19.5" customHeight="1" x14ac:dyDescent="0.2">
      <c r="A33" s="111" t="s">
        <v>30</v>
      </c>
      <c r="B33" s="215">
        <v>0</v>
      </c>
      <c r="C33" s="80">
        <v>1</v>
      </c>
      <c r="D33" s="81">
        <v>1</v>
      </c>
      <c r="E33" s="159"/>
      <c r="F33" s="80">
        <v>5</v>
      </c>
      <c r="G33" s="80">
        <v>8</v>
      </c>
      <c r="H33" s="80">
        <v>4</v>
      </c>
      <c r="I33" s="80">
        <v>3</v>
      </c>
      <c r="J33" s="80">
        <v>1</v>
      </c>
      <c r="K33" s="82">
        <v>21</v>
      </c>
      <c r="L33" s="83">
        <v>22</v>
      </c>
      <c r="M33" s="68">
        <v>0</v>
      </c>
      <c r="N33" s="69">
        <v>0</v>
      </c>
      <c r="O33" s="70">
        <v>0</v>
      </c>
      <c r="P33" s="159"/>
      <c r="Q33" s="69">
        <v>0</v>
      </c>
      <c r="R33" s="69">
        <v>0</v>
      </c>
      <c r="S33" s="69">
        <v>0</v>
      </c>
      <c r="T33" s="69">
        <v>0</v>
      </c>
      <c r="U33" s="69">
        <v>0</v>
      </c>
      <c r="V33" s="70">
        <v>0</v>
      </c>
      <c r="W33" s="71">
        <v>0</v>
      </c>
      <c r="X33" s="68">
        <v>0</v>
      </c>
      <c r="Y33" s="69">
        <v>0</v>
      </c>
      <c r="Z33" s="70">
        <v>0</v>
      </c>
      <c r="AA33" s="159"/>
      <c r="AB33" s="69">
        <v>1</v>
      </c>
      <c r="AC33" s="69">
        <v>0</v>
      </c>
      <c r="AD33" s="69">
        <v>0</v>
      </c>
      <c r="AE33" s="69">
        <v>1</v>
      </c>
      <c r="AF33" s="69">
        <v>0</v>
      </c>
      <c r="AG33" s="70">
        <v>2</v>
      </c>
      <c r="AH33" s="71">
        <v>2</v>
      </c>
      <c r="AI33" s="68">
        <v>0</v>
      </c>
      <c r="AJ33" s="69">
        <v>0</v>
      </c>
      <c r="AK33" s="70">
        <v>0</v>
      </c>
      <c r="AL33" s="159"/>
      <c r="AM33" s="69">
        <v>0</v>
      </c>
      <c r="AN33" s="69">
        <v>1</v>
      </c>
      <c r="AO33" s="69">
        <v>0</v>
      </c>
      <c r="AP33" s="69">
        <v>0</v>
      </c>
      <c r="AQ33" s="69">
        <v>0</v>
      </c>
      <c r="AR33" s="70">
        <v>1</v>
      </c>
      <c r="AS33" s="71">
        <v>1</v>
      </c>
      <c r="AT33" s="68">
        <v>0</v>
      </c>
      <c r="AU33" s="69">
        <v>1</v>
      </c>
      <c r="AV33" s="70">
        <v>1</v>
      </c>
      <c r="AW33" s="159"/>
      <c r="AX33" s="69">
        <v>1</v>
      </c>
      <c r="AY33" s="69">
        <v>3</v>
      </c>
      <c r="AZ33" s="69">
        <v>0</v>
      </c>
      <c r="BA33" s="69">
        <v>1</v>
      </c>
      <c r="BB33" s="69">
        <v>0</v>
      </c>
      <c r="BC33" s="70">
        <v>5</v>
      </c>
      <c r="BD33" s="71">
        <v>6</v>
      </c>
      <c r="BE33" s="68">
        <v>0</v>
      </c>
      <c r="BF33" s="69">
        <v>0</v>
      </c>
      <c r="BG33" s="70">
        <v>0</v>
      </c>
      <c r="BH33" s="159"/>
      <c r="BI33" s="69">
        <v>2</v>
      </c>
      <c r="BJ33" s="69">
        <v>3</v>
      </c>
      <c r="BK33" s="69">
        <v>1</v>
      </c>
      <c r="BL33" s="69">
        <v>1</v>
      </c>
      <c r="BM33" s="69">
        <v>1</v>
      </c>
      <c r="BN33" s="70">
        <v>8</v>
      </c>
      <c r="BO33" s="71">
        <v>8</v>
      </c>
      <c r="BP33" s="68">
        <v>0</v>
      </c>
      <c r="BQ33" s="69">
        <v>0</v>
      </c>
      <c r="BR33" s="70">
        <v>0</v>
      </c>
      <c r="BS33" s="159"/>
      <c r="BT33" s="69">
        <v>1</v>
      </c>
      <c r="BU33" s="69">
        <v>1</v>
      </c>
      <c r="BV33" s="69">
        <v>3</v>
      </c>
      <c r="BW33" s="69">
        <v>0</v>
      </c>
      <c r="BX33" s="69">
        <v>0</v>
      </c>
      <c r="BY33" s="70">
        <v>5</v>
      </c>
      <c r="BZ33" s="71">
        <v>5</v>
      </c>
      <c r="CA33" s="68">
        <v>0</v>
      </c>
      <c r="CB33" s="69">
        <v>0</v>
      </c>
      <c r="CC33" s="70">
        <v>0</v>
      </c>
      <c r="CD33" s="159"/>
      <c r="CE33" s="69">
        <v>0</v>
      </c>
      <c r="CF33" s="69">
        <v>0</v>
      </c>
      <c r="CG33" s="69">
        <v>0</v>
      </c>
      <c r="CH33" s="69">
        <v>0</v>
      </c>
      <c r="CI33" s="69">
        <v>0</v>
      </c>
      <c r="CJ33" s="70">
        <v>0</v>
      </c>
      <c r="CK33" s="71">
        <v>0</v>
      </c>
      <c r="CL33" s="68">
        <v>0</v>
      </c>
      <c r="CM33" s="69">
        <v>1</v>
      </c>
      <c r="CN33" s="70">
        <v>1</v>
      </c>
      <c r="CO33" s="159"/>
      <c r="CP33" s="69">
        <v>5</v>
      </c>
      <c r="CQ33" s="69">
        <v>8</v>
      </c>
      <c r="CR33" s="69">
        <v>4</v>
      </c>
      <c r="CS33" s="69">
        <v>3</v>
      </c>
      <c r="CT33" s="69">
        <v>1</v>
      </c>
      <c r="CU33" s="70">
        <v>21</v>
      </c>
      <c r="CV33" s="71">
        <v>22</v>
      </c>
      <c r="CW33" s="108">
        <v>1</v>
      </c>
      <c r="CX33" s="80">
        <v>2</v>
      </c>
      <c r="CY33" s="81">
        <v>3</v>
      </c>
      <c r="CZ33" s="159"/>
      <c r="DA33" s="80">
        <v>2</v>
      </c>
      <c r="DB33" s="80">
        <v>1</v>
      </c>
      <c r="DC33" s="80">
        <v>1</v>
      </c>
      <c r="DD33" s="80">
        <v>0</v>
      </c>
      <c r="DE33" s="80">
        <v>0</v>
      </c>
      <c r="DF33" s="82">
        <v>4</v>
      </c>
      <c r="DG33" s="83">
        <v>7</v>
      </c>
      <c r="DH33" s="68">
        <v>0</v>
      </c>
      <c r="DI33" s="69">
        <v>0</v>
      </c>
      <c r="DJ33" s="70">
        <v>0</v>
      </c>
      <c r="DK33" s="159"/>
      <c r="DL33" s="69">
        <v>0</v>
      </c>
      <c r="DM33" s="69">
        <v>0</v>
      </c>
      <c r="DN33" s="69">
        <v>0</v>
      </c>
      <c r="DO33" s="69">
        <v>0</v>
      </c>
      <c r="DP33" s="69">
        <v>0</v>
      </c>
      <c r="DQ33" s="70">
        <v>0</v>
      </c>
      <c r="DR33" s="71">
        <v>0</v>
      </c>
      <c r="DS33" s="68">
        <v>0</v>
      </c>
      <c r="DT33" s="69">
        <v>0</v>
      </c>
      <c r="DU33" s="70">
        <v>0</v>
      </c>
      <c r="DV33" s="159"/>
      <c r="DW33" s="69">
        <v>0</v>
      </c>
      <c r="DX33" s="69">
        <v>0</v>
      </c>
      <c r="DY33" s="69">
        <v>0</v>
      </c>
      <c r="DZ33" s="69">
        <v>0</v>
      </c>
      <c r="EA33" s="69">
        <v>0</v>
      </c>
      <c r="EB33" s="70">
        <v>0</v>
      </c>
      <c r="EC33" s="71">
        <v>0</v>
      </c>
      <c r="ED33" s="68">
        <v>0</v>
      </c>
      <c r="EE33" s="69">
        <v>0</v>
      </c>
      <c r="EF33" s="70">
        <v>0</v>
      </c>
      <c r="EG33" s="159"/>
      <c r="EH33" s="69">
        <v>0</v>
      </c>
      <c r="EI33" s="69">
        <v>0</v>
      </c>
      <c r="EJ33" s="69">
        <v>1</v>
      </c>
      <c r="EK33" s="69">
        <v>0</v>
      </c>
      <c r="EL33" s="69">
        <v>0</v>
      </c>
      <c r="EM33" s="70">
        <v>1</v>
      </c>
      <c r="EN33" s="71">
        <v>1</v>
      </c>
      <c r="EO33" s="68">
        <v>1</v>
      </c>
      <c r="EP33" s="69">
        <v>1</v>
      </c>
      <c r="EQ33" s="70">
        <v>2</v>
      </c>
      <c r="ER33" s="159"/>
      <c r="ES33" s="69">
        <v>0</v>
      </c>
      <c r="ET33" s="69">
        <v>0</v>
      </c>
      <c r="EU33" s="69">
        <v>0</v>
      </c>
      <c r="EV33" s="69">
        <v>0</v>
      </c>
      <c r="EW33" s="69">
        <v>0</v>
      </c>
      <c r="EX33" s="70">
        <v>0</v>
      </c>
      <c r="EY33" s="71">
        <v>2</v>
      </c>
      <c r="EZ33" s="68">
        <v>0</v>
      </c>
      <c r="FA33" s="69">
        <v>0</v>
      </c>
      <c r="FB33" s="70">
        <v>0</v>
      </c>
      <c r="FC33" s="159"/>
      <c r="FD33" s="69">
        <v>1</v>
      </c>
      <c r="FE33" s="69">
        <v>0</v>
      </c>
      <c r="FF33" s="69">
        <v>0</v>
      </c>
      <c r="FG33" s="69">
        <v>0</v>
      </c>
      <c r="FH33" s="69">
        <v>0</v>
      </c>
      <c r="FI33" s="70">
        <v>1</v>
      </c>
      <c r="FJ33" s="71">
        <v>1</v>
      </c>
      <c r="FK33" s="68">
        <v>0</v>
      </c>
      <c r="FL33" s="69">
        <v>1</v>
      </c>
      <c r="FM33" s="70">
        <v>1</v>
      </c>
      <c r="FN33" s="159"/>
      <c r="FO33" s="69">
        <v>1</v>
      </c>
      <c r="FP33" s="69">
        <v>1</v>
      </c>
      <c r="FQ33" s="69">
        <v>0</v>
      </c>
      <c r="FR33" s="69">
        <v>0</v>
      </c>
      <c r="FS33" s="69">
        <v>0</v>
      </c>
      <c r="FT33" s="70">
        <v>2</v>
      </c>
      <c r="FU33" s="71">
        <v>3</v>
      </c>
      <c r="FV33" s="68">
        <v>0</v>
      </c>
      <c r="FW33" s="69">
        <v>0</v>
      </c>
      <c r="FX33" s="70">
        <v>0</v>
      </c>
      <c r="FY33" s="159"/>
      <c r="FZ33" s="69">
        <v>0</v>
      </c>
      <c r="GA33" s="69">
        <v>0</v>
      </c>
      <c r="GB33" s="69">
        <v>0</v>
      </c>
      <c r="GC33" s="69">
        <v>0</v>
      </c>
      <c r="GD33" s="69">
        <v>0</v>
      </c>
      <c r="GE33" s="70">
        <v>0</v>
      </c>
      <c r="GF33" s="71">
        <v>0</v>
      </c>
      <c r="GG33" s="68">
        <v>1</v>
      </c>
      <c r="GH33" s="69">
        <v>2</v>
      </c>
      <c r="GI33" s="70">
        <v>3</v>
      </c>
      <c r="GJ33" s="159"/>
      <c r="GK33" s="69">
        <v>2</v>
      </c>
      <c r="GL33" s="69">
        <v>1</v>
      </c>
      <c r="GM33" s="69">
        <v>1</v>
      </c>
      <c r="GN33" s="69">
        <v>0</v>
      </c>
      <c r="GO33" s="69">
        <v>0</v>
      </c>
      <c r="GP33" s="70">
        <v>4</v>
      </c>
      <c r="GQ33" s="71">
        <v>7</v>
      </c>
      <c r="GR33" s="108">
        <v>1</v>
      </c>
      <c r="GS33" s="80">
        <v>3</v>
      </c>
      <c r="GT33" s="81">
        <v>4</v>
      </c>
      <c r="GU33" s="159"/>
      <c r="GV33" s="80">
        <v>7</v>
      </c>
      <c r="GW33" s="80">
        <v>9</v>
      </c>
      <c r="GX33" s="80">
        <v>5</v>
      </c>
      <c r="GY33" s="80">
        <v>3</v>
      </c>
      <c r="GZ33" s="80">
        <v>1</v>
      </c>
      <c r="HA33" s="82">
        <v>25</v>
      </c>
      <c r="HB33" s="83">
        <v>29</v>
      </c>
      <c r="HC33" s="68">
        <v>0</v>
      </c>
      <c r="HD33" s="69">
        <v>0</v>
      </c>
      <c r="HE33" s="70">
        <v>0</v>
      </c>
      <c r="HF33" s="159"/>
      <c r="HG33" s="69">
        <v>0</v>
      </c>
      <c r="HH33" s="69">
        <v>0</v>
      </c>
      <c r="HI33" s="69">
        <v>0</v>
      </c>
      <c r="HJ33" s="69">
        <v>0</v>
      </c>
      <c r="HK33" s="69">
        <v>0</v>
      </c>
      <c r="HL33" s="70">
        <v>0</v>
      </c>
      <c r="HM33" s="71">
        <v>0</v>
      </c>
      <c r="HN33" s="68">
        <v>0</v>
      </c>
      <c r="HO33" s="69">
        <v>0</v>
      </c>
      <c r="HP33" s="70">
        <v>0</v>
      </c>
      <c r="HQ33" s="159"/>
      <c r="HR33" s="69">
        <v>1</v>
      </c>
      <c r="HS33" s="69">
        <v>0</v>
      </c>
      <c r="HT33" s="69">
        <v>0</v>
      </c>
      <c r="HU33" s="69">
        <v>1</v>
      </c>
      <c r="HV33" s="69">
        <v>0</v>
      </c>
      <c r="HW33" s="70">
        <v>2</v>
      </c>
      <c r="HX33" s="71">
        <v>2</v>
      </c>
      <c r="HY33" s="68">
        <v>0</v>
      </c>
      <c r="HZ33" s="69">
        <v>0</v>
      </c>
      <c r="IA33" s="70">
        <v>0</v>
      </c>
      <c r="IB33" s="159"/>
      <c r="IC33" s="69">
        <v>0</v>
      </c>
      <c r="ID33" s="69">
        <v>1</v>
      </c>
      <c r="IE33" s="69">
        <v>1</v>
      </c>
      <c r="IF33" s="69">
        <v>0</v>
      </c>
      <c r="IG33" s="69">
        <v>0</v>
      </c>
      <c r="IH33" s="70">
        <v>2</v>
      </c>
      <c r="II33" s="71">
        <v>2</v>
      </c>
      <c r="IJ33" s="68">
        <v>1</v>
      </c>
      <c r="IK33" s="69">
        <v>2</v>
      </c>
      <c r="IL33" s="70">
        <v>3</v>
      </c>
      <c r="IM33" s="159"/>
      <c r="IN33" s="69">
        <v>1</v>
      </c>
      <c r="IO33" s="69">
        <v>3</v>
      </c>
      <c r="IP33" s="69">
        <v>0</v>
      </c>
      <c r="IQ33" s="69">
        <v>1</v>
      </c>
      <c r="IR33" s="69">
        <v>0</v>
      </c>
      <c r="IS33" s="70">
        <v>5</v>
      </c>
      <c r="IT33" s="71">
        <v>8</v>
      </c>
      <c r="IU33" s="68">
        <v>0</v>
      </c>
      <c r="IV33" s="69">
        <v>0</v>
      </c>
      <c r="IW33" s="70">
        <v>0</v>
      </c>
      <c r="IX33" s="159"/>
      <c r="IY33" s="69">
        <v>3</v>
      </c>
      <c r="IZ33" s="69">
        <v>3</v>
      </c>
      <c r="JA33" s="69">
        <v>1</v>
      </c>
      <c r="JB33" s="69">
        <v>1</v>
      </c>
      <c r="JC33" s="69">
        <v>1</v>
      </c>
      <c r="JD33" s="70">
        <v>9</v>
      </c>
      <c r="JE33" s="71">
        <v>9</v>
      </c>
      <c r="JF33" s="68">
        <v>0</v>
      </c>
      <c r="JG33" s="69">
        <v>1</v>
      </c>
      <c r="JH33" s="70">
        <v>1</v>
      </c>
      <c r="JI33" s="159"/>
      <c r="JJ33" s="69">
        <v>2</v>
      </c>
      <c r="JK33" s="69">
        <v>2</v>
      </c>
      <c r="JL33" s="69">
        <v>3</v>
      </c>
      <c r="JM33" s="69">
        <v>0</v>
      </c>
      <c r="JN33" s="69">
        <v>0</v>
      </c>
      <c r="JO33" s="70">
        <v>7</v>
      </c>
      <c r="JP33" s="71">
        <v>8</v>
      </c>
      <c r="JQ33" s="68">
        <v>0</v>
      </c>
      <c r="JR33" s="69">
        <v>0</v>
      </c>
      <c r="JS33" s="70">
        <v>0</v>
      </c>
      <c r="JT33" s="159"/>
      <c r="JU33" s="69">
        <v>0</v>
      </c>
      <c r="JV33" s="69">
        <v>0</v>
      </c>
      <c r="JW33" s="69">
        <v>0</v>
      </c>
      <c r="JX33" s="69">
        <v>0</v>
      </c>
      <c r="JY33" s="69">
        <v>0</v>
      </c>
      <c r="JZ33" s="70">
        <v>0</v>
      </c>
      <c r="KA33" s="71">
        <v>0</v>
      </c>
      <c r="KB33" s="68">
        <v>1</v>
      </c>
      <c r="KC33" s="69">
        <v>3</v>
      </c>
      <c r="KD33" s="70">
        <v>4</v>
      </c>
      <c r="KE33" s="159"/>
      <c r="KF33" s="69">
        <v>7</v>
      </c>
      <c r="KG33" s="69">
        <v>9</v>
      </c>
      <c r="KH33" s="69">
        <v>5</v>
      </c>
      <c r="KI33" s="69">
        <v>3</v>
      </c>
      <c r="KJ33" s="69">
        <v>1</v>
      </c>
      <c r="KK33" s="70">
        <v>25</v>
      </c>
      <c r="KL33" s="71">
        <v>29</v>
      </c>
    </row>
    <row r="34" spans="1:298" ht="19.5" customHeight="1" x14ac:dyDescent="0.2">
      <c r="A34" s="111" t="s">
        <v>31</v>
      </c>
      <c r="B34" s="215">
        <v>3</v>
      </c>
      <c r="C34" s="80">
        <v>1</v>
      </c>
      <c r="D34" s="81">
        <v>4</v>
      </c>
      <c r="E34" s="159"/>
      <c r="F34" s="80">
        <v>9</v>
      </c>
      <c r="G34" s="80">
        <v>4</v>
      </c>
      <c r="H34" s="80">
        <v>3</v>
      </c>
      <c r="I34" s="80">
        <v>2</v>
      </c>
      <c r="J34" s="80">
        <v>2</v>
      </c>
      <c r="K34" s="82">
        <v>20</v>
      </c>
      <c r="L34" s="83">
        <v>24</v>
      </c>
      <c r="M34" s="68">
        <v>0</v>
      </c>
      <c r="N34" s="69">
        <v>0</v>
      </c>
      <c r="O34" s="70">
        <v>0</v>
      </c>
      <c r="P34" s="159"/>
      <c r="Q34" s="69">
        <v>1</v>
      </c>
      <c r="R34" s="69">
        <v>0</v>
      </c>
      <c r="S34" s="69">
        <v>1</v>
      </c>
      <c r="T34" s="69">
        <v>0</v>
      </c>
      <c r="U34" s="69">
        <v>0</v>
      </c>
      <c r="V34" s="70">
        <v>2</v>
      </c>
      <c r="W34" s="71">
        <v>2</v>
      </c>
      <c r="X34" s="68">
        <v>0</v>
      </c>
      <c r="Y34" s="69">
        <v>0</v>
      </c>
      <c r="Z34" s="70">
        <v>0</v>
      </c>
      <c r="AA34" s="159"/>
      <c r="AB34" s="69">
        <v>1</v>
      </c>
      <c r="AC34" s="69">
        <v>0</v>
      </c>
      <c r="AD34" s="69">
        <v>1</v>
      </c>
      <c r="AE34" s="69">
        <v>0</v>
      </c>
      <c r="AF34" s="69">
        <v>1</v>
      </c>
      <c r="AG34" s="70">
        <v>3</v>
      </c>
      <c r="AH34" s="71">
        <v>3</v>
      </c>
      <c r="AI34" s="68">
        <v>0</v>
      </c>
      <c r="AJ34" s="69">
        <v>0</v>
      </c>
      <c r="AK34" s="70">
        <v>0</v>
      </c>
      <c r="AL34" s="159"/>
      <c r="AM34" s="69">
        <v>1</v>
      </c>
      <c r="AN34" s="69">
        <v>0</v>
      </c>
      <c r="AO34" s="69">
        <v>0</v>
      </c>
      <c r="AP34" s="69">
        <v>0</v>
      </c>
      <c r="AQ34" s="69">
        <v>0</v>
      </c>
      <c r="AR34" s="70">
        <v>1</v>
      </c>
      <c r="AS34" s="71">
        <v>1</v>
      </c>
      <c r="AT34" s="68">
        <v>0</v>
      </c>
      <c r="AU34" s="69">
        <v>1</v>
      </c>
      <c r="AV34" s="70">
        <v>1</v>
      </c>
      <c r="AW34" s="159"/>
      <c r="AX34" s="69">
        <v>1</v>
      </c>
      <c r="AY34" s="69">
        <v>1</v>
      </c>
      <c r="AZ34" s="69">
        <v>0</v>
      </c>
      <c r="BA34" s="69">
        <v>0</v>
      </c>
      <c r="BB34" s="69">
        <v>1</v>
      </c>
      <c r="BC34" s="70">
        <v>3</v>
      </c>
      <c r="BD34" s="71">
        <v>4</v>
      </c>
      <c r="BE34" s="68">
        <v>3</v>
      </c>
      <c r="BF34" s="69">
        <v>0</v>
      </c>
      <c r="BG34" s="70">
        <v>3</v>
      </c>
      <c r="BH34" s="159"/>
      <c r="BI34" s="69">
        <v>1</v>
      </c>
      <c r="BJ34" s="69">
        <v>1</v>
      </c>
      <c r="BK34" s="69">
        <v>0</v>
      </c>
      <c r="BL34" s="69">
        <v>1</v>
      </c>
      <c r="BM34" s="69">
        <v>0</v>
      </c>
      <c r="BN34" s="70">
        <v>3</v>
      </c>
      <c r="BO34" s="71">
        <v>6</v>
      </c>
      <c r="BP34" s="68">
        <v>0</v>
      </c>
      <c r="BQ34" s="69">
        <v>0</v>
      </c>
      <c r="BR34" s="70">
        <v>0</v>
      </c>
      <c r="BS34" s="159"/>
      <c r="BT34" s="69">
        <v>4</v>
      </c>
      <c r="BU34" s="69">
        <v>2</v>
      </c>
      <c r="BV34" s="69">
        <v>1</v>
      </c>
      <c r="BW34" s="69">
        <v>1</v>
      </c>
      <c r="BX34" s="69">
        <v>0</v>
      </c>
      <c r="BY34" s="70">
        <v>8</v>
      </c>
      <c r="BZ34" s="71">
        <v>8</v>
      </c>
      <c r="CA34" s="68">
        <v>0</v>
      </c>
      <c r="CB34" s="69">
        <v>0</v>
      </c>
      <c r="CC34" s="70">
        <v>0</v>
      </c>
      <c r="CD34" s="159"/>
      <c r="CE34" s="69">
        <v>0</v>
      </c>
      <c r="CF34" s="69">
        <v>0</v>
      </c>
      <c r="CG34" s="69">
        <v>0</v>
      </c>
      <c r="CH34" s="69">
        <v>0</v>
      </c>
      <c r="CI34" s="69">
        <v>0</v>
      </c>
      <c r="CJ34" s="70">
        <v>0</v>
      </c>
      <c r="CK34" s="71">
        <v>0</v>
      </c>
      <c r="CL34" s="68">
        <v>3</v>
      </c>
      <c r="CM34" s="69">
        <v>1</v>
      </c>
      <c r="CN34" s="70">
        <v>4</v>
      </c>
      <c r="CO34" s="159"/>
      <c r="CP34" s="69">
        <v>9</v>
      </c>
      <c r="CQ34" s="69">
        <v>4</v>
      </c>
      <c r="CR34" s="69">
        <v>3</v>
      </c>
      <c r="CS34" s="69">
        <v>2</v>
      </c>
      <c r="CT34" s="69">
        <v>2</v>
      </c>
      <c r="CU34" s="70">
        <v>20</v>
      </c>
      <c r="CV34" s="71">
        <v>24</v>
      </c>
      <c r="CW34" s="108">
        <v>1</v>
      </c>
      <c r="CX34" s="80">
        <v>1</v>
      </c>
      <c r="CY34" s="81">
        <v>2</v>
      </c>
      <c r="CZ34" s="159"/>
      <c r="DA34" s="80">
        <v>0</v>
      </c>
      <c r="DB34" s="80">
        <v>1</v>
      </c>
      <c r="DC34" s="80">
        <v>2</v>
      </c>
      <c r="DD34" s="80">
        <v>2</v>
      </c>
      <c r="DE34" s="80">
        <v>2</v>
      </c>
      <c r="DF34" s="82">
        <v>7</v>
      </c>
      <c r="DG34" s="83">
        <v>9</v>
      </c>
      <c r="DH34" s="68">
        <v>0</v>
      </c>
      <c r="DI34" s="69">
        <v>0</v>
      </c>
      <c r="DJ34" s="70">
        <v>0</v>
      </c>
      <c r="DK34" s="159"/>
      <c r="DL34" s="69">
        <v>0</v>
      </c>
      <c r="DM34" s="69">
        <v>0</v>
      </c>
      <c r="DN34" s="69">
        <v>0</v>
      </c>
      <c r="DO34" s="69">
        <v>0</v>
      </c>
      <c r="DP34" s="69">
        <v>0</v>
      </c>
      <c r="DQ34" s="70">
        <v>0</v>
      </c>
      <c r="DR34" s="71">
        <v>0</v>
      </c>
      <c r="DS34" s="68">
        <v>0</v>
      </c>
      <c r="DT34" s="69">
        <v>1</v>
      </c>
      <c r="DU34" s="70">
        <v>1</v>
      </c>
      <c r="DV34" s="159"/>
      <c r="DW34" s="69">
        <v>0</v>
      </c>
      <c r="DX34" s="69">
        <v>0</v>
      </c>
      <c r="DY34" s="69">
        <v>1</v>
      </c>
      <c r="DZ34" s="69">
        <v>0</v>
      </c>
      <c r="EA34" s="69">
        <v>0</v>
      </c>
      <c r="EB34" s="70">
        <v>1</v>
      </c>
      <c r="EC34" s="71">
        <v>2</v>
      </c>
      <c r="ED34" s="68">
        <v>0</v>
      </c>
      <c r="EE34" s="69">
        <v>0</v>
      </c>
      <c r="EF34" s="70">
        <v>0</v>
      </c>
      <c r="EG34" s="159"/>
      <c r="EH34" s="69">
        <v>0</v>
      </c>
      <c r="EI34" s="69">
        <v>0</v>
      </c>
      <c r="EJ34" s="69">
        <v>0</v>
      </c>
      <c r="EK34" s="69">
        <v>0</v>
      </c>
      <c r="EL34" s="69">
        <v>0</v>
      </c>
      <c r="EM34" s="70">
        <v>0</v>
      </c>
      <c r="EN34" s="71">
        <v>0</v>
      </c>
      <c r="EO34" s="68">
        <v>0</v>
      </c>
      <c r="EP34" s="69">
        <v>0</v>
      </c>
      <c r="EQ34" s="70">
        <v>0</v>
      </c>
      <c r="ER34" s="159"/>
      <c r="ES34" s="69">
        <v>0</v>
      </c>
      <c r="ET34" s="69">
        <v>1</v>
      </c>
      <c r="EU34" s="69">
        <v>0</v>
      </c>
      <c r="EV34" s="69">
        <v>1</v>
      </c>
      <c r="EW34" s="69">
        <v>0</v>
      </c>
      <c r="EX34" s="70">
        <v>2</v>
      </c>
      <c r="EY34" s="71">
        <v>2</v>
      </c>
      <c r="EZ34" s="68">
        <v>0</v>
      </c>
      <c r="FA34" s="69">
        <v>0</v>
      </c>
      <c r="FB34" s="70">
        <v>0</v>
      </c>
      <c r="FC34" s="159"/>
      <c r="FD34" s="69">
        <v>0</v>
      </c>
      <c r="FE34" s="69">
        <v>0</v>
      </c>
      <c r="FF34" s="69">
        <v>0</v>
      </c>
      <c r="FG34" s="69">
        <v>1</v>
      </c>
      <c r="FH34" s="69">
        <v>0</v>
      </c>
      <c r="FI34" s="70">
        <v>1</v>
      </c>
      <c r="FJ34" s="71">
        <v>1</v>
      </c>
      <c r="FK34" s="68">
        <v>1</v>
      </c>
      <c r="FL34" s="69">
        <v>0</v>
      </c>
      <c r="FM34" s="70">
        <v>1</v>
      </c>
      <c r="FN34" s="159"/>
      <c r="FO34" s="69">
        <v>0</v>
      </c>
      <c r="FP34" s="69">
        <v>0</v>
      </c>
      <c r="FQ34" s="69">
        <v>1</v>
      </c>
      <c r="FR34" s="69">
        <v>0</v>
      </c>
      <c r="FS34" s="69">
        <v>2</v>
      </c>
      <c r="FT34" s="70">
        <v>3</v>
      </c>
      <c r="FU34" s="71">
        <v>4</v>
      </c>
      <c r="FV34" s="68">
        <v>0</v>
      </c>
      <c r="FW34" s="69">
        <v>0</v>
      </c>
      <c r="FX34" s="70">
        <v>0</v>
      </c>
      <c r="FY34" s="159"/>
      <c r="FZ34" s="69">
        <v>0</v>
      </c>
      <c r="GA34" s="69">
        <v>0</v>
      </c>
      <c r="GB34" s="69">
        <v>0</v>
      </c>
      <c r="GC34" s="69">
        <v>0</v>
      </c>
      <c r="GD34" s="69">
        <v>0</v>
      </c>
      <c r="GE34" s="70">
        <v>0</v>
      </c>
      <c r="GF34" s="71">
        <v>0</v>
      </c>
      <c r="GG34" s="68">
        <v>1</v>
      </c>
      <c r="GH34" s="69">
        <v>1</v>
      </c>
      <c r="GI34" s="70">
        <v>2</v>
      </c>
      <c r="GJ34" s="159"/>
      <c r="GK34" s="69">
        <v>0</v>
      </c>
      <c r="GL34" s="69">
        <v>1</v>
      </c>
      <c r="GM34" s="69">
        <v>2</v>
      </c>
      <c r="GN34" s="69">
        <v>2</v>
      </c>
      <c r="GO34" s="69">
        <v>2</v>
      </c>
      <c r="GP34" s="70">
        <v>7</v>
      </c>
      <c r="GQ34" s="71">
        <v>9</v>
      </c>
      <c r="GR34" s="108">
        <v>4</v>
      </c>
      <c r="GS34" s="80">
        <v>2</v>
      </c>
      <c r="GT34" s="81">
        <v>6</v>
      </c>
      <c r="GU34" s="159"/>
      <c r="GV34" s="80">
        <v>9</v>
      </c>
      <c r="GW34" s="80">
        <v>5</v>
      </c>
      <c r="GX34" s="80">
        <v>5</v>
      </c>
      <c r="GY34" s="80">
        <v>4</v>
      </c>
      <c r="GZ34" s="80">
        <v>4</v>
      </c>
      <c r="HA34" s="82">
        <v>27</v>
      </c>
      <c r="HB34" s="83">
        <v>33</v>
      </c>
      <c r="HC34" s="68">
        <v>0</v>
      </c>
      <c r="HD34" s="69">
        <v>0</v>
      </c>
      <c r="HE34" s="70">
        <v>0</v>
      </c>
      <c r="HF34" s="159"/>
      <c r="HG34" s="69">
        <v>1</v>
      </c>
      <c r="HH34" s="69">
        <v>0</v>
      </c>
      <c r="HI34" s="69">
        <v>1</v>
      </c>
      <c r="HJ34" s="69">
        <v>0</v>
      </c>
      <c r="HK34" s="69">
        <v>0</v>
      </c>
      <c r="HL34" s="70">
        <v>2</v>
      </c>
      <c r="HM34" s="71">
        <v>2</v>
      </c>
      <c r="HN34" s="68">
        <v>0</v>
      </c>
      <c r="HO34" s="69">
        <v>1</v>
      </c>
      <c r="HP34" s="70">
        <v>1</v>
      </c>
      <c r="HQ34" s="159"/>
      <c r="HR34" s="69">
        <v>1</v>
      </c>
      <c r="HS34" s="69">
        <v>0</v>
      </c>
      <c r="HT34" s="69">
        <v>2</v>
      </c>
      <c r="HU34" s="69">
        <v>0</v>
      </c>
      <c r="HV34" s="69">
        <v>1</v>
      </c>
      <c r="HW34" s="70">
        <v>4</v>
      </c>
      <c r="HX34" s="71">
        <v>5</v>
      </c>
      <c r="HY34" s="68">
        <v>0</v>
      </c>
      <c r="HZ34" s="69">
        <v>0</v>
      </c>
      <c r="IA34" s="70">
        <v>0</v>
      </c>
      <c r="IB34" s="159"/>
      <c r="IC34" s="69">
        <v>1</v>
      </c>
      <c r="ID34" s="69">
        <v>0</v>
      </c>
      <c r="IE34" s="69">
        <v>0</v>
      </c>
      <c r="IF34" s="69">
        <v>0</v>
      </c>
      <c r="IG34" s="69">
        <v>0</v>
      </c>
      <c r="IH34" s="70">
        <v>1</v>
      </c>
      <c r="II34" s="71">
        <v>1</v>
      </c>
      <c r="IJ34" s="68">
        <v>0</v>
      </c>
      <c r="IK34" s="69">
        <v>1</v>
      </c>
      <c r="IL34" s="70">
        <v>1</v>
      </c>
      <c r="IM34" s="159"/>
      <c r="IN34" s="69">
        <v>1</v>
      </c>
      <c r="IO34" s="69">
        <v>2</v>
      </c>
      <c r="IP34" s="69">
        <v>0</v>
      </c>
      <c r="IQ34" s="69">
        <v>1</v>
      </c>
      <c r="IR34" s="69">
        <v>1</v>
      </c>
      <c r="IS34" s="70">
        <v>5</v>
      </c>
      <c r="IT34" s="71">
        <v>6</v>
      </c>
      <c r="IU34" s="68">
        <v>3</v>
      </c>
      <c r="IV34" s="69">
        <v>0</v>
      </c>
      <c r="IW34" s="70">
        <v>3</v>
      </c>
      <c r="IX34" s="159"/>
      <c r="IY34" s="69">
        <v>1</v>
      </c>
      <c r="IZ34" s="69">
        <v>1</v>
      </c>
      <c r="JA34" s="69">
        <v>0</v>
      </c>
      <c r="JB34" s="69">
        <v>2</v>
      </c>
      <c r="JC34" s="69">
        <v>0</v>
      </c>
      <c r="JD34" s="70">
        <v>4</v>
      </c>
      <c r="JE34" s="71">
        <v>7</v>
      </c>
      <c r="JF34" s="68">
        <v>1</v>
      </c>
      <c r="JG34" s="69">
        <v>0</v>
      </c>
      <c r="JH34" s="70">
        <v>1</v>
      </c>
      <c r="JI34" s="159"/>
      <c r="JJ34" s="69">
        <v>4</v>
      </c>
      <c r="JK34" s="69">
        <v>2</v>
      </c>
      <c r="JL34" s="69">
        <v>2</v>
      </c>
      <c r="JM34" s="69">
        <v>1</v>
      </c>
      <c r="JN34" s="69">
        <v>2</v>
      </c>
      <c r="JO34" s="70">
        <v>11</v>
      </c>
      <c r="JP34" s="71">
        <v>12</v>
      </c>
      <c r="JQ34" s="68">
        <v>0</v>
      </c>
      <c r="JR34" s="69">
        <v>0</v>
      </c>
      <c r="JS34" s="70">
        <v>0</v>
      </c>
      <c r="JT34" s="159"/>
      <c r="JU34" s="69">
        <v>0</v>
      </c>
      <c r="JV34" s="69">
        <v>0</v>
      </c>
      <c r="JW34" s="69">
        <v>0</v>
      </c>
      <c r="JX34" s="69">
        <v>0</v>
      </c>
      <c r="JY34" s="69">
        <v>0</v>
      </c>
      <c r="JZ34" s="70">
        <v>0</v>
      </c>
      <c r="KA34" s="71">
        <v>0</v>
      </c>
      <c r="KB34" s="68">
        <v>4</v>
      </c>
      <c r="KC34" s="69">
        <v>2</v>
      </c>
      <c r="KD34" s="70">
        <v>6</v>
      </c>
      <c r="KE34" s="159"/>
      <c r="KF34" s="69">
        <v>9</v>
      </c>
      <c r="KG34" s="69">
        <v>5</v>
      </c>
      <c r="KH34" s="69">
        <v>5</v>
      </c>
      <c r="KI34" s="69">
        <v>4</v>
      </c>
      <c r="KJ34" s="69">
        <v>4</v>
      </c>
      <c r="KK34" s="70">
        <v>27</v>
      </c>
      <c r="KL34" s="71">
        <v>33</v>
      </c>
    </row>
    <row r="35" spans="1:298" ht="19.5" customHeight="1" x14ac:dyDescent="0.2">
      <c r="A35" s="111" t="s">
        <v>32</v>
      </c>
      <c r="B35" s="215">
        <v>3</v>
      </c>
      <c r="C35" s="80">
        <v>2</v>
      </c>
      <c r="D35" s="81">
        <v>5</v>
      </c>
      <c r="E35" s="159"/>
      <c r="F35" s="80">
        <v>8</v>
      </c>
      <c r="G35" s="80">
        <v>5</v>
      </c>
      <c r="H35" s="80">
        <v>2</v>
      </c>
      <c r="I35" s="80">
        <v>1</v>
      </c>
      <c r="J35" s="80">
        <v>3</v>
      </c>
      <c r="K35" s="82">
        <v>19</v>
      </c>
      <c r="L35" s="83">
        <v>24</v>
      </c>
      <c r="M35" s="68">
        <v>0</v>
      </c>
      <c r="N35" s="69">
        <v>0</v>
      </c>
      <c r="O35" s="70">
        <v>0</v>
      </c>
      <c r="P35" s="159"/>
      <c r="Q35" s="69">
        <v>0</v>
      </c>
      <c r="R35" s="69">
        <v>0</v>
      </c>
      <c r="S35" s="69">
        <v>1</v>
      </c>
      <c r="T35" s="69">
        <v>0</v>
      </c>
      <c r="U35" s="69">
        <v>0</v>
      </c>
      <c r="V35" s="70">
        <v>1</v>
      </c>
      <c r="W35" s="71">
        <v>1</v>
      </c>
      <c r="X35" s="68">
        <v>1</v>
      </c>
      <c r="Y35" s="69">
        <v>0</v>
      </c>
      <c r="Z35" s="70">
        <v>1</v>
      </c>
      <c r="AA35" s="159"/>
      <c r="AB35" s="69">
        <v>1</v>
      </c>
      <c r="AC35" s="69">
        <v>0</v>
      </c>
      <c r="AD35" s="69">
        <v>0</v>
      </c>
      <c r="AE35" s="69">
        <v>0</v>
      </c>
      <c r="AF35" s="69">
        <v>0</v>
      </c>
      <c r="AG35" s="70">
        <v>1</v>
      </c>
      <c r="AH35" s="71">
        <v>2</v>
      </c>
      <c r="AI35" s="68">
        <v>2</v>
      </c>
      <c r="AJ35" s="69">
        <v>0</v>
      </c>
      <c r="AK35" s="70">
        <v>2</v>
      </c>
      <c r="AL35" s="159"/>
      <c r="AM35" s="69">
        <v>2</v>
      </c>
      <c r="AN35" s="69">
        <v>2</v>
      </c>
      <c r="AO35" s="69">
        <v>0</v>
      </c>
      <c r="AP35" s="69">
        <v>0</v>
      </c>
      <c r="AQ35" s="69">
        <v>2</v>
      </c>
      <c r="AR35" s="70">
        <v>6</v>
      </c>
      <c r="AS35" s="71">
        <v>8</v>
      </c>
      <c r="AT35" s="68">
        <v>0</v>
      </c>
      <c r="AU35" s="69">
        <v>0</v>
      </c>
      <c r="AV35" s="70">
        <v>0</v>
      </c>
      <c r="AW35" s="159"/>
      <c r="AX35" s="69">
        <v>0</v>
      </c>
      <c r="AY35" s="69">
        <v>0</v>
      </c>
      <c r="AZ35" s="69">
        <v>0</v>
      </c>
      <c r="BA35" s="69">
        <v>1</v>
      </c>
      <c r="BB35" s="69">
        <v>0</v>
      </c>
      <c r="BC35" s="70">
        <v>1</v>
      </c>
      <c r="BD35" s="71">
        <v>1</v>
      </c>
      <c r="BE35" s="68">
        <v>0</v>
      </c>
      <c r="BF35" s="69">
        <v>1</v>
      </c>
      <c r="BG35" s="70">
        <v>1</v>
      </c>
      <c r="BH35" s="159"/>
      <c r="BI35" s="69">
        <v>3</v>
      </c>
      <c r="BJ35" s="69">
        <v>2</v>
      </c>
      <c r="BK35" s="69">
        <v>1</v>
      </c>
      <c r="BL35" s="69">
        <v>0</v>
      </c>
      <c r="BM35" s="69">
        <v>0</v>
      </c>
      <c r="BN35" s="70">
        <v>6</v>
      </c>
      <c r="BO35" s="71">
        <v>7</v>
      </c>
      <c r="BP35" s="68">
        <v>0</v>
      </c>
      <c r="BQ35" s="69">
        <v>1</v>
      </c>
      <c r="BR35" s="70">
        <v>1</v>
      </c>
      <c r="BS35" s="159"/>
      <c r="BT35" s="69">
        <v>2</v>
      </c>
      <c r="BU35" s="69">
        <v>1</v>
      </c>
      <c r="BV35" s="69">
        <v>0</v>
      </c>
      <c r="BW35" s="69">
        <v>0</v>
      </c>
      <c r="BX35" s="69">
        <v>1</v>
      </c>
      <c r="BY35" s="70">
        <v>4</v>
      </c>
      <c r="BZ35" s="71">
        <v>5</v>
      </c>
      <c r="CA35" s="68">
        <v>0</v>
      </c>
      <c r="CB35" s="69">
        <v>0</v>
      </c>
      <c r="CC35" s="70">
        <v>0</v>
      </c>
      <c r="CD35" s="159"/>
      <c r="CE35" s="69">
        <v>0</v>
      </c>
      <c r="CF35" s="69">
        <v>0</v>
      </c>
      <c r="CG35" s="69">
        <v>0</v>
      </c>
      <c r="CH35" s="69">
        <v>0</v>
      </c>
      <c r="CI35" s="69">
        <v>0</v>
      </c>
      <c r="CJ35" s="70">
        <v>0</v>
      </c>
      <c r="CK35" s="71">
        <v>0</v>
      </c>
      <c r="CL35" s="68">
        <v>3</v>
      </c>
      <c r="CM35" s="69">
        <v>2</v>
      </c>
      <c r="CN35" s="70">
        <v>5</v>
      </c>
      <c r="CO35" s="159"/>
      <c r="CP35" s="69">
        <v>8</v>
      </c>
      <c r="CQ35" s="69">
        <v>5</v>
      </c>
      <c r="CR35" s="69">
        <v>2</v>
      </c>
      <c r="CS35" s="69">
        <v>1</v>
      </c>
      <c r="CT35" s="69">
        <v>3</v>
      </c>
      <c r="CU35" s="70">
        <v>19</v>
      </c>
      <c r="CV35" s="71">
        <v>24</v>
      </c>
      <c r="CW35" s="108">
        <v>0</v>
      </c>
      <c r="CX35" s="80">
        <v>2</v>
      </c>
      <c r="CY35" s="81">
        <v>2</v>
      </c>
      <c r="CZ35" s="159"/>
      <c r="DA35" s="80">
        <v>4</v>
      </c>
      <c r="DB35" s="80">
        <v>3</v>
      </c>
      <c r="DC35" s="80">
        <v>1</v>
      </c>
      <c r="DD35" s="80">
        <v>0</v>
      </c>
      <c r="DE35" s="80">
        <v>0</v>
      </c>
      <c r="DF35" s="82">
        <v>8</v>
      </c>
      <c r="DG35" s="83">
        <v>10</v>
      </c>
      <c r="DH35" s="68">
        <v>0</v>
      </c>
      <c r="DI35" s="69">
        <v>0</v>
      </c>
      <c r="DJ35" s="70">
        <v>0</v>
      </c>
      <c r="DK35" s="159"/>
      <c r="DL35" s="69">
        <v>1</v>
      </c>
      <c r="DM35" s="69">
        <v>0</v>
      </c>
      <c r="DN35" s="69">
        <v>0</v>
      </c>
      <c r="DO35" s="69">
        <v>0</v>
      </c>
      <c r="DP35" s="69">
        <v>0</v>
      </c>
      <c r="DQ35" s="70">
        <v>1</v>
      </c>
      <c r="DR35" s="71">
        <v>1</v>
      </c>
      <c r="DS35" s="68">
        <v>0</v>
      </c>
      <c r="DT35" s="69">
        <v>0</v>
      </c>
      <c r="DU35" s="70">
        <v>0</v>
      </c>
      <c r="DV35" s="159"/>
      <c r="DW35" s="69">
        <v>0</v>
      </c>
      <c r="DX35" s="69">
        <v>0</v>
      </c>
      <c r="DY35" s="69">
        <v>0</v>
      </c>
      <c r="DZ35" s="69">
        <v>0</v>
      </c>
      <c r="EA35" s="69">
        <v>0</v>
      </c>
      <c r="EB35" s="70">
        <v>0</v>
      </c>
      <c r="EC35" s="71">
        <v>0</v>
      </c>
      <c r="ED35" s="68">
        <v>0</v>
      </c>
      <c r="EE35" s="69">
        <v>1</v>
      </c>
      <c r="EF35" s="70">
        <v>1</v>
      </c>
      <c r="EG35" s="159"/>
      <c r="EH35" s="69">
        <v>0</v>
      </c>
      <c r="EI35" s="69">
        <v>1</v>
      </c>
      <c r="EJ35" s="69">
        <v>0</v>
      </c>
      <c r="EK35" s="69">
        <v>0</v>
      </c>
      <c r="EL35" s="69">
        <v>0</v>
      </c>
      <c r="EM35" s="70">
        <v>1</v>
      </c>
      <c r="EN35" s="71">
        <v>2</v>
      </c>
      <c r="EO35" s="68">
        <v>0</v>
      </c>
      <c r="EP35" s="69">
        <v>0</v>
      </c>
      <c r="EQ35" s="70">
        <v>0</v>
      </c>
      <c r="ER35" s="159"/>
      <c r="ES35" s="69">
        <v>1</v>
      </c>
      <c r="ET35" s="69">
        <v>0</v>
      </c>
      <c r="EU35" s="69">
        <v>0</v>
      </c>
      <c r="EV35" s="69">
        <v>0</v>
      </c>
      <c r="EW35" s="69">
        <v>0</v>
      </c>
      <c r="EX35" s="70">
        <v>1</v>
      </c>
      <c r="EY35" s="71">
        <v>1</v>
      </c>
      <c r="EZ35" s="68">
        <v>0</v>
      </c>
      <c r="FA35" s="69">
        <v>0</v>
      </c>
      <c r="FB35" s="70">
        <v>0</v>
      </c>
      <c r="FC35" s="159"/>
      <c r="FD35" s="69">
        <v>2</v>
      </c>
      <c r="FE35" s="69">
        <v>1</v>
      </c>
      <c r="FF35" s="69">
        <v>0</v>
      </c>
      <c r="FG35" s="69">
        <v>0</v>
      </c>
      <c r="FH35" s="69">
        <v>0</v>
      </c>
      <c r="FI35" s="70">
        <v>3</v>
      </c>
      <c r="FJ35" s="71">
        <v>3</v>
      </c>
      <c r="FK35" s="68">
        <v>0</v>
      </c>
      <c r="FL35" s="69">
        <v>1</v>
      </c>
      <c r="FM35" s="70">
        <v>1</v>
      </c>
      <c r="FN35" s="159"/>
      <c r="FO35" s="69">
        <v>0</v>
      </c>
      <c r="FP35" s="69">
        <v>1</v>
      </c>
      <c r="FQ35" s="69">
        <v>1</v>
      </c>
      <c r="FR35" s="69">
        <v>0</v>
      </c>
      <c r="FS35" s="69">
        <v>0</v>
      </c>
      <c r="FT35" s="70">
        <v>2</v>
      </c>
      <c r="FU35" s="71">
        <v>3</v>
      </c>
      <c r="FV35" s="68">
        <v>0</v>
      </c>
      <c r="FW35" s="69">
        <v>0</v>
      </c>
      <c r="FX35" s="70">
        <v>0</v>
      </c>
      <c r="FY35" s="159"/>
      <c r="FZ35" s="69">
        <v>0</v>
      </c>
      <c r="GA35" s="69">
        <v>0</v>
      </c>
      <c r="GB35" s="69">
        <v>0</v>
      </c>
      <c r="GC35" s="69">
        <v>0</v>
      </c>
      <c r="GD35" s="69">
        <v>0</v>
      </c>
      <c r="GE35" s="70">
        <v>0</v>
      </c>
      <c r="GF35" s="71">
        <v>0</v>
      </c>
      <c r="GG35" s="68">
        <v>0</v>
      </c>
      <c r="GH35" s="69">
        <v>2</v>
      </c>
      <c r="GI35" s="70">
        <v>2</v>
      </c>
      <c r="GJ35" s="159"/>
      <c r="GK35" s="69">
        <v>4</v>
      </c>
      <c r="GL35" s="69">
        <v>3</v>
      </c>
      <c r="GM35" s="69">
        <v>1</v>
      </c>
      <c r="GN35" s="69">
        <v>0</v>
      </c>
      <c r="GO35" s="69">
        <v>0</v>
      </c>
      <c r="GP35" s="70">
        <v>8</v>
      </c>
      <c r="GQ35" s="71">
        <v>10</v>
      </c>
      <c r="GR35" s="108">
        <v>3</v>
      </c>
      <c r="GS35" s="80">
        <v>4</v>
      </c>
      <c r="GT35" s="81">
        <v>7</v>
      </c>
      <c r="GU35" s="159"/>
      <c r="GV35" s="80">
        <v>12</v>
      </c>
      <c r="GW35" s="80">
        <v>8</v>
      </c>
      <c r="GX35" s="80">
        <v>3</v>
      </c>
      <c r="GY35" s="80">
        <v>1</v>
      </c>
      <c r="GZ35" s="80">
        <v>3</v>
      </c>
      <c r="HA35" s="82">
        <v>27</v>
      </c>
      <c r="HB35" s="83">
        <v>34</v>
      </c>
      <c r="HC35" s="68">
        <v>0</v>
      </c>
      <c r="HD35" s="69">
        <v>0</v>
      </c>
      <c r="HE35" s="70">
        <v>0</v>
      </c>
      <c r="HF35" s="159"/>
      <c r="HG35" s="69">
        <v>1</v>
      </c>
      <c r="HH35" s="69">
        <v>0</v>
      </c>
      <c r="HI35" s="69">
        <v>1</v>
      </c>
      <c r="HJ35" s="69">
        <v>0</v>
      </c>
      <c r="HK35" s="69">
        <v>0</v>
      </c>
      <c r="HL35" s="70">
        <v>2</v>
      </c>
      <c r="HM35" s="71">
        <v>2</v>
      </c>
      <c r="HN35" s="68">
        <v>1</v>
      </c>
      <c r="HO35" s="69">
        <v>0</v>
      </c>
      <c r="HP35" s="70">
        <v>1</v>
      </c>
      <c r="HQ35" s="159"/>
      <c r="HR35" s="69">
        <v>1</v>
      </c>
      <c r="HS35" s="69">
        <v>0</v>
      </c>
      <c r="HT35" s="69">
        <v>0</v>
      </c>
      <c r="HU35" s="69">
        <v>0</v>
      </c>
      <c r="HV35" s="69">
        <v>0</v>
      </c>
      <c r="HW35" s="70">
        <v>1</v>
      </c>
      <c r="HX35" s="71">
        <v>2</v>
      </c>
      <c r="HY35" s="68">
        <v>2</v>
      </c>
      <c r="HZ35" s="69">
        <v>1</v>
      </c>
      <c r="IA35" s="70">
        <v>3</v>
      </c>
      <c r="IB35" s="159"/>
      <c r="IC35" s="69">
        <v>2</v>
      </c>
      <c r="ID35" s="69">
        <v>3</v>
      </c>
      <c r="IE35" s="69">
        <v>0</v>
      </c>
      <c r="IF35" s="69">
        <v>0</v>
      </c>
      <c r="IG35" s="69">
        <v>2</v>
      </c>
      <c r="IH35" s="70">
        <v>7</v>
      </c>
      <c r="II35" s="71">
        <v>10</v>
      </c>
      <c r="IJ35" s="68">
        <v>0</v>
      </c>
      <c r="IK35" s="69">
        <v>0</v>
      </c>
      <c r="IL35" s="70">
        <v>0</v>
      </c>
      <c r="IM35" s="159"/>
      <c r="IN35" s="69">
        <v>1</v>
      </c>
      <c r="IO35" s="69">
        <v>0</v>
      </c>
      <c r="IP35" s="69">
        <v>0</v>
      </c>
      <c r="IQ35" s="69">
        <v>1</v>
      </c>
      <c r="IR35" s="69">
        <v>0</v>
      </c>
      <c r="IS35" s="70">
        <v>2</v>
      </c>
      <c r="IT35" s="71">
        <v>2</v>
      </c>
      <c r="IU35" s="68">
        <v>0</v>
      </c>
      <c r="IV35" s="69">
        <v>1</v>
      </c>
      <c r="IW35" s="70">
        <v>1</v>
      </c>
      <c r="IX35" s="159"/>
      <c r="IY35" s="69">
        <v>5</v>
      </c>
      <c r="IZ35" s="69">
        <v>3</v>
      </c>
      <c r="JA35" s="69">
        <v>1</v>
      </c>
      <c r="JB35" s="69">
        <v>0</v>
      </c>
      <c r="JC35" s="69">
        <v>0</v>
      </c>
      <c r="JD35" s="70">
        <v>9</v>
      </c>
      <c r="JE35" s="71">
        <v>10</v>
      </c>
      <c r="JF35" s="68">
        <v>0</v>
      </c>
      <c r="JG35" s="69">
        <v>2</v>
      </c>
      <c r="JH35" s="70">
        <v>2</v>
      </c>
      <c r="JI35" s="159"/>
      <c r="JJ35" s="69">
        <v>2</v>
      </c>
      <c r="JK35" s="69">
        <v>2</v>
      </c>
      <c r="JL35" s="69">
        <v>1</v>
      </c>
      <c r="JM35" s="69">
        <v>0</v>
      </c>
      <c r="JN35" s="69">
        <v>1</v>
      </c>
      <c r="JO35" s="70">
        <v>6</v>
      </c>
      <c r="JP35" s="71">
        <v>8</v>
      </c>
      <c r="JQ35" s="68">
        <v>0</v>
      </c>
      <c r="JR35" s="69">
        <v>0</v>
      </c>
      <c r="JS35" s="70">
        <v>0</v>
      </c>
      <c r="JT35" s="159"/>
      <c r="JU35" s="69">
        <v>0</v>
      </c>
      <c r="JV35" s="69">
        <v>0</v>
      </c>
      <c r="JW35" s="69">
        <v>0</v>
      </c>
      <c r="JX35" s="69">
        <v>0</v>
      </c>
      <c r="JY35" s="69">
        <v>0</v>
      </c>
      <c r="JZ35" s="70">
        <v>0</v>
      </c>
      <c r="KA35" s="71">
        <v>0</v>
      </c>
      <c r="KB35" s="68">
        <v>3</v>
      </c>
      <c r="KC35" s="69">
        <v>4</v>
      </c>
      <c r="KD35" s="70">
        <v>7</v>
      </c>
      <c r="KE35" s="159"/>
      <c r="KF35" s="69">
        <v>12</v>
      </c>
      <c r="KG35" s="69">
        <v>8</v>
      </c>
      <c r="KH35" s="69">
        <v>3</v>
      </c>
      <c r="KI35" s="69">
        <v>1</v>
      </c>
      <c r="KJ35" s="69">
        <v>3</v>
      </c>
      <c r="KK35" s="70">
        <v>27</v>
      </c>
      <c r="KL35" s="71">
        <v>34</v>
      </c>
    </row>
    <row r="36" spans="1:298" ht="19.5" customHeight="1" x14ac:dyDescent="0.2">
      <c r="A36" s="111" t="s">
        <v>33</v>
      </c>
      <c r="B36" s="215">
        <v>6</v>
      </c>
      <c r="C36" s="80">
        <v>1</v>
      </c>
      <c r="D36" s="81">
        <v>7</v>
      </c>
      <c r="E36" s="159"/>
      <c r="F36" s="80">
        <v>6</v>
      </c>
      <c r="G36" s="80">
        <v>1</v>
      </c>
      <c r="H36" s="80">
        <v>3</v>
      </c>
      <c r="I36" s="80">
        <v>0</v>
      </c>
      <c r="J36" s="80">
        <v>2</v>
      </c>
      <c r="K36" s="82">
        <v>12</v>
      </c>
      <c r="L36" s="83">
        <v>19</v>
      </c>
      <c r="M36" s="68">
        <v>0</v>
      </c>
      <c r="N36" s="69">
        <v>0</v>
      </c>
      <c r="O36" s="70">
        <v>0</v>
      </c>
      <c r="P36" s="159"/>
      <c r="Q36" s="69">
        <v>1</v>
      </c>
      <c r="R36" s="69">
        <v>1</v>
      </c>
      <c r="S36" s="69">
        <v>0</v>
      </c>
      <c r="T36" s="69">
        <v>0</v>
      </c>
      <c r="U36" s="69">
        <v>0</v>
      </c>
      <c r="V36" s="70">
        <v>2</v>
      </c>
      <c r="W36" s="71">
        <v>2</v>
      </c>
      <c r="X36" s="68">
        <v>0</v>
      </c>
      <c r="Y36" s="69">
        <v>0</v>
      </c>
      <c r="Z36" s="70">
        <v>0</v>
      </c>
      <c r="AA36" s="159"/>
      <c r="AB36" s="69">
        <v>0</v>
      </c>
      <c r="AC36" s="69">
        <v>0</v>
      </c>
      <c r="AD36" s="69">
        <v>1</v>
      </c>
      <c r="AE36" s="69">
        <v>0</v>
      </c>
      <c r="AF36" s="69">
        <v>0</v>
      </c>
      <c r="AG36" s="70">
        <v>1</v>
      </c>
      <c r="AH36" s="71">
        <v>1</v>
      </c>
      <c r="AI36" s="68">
        <v>1</v>
      </c>
      <c r="AJ36" s="69">
        <v>1</v>
      </c>
      <c r="AK36" s="70">
        <v>2</v>
      </c>
      <c r="AL36" s="159"/>
      <c r="AM36" s="69">
        <v>1</v>
      </c>
      <c r="AN36" s="69">
        <v>0</v>
      </c>
      <c r="AO36" s="69">
        <v>0</v>
      </c>
      <c r="AP36" s="69">
        <v>0</v>
      </c>
      <c r="AQ36" s="69">
        <v>1</v>
      </c>
      <c r="AR36" s="70">
        <v>2</v>
      </c>
      <c r="AS36" s="71">
        <v>4</v>
      </c>
      <c r="AT36" s="68">
        <v>1</v>
      </c>
      <c r="AU36" s="69">
        <v>0</v>
      </c>
      <c r="AV36" s="70">
        <v>1</v>
      </c>
      <c r="AW36" s="159"/>
      <c r="AX36" s="69">
        <v>0</v>
      </c>
      <c r="AY36" s="69">
        <v>0</v>
      </c>
      <c r="AZ36" s="69">
        <v>0</v>
      </c>
      <c r="BA36" s="69">
        <v>0</v>
      </c>
      <c r="BB36" s="69">
        <v>1</v>
      </c>
      <c r="BC36" s="70">
        <v>1</v>
      </c>
      <c r="BD36" s="71">
        <v>2</v>
      </c>
      <c r="BE36" s="68">
        <v>4</v>
      </c>
      <c r="BF36" s="69">
        <v>0</v>
      </c>
      <c r="BG36" s="70">
        <v>4</v>
      </c>
      <c r="BH36" s="159"/>
      <c r="BI36" s="69">
        <v>2</v>
      </c>
      <c r="BJ36" s="69">
        <v>0</v>
      </c>
      <c r="BK36" s="69">
        <v>2</v>
      </c>
      <c r="BL36" s="69">
        <v>0</v>
      </c>
      <c r="BM36" s="69">
        <v>0</v>
      </c>
      <c r="BN36" s="70">
        <v>4</v>
      </c>
      <c r="BO36" s="71">
        <v>8</v>
      </c>
      <c r="BP36" s="68">
        <v>0</v>
      </c>
      <c r="BQ36" s="69">
        <v>0</v>
      </c>
      <c r="BR36" s="70">
        <v>0</v>
      </c>
      <c r="BS36" s="159"/>
      <c r="BT36" s="69">
        <v>2</v>
      </c>
      <c r="BU36" s="69">
        <v>0</v>
      </c>
      <c r="BV36" s="69">
        <v>0</v>
      </c>
      <c r="BW36" s="69">
        <v>0</v>
      </c>
      <c r="BX36" s="69">
        <v>0</v>
      </c>
      <c r="BY36" s="70">
        <v>2</v>
      </c>
      <c r="BZ36" s="71">
        <v>2</v>
      </c>
      <c r="CA36" s="68">
        <v>0</v>
      </c>
      <c r="CB36" s="69">
        <v>0</v>
      </c>
      <c r="CC36" s="70">
        <v>0</v>
      </c>
      <c r="CD36" s="159"/>
      <c r="CE36" s="69">
        <v>0</v>
      </c>
      <c r="CF36" s="69">
        <v>0</v>
      </c>
      <c r="CG36" s="69">
        <v>0</v>
      </c>
      <c r="CH36" s="69">
        <v>0</v>
      </c>
      <c r="CI36" s="69">
        <v>0</v>
      </c>
      <c r="CJ36" s="70">
        <v>0</v>
      </c>
      <c r="CK36" s="71">
        <v>0</v>
      </c>
      <c r="CL36" s="68">
        <v>6</v>
      </c>
      <c r="CM36" s="69">
        <v>1</v>
      </c>
      <c r="CN36" s="70">
        <v>7</v>
      </c>
      <c r="CO36" s="159"/>
      <c r="CP36" s="69">
        <v>6</v>
      </c>
      <c r="CQ36" s="69">
        <v>1</v>
      </c>
      <c r="CR36" s="69">
        <v>3</v>
      </c>
      <c r="CS36" s="69">
        <v>0</v>
      </c>
      <c r="CT36" s="69">
        <v>2</v>
      </c>
      <c r="CU36" s="70">
        <v>12</v>
      </c>
      <c r="CV36" s="71">
        <v>19</v>
      </c>
      <c r="CW36" s="108">
        <v>1</v>
      </c>
      <c r="CX36" s="80">
        <v>3</v>
      </c>
      <c r="CY36" s="81">
        <v>4</v>
      </c>
      <c r="CZ36" s="159"/>
      <c r="DA36" s="80">
        <v>2</v>
      </c>
      <c r="DB36" s="80">
        <v>4</v>
      </c>
      <c r="DC36" s="80">
        <v>4</v>
      </c>
      <c r="DD36" s="80">
        <v>2</v>
      </c>
      <c r="DE36" s="80">
        <v>3</v>
      </c>
      <c r="DF36" s="82">
        <v>15</v>
      </c>
      <c r="DG36" s="83">
        <v>19</v>
      </c>
      <c r="DH36" s="68">
        <v>0</v>
      </c>
      <c r="DI36" s="69">
        <v>0</v>
      </c>
      <c r="DJ36" s="70">
        <v>0</v>
      </c>
      <c r="DK36" s="159"/>
      <c r="DL36" s="69">
        <v>0</v>
      </c>
      <c r="DM36" s="69">
        <v>0</v>
      </c>
      <c r="DN36" s="69">
        <v>0</v>
      </c>
      <c r="DO36" s="69">
        <v>0</v>
      </c>
      <c r="DP36" s="69">
        <v>0</v>
      </c>
      <c r="DQ36" s="70">
        <v>0</v>
      </c>
      <c r="DR36" s="71">
        <v>0</v>
      </c>
      <c r="DS36" s="68">
        <v>0</v>
      </c>
      <c r="DT36" s="69">
        <v>0</v>
      </c>
      <c r="DU36" s="70">
        <v>0</v>
      </c>
      <c r="DV36" s="159"/>
      <c r="DW36" s="69">
        <v>0</v>
      </c>
      <c r="DX36" s="69">
        <v>0</v>
      </c>
      <c r="DY36" s="69">
        <v>0</v>
      </c>
      <c r="DZ36" s="69">
        <v>1</v>
      </c>
      <c r="EA36" s="69">
        <v>0</v>
      </c>
      <c r="EB36" s="70">
        <v>1</v>
      </c>
      <c r="EC36" s="71">
        <v>1</v>
      </c>
      <c r="ED36" s="68">
        <v>0</v>
      </c>
      <c r="EE36" s="69">
        <v>1</v>
      </c>
      <c r="EF36" s="70">
        <v>1</v>
      </c>
      <c r="EG36" s="159"/>
      <c r="EH36" s="69">
        <v>1</v>
      </c>
      <c r="EI36" s="69">
        <v>0</v>
      </c>
      <c r="EJ36" s="69">
        <v>0</v>
      </c>
      <c r="EK36" s="69">
        <v>0</v>
      </c>
      <c r="EL36" s="69">
        <v>0</v>
      </c>
      <c r="EM36" s="70">
        <v>1</v>
      </c>
      <c r="EN36" s="71">
        <v>2</v>
      </c>
      <c r="EO36" s="68">
        <v>1</v>
      </c>
      <c r="EP36" s="69">
        <v>0</v>
      </c>
      <c r="EQ36" s="70">
        <v>1</v>
      </c>
      <c r="ER36" s="159"/>
      <c r="ES36" s="69">
        <v>1</v>
      </c>
      <c r="ET36" s="69">
        <v>0</v>
      </c>
      <c r="EU36" s="69">
        <v>0</v>
      </c>
      <c r="EV36" s="69">
        <v>0</v>
      </c>
      <c r="EW36" s="69">
        <v>1</v>
      </c>
      <c r="EX36" s="70">
        <v>2</v>
      </c>
      <c r="EY36" s="71">
        <v>3</v>
      </c>
      <c r="EZ36" s="68">
        <v>0</v>
      </c>
      <c r="FA36" s="69">
        <v>2</v>
      </c>
      <c r="FB36" s="70">
        <v>2</v>
      </c>
      <c r="FC36" s="159"/>
      <c r="FD36" s="69">
        <v>0</v>
      </c>
      <c r="FE36" s="69">
        <v>1</v>
      </c>
      <c r="FF36" s="69">
        <v>0</v>
      </c>
      <c r="FG36" s="69">
        <v>0</v>
      </c>
      <c r="FH36" s="69">
        <v>2</v>
      </c>
      <c r="FI36" s="70">
        <v>3</v>
      </c>
      <c r="FJ36" s="71">
        <v>5</v>
      </c>
      <c r="FK36" s="68">
        <v>0</v>
      </c>
      <c r="FL36" s="69">
        <v>0</v>
      </c>
      <c r="FM36" s="70">
        <v>0</v>
      </c>
      <c r="FN36" s="159"/>
      <c r="FO36" s="69">
        <v>0</v>
      </c>
      <c r="FP36" s="69">
        <v>3</v>
      </c>
      <c r="FQ36" s="69">
        <v>4</v>
      </c>
      <c r="FR36" s="69">
        <v>1</v>
      </c>
      <c r="FS36" s="69">
        <v>0</v>
      </c>
      <c r="FT36" s="70">
        <v>8</v>
      </c>
      <c r="FU36" s="71">
        <v>8</v>
      </c>
      <c r="FV36" s="68">
        <v>0</v>
      </c>
      <c r="FW36" s="69">
        <v>0</v>
      </c>
      <c r="FX36" s="70">
        <v>0</v>
      </c>
      <c r="FY36" s="159"/>
      <c r="FZ36" s="69">
        <v>0</v>
      </c>
      <c r="GA36" s="69">
        <v>0</v>
      </c>
      <c r="GB36" s="69">
        <v>0</v>
      </c>
      <c r="GC36" s="69">
        <v>0</v>
      </c>
      <c r="GD36" s="69">
        <v>0</v>
      </c>
      <c r="GE36" s="70">
        <v>0</v>
      </c>
      <c r="GF36" s="71">
        <v>0</v>
      </c>
      <c r="GG36" s="68">
        <v>1</v>
      </c>
      <c r="GH36" s="69">
        <v>3</v>
      </c>
      <c r="GI36" s="70">
        <v>4</v>
      </c>
      <c r="GJ36" s="159"/>
      <c r="GK36" s="69">
        <v>2</v>
      </c>
      <c r="GL36" s="69">
        <v>4</v>
      </c>
      <c r="GM36" s="69">
        <v>4</v>
      </c>
      <c r="GN36" s="69">
        <v>2</v>
      </c>
      <c r="GO36" s="69">
        <v>3</v>
      </c>
      <c r="GP36" s="70">
        <v>15</v>
      </c>
      <c r="GQ36" s="71">
        <v>19</v>
      </c>
      <c r="GR36" s="108">
        <v>7</v>
      </c>
      <c r="GS36" s="80">
        <v>4</v>
      </c>
      <c r="GT36" s="81">
        <v>11</v>
      </c>
      <c r="GU36" s="159"/>
      <c r="GV36" s="80">
        <v>8</v>
      </c>
      <c r="GW36" s="80">
        <v>5</v>
      </c>
      <c r="GX36" s="80">
        <v>7</v>
      </c>
      <c r="GY36" s="80">
        <v>2</v>
      </c>
      <c r="GZ36" s="80">
        <v>5</v>
      </c>
      <c r="HA36" s="82">
        <v>27</v>
      </c>
      <c r="HB36" s="83">
        <v>38</v>
      </c>
      <c r="HC36" s="68">
        <v>0</v>
      </c>
      <c r="HD36" s="69">
        <v>0</v>
      </c>
      <c r="HE36" s="70">
        <v>0</v>
      </c>
      <c r="HF36" s="159"/>
      <c r="HG36" s="69">
        <v>1</v>
      </c>
      <c r="HH36" s="69">
        <v>1</v>
      </c>
      <c r="HI36" s="69">
        <v>0</v>
      </c>
      <c r="HJ36" s="69">
        <v>0</v>
      </c>
      <c r="HK36" s="69">
        <v>0</v>
      </c>
      <c r="HL36" s="70">
        <v>2</v>
      </c>
      <c r="HM36" s="71">
        <v>2</v>
      </c>
      <c r="HN36" s="68">
        <v>0</v>
      </c>
      <c r="HO36" s="69">
        <v>0</v>
      </c>
      <c r="HP36" s="70">
        <v>0</v>
      </c>
      <c r="HQ36" s="159"/>
      <c r="HR36" s="69">
        <v>0</v>
      </c>
      <c r="HS36" s="69">
        <v>0</v>
      </c>
      <c r="HT36" s="69">
        <v>1</v>
      </c>
      <c r="HU36" s="69">
        <v>1</v>
      </c>
      <c r="HV36" s="69">
        <v>0</v>
      </c>
      <c r="HW36" s="70">
        <v>2</v>
      </c>
      <c r="HX36" s="71">
        <v>2</v>
      </c>
      <c r="HY36" s="68">
        <v>1</v>
      </c>
      <c r="HZ36" s="69">
        <v>2</v>
      </c>
      <c r="IA36" s="70">
        <v>3</v>
      </c>
      <c r="IB36" s="159"/>
      <c r="IC36" s="69">
        <v>2</v>
      </c>
      <c r="ID36" s="69">
        <v>0</v>
      </c>
      <c r="IE36" s="69">
        <v>0</v>
      </c>
      <c r="IF36" s="69">
        <v>0</v>
      </c>
      <c r="IG36" s="69">
        <v>1</v>
      </c>
      <c r="IH36" s="70">
        <v>3</v>
      </c>
      <c r="II36" s="71">
        <v>6</v>
      </c>
      <c r="IJ36" s="68">
        <v>2</v>
      </c>
      <c r="IK36" s="69">
        <v>0</v>
      </c>
      <c r="IL36" s="70">
        <v>2</v>
      </c>
      <c r="IM36" s="159"/>
      <c r="IN36" s="69">
        <v>1</v>
      </c>
      <c r="IO36" s="69">
        <v>0</v>
      </c>
      <c r="IP36" s="69">
        <v>0</v>
      </c>
      <c r="IQ36" s="69">
        <v>0</v>
      </c>
      <c r="IR36" s="69">
        <v>2</v>
      </c>
      <c r="IS36" s="70">
        <v>3</v>
      </c>
      <c r="IT36" s="71">
        <v>5</v>
      </c>
      <c r="IU36" s="68">
        <v>4</v>
      </c>
      <c r="IV36" s="69">
        <v>2</v>
      </c>
      <c r="IW36" s="70">
        <v>6</v>
      </c>
      <c r="IX36" s="159"/>
      <c r="IY36" s="69">
        <v>2</v>
      </c>
      <c r="IZ36" s="69">
        <v>1</v>
      </c>
      <c r="JA36" s="69">
        <v>2</v>
      </c>
      <c r="JB36" s="69">
        <v>0</v>
      </c>
      <c r="JC36" s="69">
        <v>2</v>
      </c>
      <c r="JD36" s="70">
        <v>7</v>
      </c>
      <c r="JE36" s="71">
        <v>13</v>
      </c>
      <c r="JF36" s="68">
        <v>0</v>
      </c>
      <c r="JG36" s="69">
        <v>0</v>
      </c>
      <c r="JH36" s="70">
        <v>0</v>
      </c>
      <c r="JI36" s="159"/>
      <c r="JJ36" s="69">
        <v>2</v>
      </c>
      <c r="JK36" s="69">
        <v>3</v>
      </c>
      <c r="JL36" s="69">
        <v>4</v>
      </c>
      <c r="JM36" s="69">
        <v>1</v>
      </c>
      <c r="JN36" s="69">
        <v>0</v>
      </c>
      <c r="JO36" s="70">
        <v>10</v>
      </c>
      <c r="JP36" s="71">
        <v>10</v>
      </c>
      <c r="JQ36" s="68">
        <v>0</v>
      </c>
      <c r="JR36" s="69">
        <v>0</v>
      </c>
      <c r="JS36" s="70">
        <v>0</v>
      </c>
      <c r="JT36" s="159"/>
      <c r="JU36" s="69">
        <v>0</v>
      </c>
      <c r="JV36" s="69">
        <v>0</v>
      </c>
      <c r="JW36" s="69">
        <v>0</v>
      </c>
      <c r="JX36" s="69">
        <v>0</v>
      </c>
      <c r="JY36" s="69">
        <v>0</v>
      </c>
      <c r="JZ36" s="70">
        <v>0</v>
      </c>
      <c r="KA36" s="71">
        <v>0</v>
      </c>
      <c r="KB36" s="68">
        <v>7</v>
      </c>
      <c r="KC36" s="69">
        <v>4</v>
      </c>
      <c r="KD36" s="70">
        <v>11</v>
      </c>
      <c r="KE36" s="159"/>
      <c r="KF36" s="69">
        <v>8</v>
      </c>
      <c r="KG36" s="69">
        <v>5</v>
      </c>
      <c r="KH36" s="69">
        <v>7</v>
      </c>
      <c r="KI36" s="69">
        <v>2</v>
      </c>
      <c r="KJ36" s="69">
        <v>5</v>
      </c>
      <c r="KK36" s="70">
        <v>27</v>
      </c>
      <c r="KL36" s="71">
        <v>38</v>
      </c>
    </row>
    <row r="37" spans="1:298" ht="19.5" customHeight="1" x14ac:dyDescent="0.2">
      <c r="A37" s="111" t="s">
        <v>34</v>
      </c>
      <c r="B37" s="215">
        <v>0</v>
      </c>
      <c r="C37" s="80">
        <v>2</v>
      </c>
      <c r="D37" s="81">
        <v>2</v>
      </c>
      <c r="E37" s="159"/>
      <c r="F37" s="80">
        <v>2</v>
      </c>
      <c r="G37" s="80">
        <v>3</v>
      </c>
      <c r="H37" s="80">
        <v>3</v>
      </c>
      <c r="I37" s="80">
        <v>2</v>
      </c>
      <c r="J37" s="80">
        <v>0</v>
      </c>
      <c r="K37" s="82">
        <v>10</v>
      </c>
      <c r="L37" s="83">
        <v>12</v>
      </c>
      <c r="M37" s="68">
        <v>0</v>
      </c>
      <c r="N37" s="69">
        <v>0</v>
      </c>
      <c r="O37" s="70">
        <v>0</v>
      </c>
      <c r="P37" s="159"/>
      <c r="Q37" s="69">
        <v>0</v>
      </c>
      <c r="R37" s="69">
        <v>0</v>
      </c>
      <c r="S37" s="69">
        <v>0</v>
      </c>
      <c r="T37" s="69">
        <v>0</v>
      </c>
      <c r="U37" s="69">
        <v>0</v>
      </c>
      <c r="V37" s="70">
        <v>0</v>
      </c>
      <c r="W37" s="71">
        <v>0</v>
      </c>
      <c r="X37" s="68">
        <v>0</v>
      </c>
      <c r="Y37" s="69">
        <v>0</v>
      </c>
      <c r="Z37" s="70">
        <v>0</v>
      </c>
      <c r="AA37" s="159"/>
      <c r="AB37" s="69">
        <v>0</v>
      </c>
      <c r="AC37" s="69">
        <v>1</v>
      </c>
      <c r="AD37" s="69">
        <v>0</v>
      </c>
      <c r="AE37" s="69">
        <v>0</v>
      </c>
      <c r="AF37" s="69">
        <v>0</v>
      </c>
      <c r="AG37" s="70">
        <v>1</v>
      </c>
      <c r="AH37" s="71">
        <v>1</v>
      </c>
      <c r="AI37" s="68">
        <v>0</v>
      </c>
      <c r="AJ37" s="69">
        <v>1</v>
      </c>
      <c r="AK37" s="70">
        <v>1</v>
      </c>
      <c r="AL37" s="159"/>
      <c r="AM37" s="69">
        <v>0</v>
      </c>
      <c r="AN37" s="69">
        <v>0</v>
      </c>
      <c r="AO37" s="69">
        <v>1</v>
      </c>
      <c r="AP37" s="69">
        <v>1</v>
      </c>
      <c r="AQ37" s="69">
        <v>0</v>
      </c>
      <c r="AR37" s="70">
        <v>2</v>
      </c>
      <c r="AS37" s="71">
        <v>3</v>
      </c>
      <c r="AT37" s="68">
        <v>0</v>
      </c>
      <c r="AU37" s="69">
        <v>0</v>
      </c>
      <c r="AV37" s="70">
        <v>0</v>
      </c>
      <c r="AW37" s="159"/>
      <c r="AX37" s="69">
        <v>0</v>
      </c>
      <c r="AY37" s="69">
        <v>0</v>
      </c>
      <c r="AZ37" s="69">
        <v>0</v>
      </c>
      <c r="BA37" s="69">
        <v>0</v>
      </c>
      <c r="BB37" s="69">
        <v>0</v>
      </c>
      <c r="BC37" s="70">
        <v>0</v>
      </c>
      <c r="BD37" s="71">
        <v>0</v>
      </c>
      <c r="BE37" s="68">
        <v>0</v>
      </c>
      <c r="BF37" s="69">
        <v>0</v>
      </c>
      <c r="BG37" s="70">
        <v>0</v>
      </c>
      <c r="BH37" s="159"/>
      <c r="BI37" s="69">
        <v>1</v>
      </c>
      <c r="BJ37" s="69">
        <v>1</v>
      </c>
      <c r="BK37" s="69">
        <v>1</v>
      </c>
      <c r="BL37" s="69">
        <v>0</v>
      </c>
      <c r="BM37" s="69">
        <v>0</v>
      </c>
      <c r="BN37" s="70">
        <v>3</v>
      </c>
      <c r="BO37" s="71">
        <v>3</v>
      </c>
      <c r="BP37" s="68">
        <v>0</v>
      </c>
      <c r="BQ37" s="69">
        <v>1</v>
      </c>
      <c r="BR37" s="70">
        <v>1</v>
      </c>
      <c r="BS37" s="159"/>
      <c r="BT37" s="69">
        <v>1</v>
      </c>
      <c r="BU37" s="69">
        <v>1</v>
      </c>
      <c r="BV37" s="69">
        <v>1</v>
      </c>
      <c r="BW37" s="69">
        <v>1</v>
      </c>
      <c r="BX37" s="69">
        <v>0</v>
      </c>
      <c r="BY37" s="70">
        <v>4</v>
      </c>
      <c r="BZ37" s="71">
        <v>5</v>
      </c>
      <c r="CA37" s="68">
        <v>0</v>
      </c>
      <c r="CB37" s="69">
        <v>0</v>
      </c>
      <c r="CC37" s="70">
        <v>0</v>
      </c>
      <c r="CD37" s="159"/>
      <c r="CE37" s="69">
        <v>0</v>
      </c>
      <c r="CF37" s="69">
        <v>0</v>
      </c>
      <c r="CG37" s="69">
        <v>0</v>
      </c>
      <c r="CH37" s="69">
        <v>0</v>
      </c>
      <c r="CI37" s="69">
        <v>0</v>
      </c>
      <c r="CJ37" s="70">
        <v>0</v>
      </c>
      <c r="CK37" s="71">
        <v>0</v>
      </c>
      <c r="CL37" s="68">
        <v>0</v>
      </c>
      <c r="CM37" s="69">
        <v>2</v>
      </c>
      <c r="CN37" s="70">
        <v>2</v>
      </c>
      <c r="CO37" s="159"/>
      <c r="CP37" s="69">
        <v>2</v>
      </c>
      <c r="CQ37" s="69">
        <v>3</v>
      </c>
      <c r="CR37" s="69">
        <v>3</v>
      </c>
      <c r="CS37" s="69">
        <v>2</v>
      </c>
      <c r="CT37" s="69">
        <v>0</v>
      </c>
      <c r="CU37" s="70">
        <v>10</v>
      </c>
      <c r="CV37" s="71">
        <v>12</v>
      </c>
      <c r="CW37" s="108">
        <v>1</v>
      </c>
      <c r="CX37" s="80">
        <v>2</v>
      </c>
      <c r="CY37" s="81">
        <v>3</v>
      </c>
      <c r="CZ37" s="159"/>
      <c r="DA37" s="80">
        <v>1</v>
      </c>
      <c r="DB37" s="80">
        <v>0</v>
      </c>
      <c r="DC37" s="80">
        <v>1</v>
      </c>
      <c r="DD37" s="80">
        <v>0</v>
      </c>
      <c r="DE37" s="80">
        <v>1</v>
      </c>
      <c r="DF37" s="82">
        <v>3</v>
      </c>
      <c r="DG37" s="83">
        <v>6</v>
      </c>
      <c r="DH37" s="68">
        <v>0</v>
      </c>
      <c r="DI37" s="69">
        <v>0</v>
      </c>
      <c r="DJ37" s="70">
        <v>0</v>
      </c>
      <c r="DK37" s="159"/>
      <c r="DL37" s="69">
        <v>0</v>
      </c>
      <c r="DM37" s="69">
        <v>0</v>
      </c>
      <c r="DN37" s="69">
        <v>0</v>
      </c>
      <c r="DO37" s="69">
        <v>0</v>
      </c>
      <c r="DP37" s="69">
        <v>1</v>
      </c>
      <c r="DQ37" s="70">
        <v>1</v>
      </c>
      <c r="DR37" s="71">
        <v>1</v>
      </c>
      <c r="DS37" s="68">
        <v>0</v>
      </c>
      <c r="DT37" s="69">
        <v>0</v>
      </c>
      <c r="DU37" s="70">
        <v>0</v>
      </c>
      <c r="DV37" s="159"/>
      <c r="DW37" s="69">
        <v>0</v>
      </c>
      <c r="DX37" s="69">
        <v>0</v>
      </c>
      <c r="DY37" s="69">
        <v>0</v>
      </c>
      <c r="DZ37" s="69">
        <v>0</v>
      </c>
      <c r="EA37" s="69">
        <v>0</v>
      </c>
      <c r="EB37" s="70">
        <v>0</v>
      </c>
      <c r="EC37" s="71">
        <v>0</v>
      </c>
      <c r="ED37" s="68">
        <v>0</v>
      </c>
      <c r="EE37" s="69">
        <v>0</v>
      </c>
      <c r="EF37" s="70">
        <v>0</v>
      </c>
      <c r="EG37" s="159"/>
      <c r="EH37" s="69">
        <v>0</v>
      </c>
      <c r="EI37" s="69">
        <v>0</v>
      </c>
      <c r="EJ37" s="69">
        <v>1</v>
      </c>
      <c r="EK37" s="69">
        <v>0</v>
      </c>
      <c r="EL37" s="69">
        <v>0</v>
      </c>
      <c r="EM37" s="70">
        <v>1</v>
      </c>
      <c r="EN37" s="71">
        <v>1</v>
      </c>
      <c r="EO37" s="68">
        <v>1</v>
      </c>
      <c r="EP37" s="69">
        <v>0</v>
      </c>
      <c r="EQ37" s="70">
        <v>1</v>
      </c>
      <c r="ER37" s="159"/>
      <c r="ES37" s="69">
        <v>0</v>
      </c>
      <c r="ET37" s="69">
        <v>0</v>
      </c>
      <c r="EU37" s="69">
        <v>0</v>
      </c>
      <c r="EV37" s="69">
        <v>0</v>
      </c>
      <c r="EW37" s="69">
        <v>0</v>
      </c>
      <c r="EX37" s="70">
        <v>0</v>
      </c>
      <c r="EY37" s="71">
        <v>1</v>
      </c>
      <c r="EZ37" s="68">
        <v>0</v>
      </c>
      <c r="FA37" s="69">
        <v>0</v>
      </c>
      <c r="FB37" s="70">
        <v>0</v>
      </c>
      <c r="FC37" s="159"/>
      <c r="FD37" s="69">
        <v>1</v>
      </c>
      <c r="FE37" s="69">
        <v>0</v>
      </c>
      <c r="FF37" s="69">
        <v>0</v>
      </c>
      <c r="FG37" s="69">
        <v>0</v>
      </c>
      <c r="FH37" s="69">
        <v>0</v>
      </c>
      <c r="FI37" s="70">
        <v>1</v>
      </c>
      <c r="FJ37" s="71">
        <v>1</v>
      </c>
      <c r="FK37" s="68">
        <v>0</v>
      </c>
      <c r="FL37" s="69">
        <v>2</v>
      </c>
      <c r="FM37" s="70">
        <v>2</v>
      </c>
      <c r="FN37" s="159"/>
      <c r="FO37" s="69">
        <v>0</v>
      </c>
      <c r="FP37" s="69">
        <v>0</v>
      </c>
      <c r="FQ37" s="69">
        <v>0</v>
      </c>
      <c r="FR37" s="69">
        <v>0</v>
      </c>
      <c r="FS37" s="69">
        <v>0</v>
      </c>
      <c r="FT37" s="70">
        <v>0</v>
      </c>
      <c r="FU37" s="71">
        <v>2</v>
      </c>
      <c r="FV37" s="68">
        <v>0</v>
      </c>
      <c r="FW37" s="69">
        <v>0</v>
      </c>
      <c r="FX37" s="70">
        <v>0</v>
      </c>
      <c r="FY37" s="159"/>
      <c r="FZ37" s="69">
        <v>0</v>
      </c>
      <c r="GA37" s="69">
        <v>0</v>
      </c>
      <c r="GB37" s="69">
        <v>0</v>
      </c>
      <c r="GC37" s="69">
        <v>0</v>
      </c>
      <c r="GD37" s="69">
        <v>0</v>
      </c>
      <c r="GE37" s="70">
        <v>0</v>
      </c>
      <c r="GF37" s="71">
        <v>0</v>
      </c>
      <c r="GG37" s="68">
        <v>1</v>
      </c>
      <c r="GH37" s="69">
        <v>2</v>
      </c>
      <c r="GI37" s="70">
        <v>3</v>
      </c>
      <c r="GJ37" s="159"/>
      <c r="GK37" s="69">
        <v>1</v>
      </c>
      <c r="GL37" s="69">
        <v>0</v>
      </c>
      <c r="GM37" s="69">
        <v>1</v>
      </c>
      <c r="GN37" s="69">
        <v>0</v>
      </c>
      <c r="GO37" s="69">
        <v>1</v>
      </c>
      <c r="GP37" s="70">
        <v>3</v>
      </c>
      <c r="GQ37" s="71">
        <v>6</v>
      </c>
      <c r="GR37" s="108">
        <v>1</v>
      </c>
      <c r="GS37" s="80">
        <v>4</v>
      </c>
      <c r="GT37" s="81">
        <v>5</v>
      </c>
      <c r="GU37" s="159"/>
      <c r="GV37" s="80">
        <v>3</v>
      </c>
      <c r="GW37" s="80">
        <v>3</v>
      </c>
      <c r="GX37" s="80">
        <v>4</v>
      </c>
      <c r="GY37" s="80">
        <v>2</v>
      </c>
      <c r="GZ37" s="80">
        <v>1</v>
      </c>
      <c r="HA37" s="82">
        <v>13</v>
      </c>
      <c r="HB37" s="83">
        <v>18</v>
      </c>
      <c r="HC37" s="68">
        <v>0</v>
      </c>
      <c r="HD37" s="69">
        <v>0</v>
      </c>
      <c r="HE37" s="70">
        <v>0</v>
      </c>
      <c r="HF37" s="159"/>
      <c r="HG37" s="69">
        <v>0</v>
      </c>
      <c r="HH37" s="69">
        <v>0</v>
      </c>
      <c r="HI37" s="69">
        <v>0</v>
      </c>
      <c r="HJ37" s="69">
        <v>0</v>
      </c>
      <c r="HK37" s="69">
        <v>1</v>
      </c>
      <c r="HL37" s="70">
        <v>1</v>
      </c>
      <c r="HM37" s="71">
        <v>1</v>
      </c>
      <c r="HN37" s="68">
        <v>0</v>
      </c>
      <c r="HO37" s="69">
        <v>0</v>
      </c>
      <c r="HP37" s="70">
        <v>0</v>
      </c>
      <c r="HQ37" s="159"/>
      <c r="HR37" s="69">
        <v>0</v>
      </c>
      <c r="HS37" s="69">
        <v>1</v>
      </c>
      <c r="HT37" s="69">
        <v>0</v>
      </c>
      <c r="HU37" s="69">
        <v>0</v>
      </c>
      <c r="HV37" s="69">
        <v>0</v>
      </c>
      <c r="HW37" s="70">
        <v>1</v>
      </c>
      <c r="HX37" s="71">
        <v>1</v>
      </c>
      <c r="HY37" s="68">
        <v>0</v>
      </c>
      <c r="HZ37" s="69">
        <v>1</v>
      </c>
      <c r="IA37" s="70">
        <v>1</v>
      </c>
      <c r="IB37" s="159"/>
      <c r="IC37" s="69">
        <v>0</v>
      </c>
      <c r="ID37" s="69">
        <v>0</v>
      </c>
      <c r="IE37" s="69">
        <v>2</v>
      </c>
      <c r="IF37" s="69">
        <v>1</v>
      </c>
      <c r="IG37" s="69">
        <v>0</v>
      </c>
      <c r="IH37" s="70">
        <v>3</v>
      </c>
      <c r="II37" s="71">
        <v>4</v>
      </c>
      <c r="IJ37" s="68">
        <v>1</v>
      </c>
      <c r="IK37" s="69">
        <v>0</v>
      </c>
      <c r="IL37" s="70">
        <v>1</v>
      </c>
      <c r="IM37" s="159"/>
      <c r="IN37" s="69">
        <v>0</v>
      </c>
      <c r="IO37" s="69">
        <v>0</v>
      </c>
      <c r="IP37" s="69">
        <v>0</v>
      </c>
      <c r="IQ37" s="69">
        <v>0</v>
      </c>
      <c r="IR37" s="69">
        <v>0</v>
      </c>
      <c r="IS37" s="70">
        <v>0</v>
      </c>
      <c r="IT37" s="71">
        <v>1</v>
      </c>
      <c r="IU37" s="68">
        <v>0</v>
      </c>
      <c r="IV37" s="69">
        <v>0</v>
      </c>
      <c r="IW37" s="70">
        <v>0</v>
      </c>
      <c r="IX37" s="159"/>
      <c r="IY37" s="69">
        <v>2</v>
      </c>
      <c r="IZ37" s="69">
        <v>1</v>
      </c>
      <c r="JA37" s="69">
        <v>1</v>
      </c>
      <c r="JB37" s="69">
        <v>0</v>
      </c>
      <c r="JC37" s="69">
        <v>0</v>
      </c>
      <c r="JD37" s="70">
        <v>4</v>
      </c>
      <c r="JE37" s="71">
        <v>4</v>
      </c>
      <c r="JF37" s="68">
        <v>0</v>
      </c>
      <c r="JG37" s="69">
        <v>3</v>
      </c>
      <c r="JH37" s="70">
        <v>3</v>
      </c>
      <c r="JI37" s="159"/>
      <c r="JJ37" s="69">
        <v>1</v>
      </c>
      <c r="JK37" s="69">
        <v>1</v>
      </c>
      <c r="JL37" s="69">
        <v>1</v>
      </c>
      <c r="JM37" s="69">
        <v>1</v>
      </c>
      <c r="JN37" s="69">
        <v>0</v>
      </c>
      <c r="JO37" s="70">
        <v>4</v>
      </c>
      <c r="JP37" s="71">
        <v>7</v>
      </c>
      <c r="JQ37" s="68">
        <v>0</v>
      </c>
      <c r="JR37" s="69">
        <v>0</v>
      </c>
      <c r="JS37" s="70">
        <v>0</v>
      </c>
      <c r="JT37" s="159"/>
      <c r="JU37" s="69">
        <v>0</v>
      </c>
      <c r="JV37" s="69">
        <v>0</v>
      </c>
      <c r="JW37" s="69">
        <v>0</v>
      </c>
      <c r="JX37" s="69">
        <v>0</v>
      </c>
      <c r="JY37" s="69">
        <v>0</v>
      </c>
      <c r="JZ37" s="70">
        <v>0</v>
      </c>
      <c r="KA37" s="71">
        <v>0</v>
      </c>
      <c r="KB37" s="68">
        <v>1</v>
      </c>
      <c r="KC37" s="69">
        <v>4</v>
      </c>
      <c r="KD37" s="70">
        <v>5</v>
      </c>
      <c r="KE37" s="159"/>
      <c r="KF37" s="69">
        <v>3</v>
      </c>
      <c r="KG37" s="69">
        <v>3</v>
      </c>
      <c r="KH37" s="69">
        <v>4</v>
      </c>
      <c r="KI37" s="69">
        <v>2</v>
      </c>
      <c r="KJ37" s="69">
        <v>1</v>
      </c>
      <c r="KK37" s="70">
        <v>13</v>
      </c>
      <c r="KL37" s="71">
        <v>18</v>
      </c>
    </row>
    <row r="38" spans="1:298" ht="19.5" customHeight="1" x14ac:dyDescent="0.2">
      <c r="A38" s="111" t="s">
        <v>35</v>
      </c>
      <c r="B38" s="215">
        <v>8</v>
      </c>
      <c r="C38" s="80">
        <v>5</v>
      </c>
      <c r="D38" s="81">
        <v>13</v>
      </c>
      <c r="E38" s="159"/>
      <c r="F38" s="80">
        <v>15</v>
      </c>
      <c r="G38" s="80">
        <v>6</v>
      </c>
      <c r="H38" s="80">
        <v>2</v>
      </c>
      <c r="I38" s="80">
        <v>5</v>
      </c>
      <c r="J38" s="80">
        <v>1</v>
      </c>
      <c r="K38" s="82">
        <v>29</v>
      </c>
      <c r="L38" s="83">
        <v>42</v>
      </c>
      <c r="M38" s="68">
        <v>0</v>
      </c>
      <c r="N38" s="69">
        <v>0</v>
      </c>
      <c r="O38" s="70">
        <v>0</v>
      </c>
      <c r="P38" s="159"/>
      <c r="Q38" s="69">
        <v>0</v>
      </c>
      <c r="R38" s="69">
        <v>0</v>
      </c>
      <c r="S38" s="69">
        <v>0</v>
      </c>
      <c r="T38" s="69">
        <v>0</v>
      </c>
      <c r="U38" s="69">
        <v>0</v>
      </c>
      <c r="V38" s="70">
        <v>0</v>
      </c>
      <c r="W38" s="71">
        <v>0</v>
      </c>
      <c r="X38" s="68">
        <v>0</v>
      </c>
      <c r="Y38" s="69">
        <v>0</v>
      </c>
      <c r="Z38" s="70">
        <v>0</v>
      </c>
      <c r="AA38" s="159"/>
      <c r="AB38" s="69">
        <v>1</v>
      </c>
      <c r="AC38" s="69">
        <v>1</v>
      </c>
      <c r="AD38" s="69">
        <v>0</v>
      </c>
      <c r="AE38" s="69">
        <v>0</v>
      </c>
      <c r="AF38" s="69">
        <v>0</v>
      </c>
      <c r="AG38" s="70">
        <v>2</v>
      </c>
      <c r="AH38" s="71">
        <v>2</v>
      </c>
      <c r="AI38" s="68">
        <v>2</v>
      </c>
      <c r="AJ38" s="69">
        <v>1</v>
      </c>
      <c r="AK38" s="70">
        <v>3</v>
      </c>
      <c r="AL38" s="159"/>
      <c r="AM38" s="69">
        <v>2</v>
      </c>
      <c r="AN38" s="69">
        <v>1</v>
      </c>
      <c r="AO38" s="69">
        <v>1</v>
      </c>
      <c r="AP38" s="69">
        <v>2</v>
      </c>
      <c r="AQ38" s="69">
        <v>0</v>
      </c>
      <c r="AR38" s="70">
        <v>6</v>
      </c>
      <c r="AS38" s="71">
        <v>9</v>
      </c>
      <c r="AT38" s="68">
        <v>3</v>
      </c>
      <c r="AU38" s="69">
        <v>3</v>
      </c>
      <c r="AV38" s="70">
        <v>6</v>
      </c>
      <c r="AW38" s="159"/>
      <c r="AX38" s="69">
        <v>2</v>
      </c>
      <c r="AY38" s="69">
        <v>1</v>
      </c>
      <c r="AZ38" s="69">
        <v>0</v>
      </c>
      <c r="BA38" s="69">
        <v>1</v>
      </c>
      <c r="BB38" s="69">
        <v>1</v>
      </c>
      <c r="BC38" s="70">
        <v>5</v>
      </c>
      <c r="BD38" s="71">
        <v>11</v>
      </c>
      <c r="BE38" s="68">
        <v>1</v>
      </c>
      <c r="BF38" s="69">
        <v>1</v>
      </c>
      <c r="BG38" s="70">
        <v>2</v>
      </c>
      <c r="BH38" s="159"/>
      <c r="BI38" s="69">
        <v>5</v>
      </c>
      <c r="BJ38" s="69">
        <v>2</v>
      </c>
      <c r="BK38" s="69">
        <v>1</v>
      </c>
      <c r="BL38" s="69">
        <v>0</v>
      </c>
      <c r="BM38" s="69">
        <v>0</v>
      </c>
      <c r="BN38" s="70">
        <v>8</v>
      </c>
      <c r="BO38" s="71">
        <v>10</v>
      </c>
      <c r="BP38" s="68">
        <v>2</v>
      </c>
      <c r="BQ38" s="69">
        <v>0</v>
      </c>
      <c r="BR38" s="70">
        <v>2</v>
      </c>
      <c r="BS38" s="159"/>
      <c r="BT38" s="69">
        <v>5</v>
      </c>
      <c r="BU38" s="69">
        <v>1</v>
      </c>
      <c r="BV38" s="69">
        <v>0</v>
      </c>
      <c r="BW38" s="69">
        <v>2</v>
      </c>
      <c r="BX38" s="69">
        <v>0</v>
      </c>
      <c r="BY38" s="70">
        <v>8</v>
      </c>
      <c r="BZ38" s="71">
        <v>10</v>
      </c>
      <c r="CA38" s="68">
        <v>0</v>
      </c>
      <c r="CB38" s="69">
        <v>0</v>
      </c>
      <c r="CC38" s="70">
        <v>0</v>
      </c>
      <c r="CD38" s="159"/>
      <c r="CE38" s="69">
        <v>0</v>
      </c>
      <c r="CF38" s="69">
        <v>0</v>
      </c>
      <c r="CG38" s="69">
        <v>0</v>
      </c>
      <c r="CH38" s="69">
        <v>0</v>
      </c>
      <c r="CI38" s="69">
        <v>0</v>
      </c>
      <c r="CJ38" s="70">
        <v>0</v>
      </c>
      <c r="CK38" s="71">
        <v>0</v>
      </c>
      <c r="CL38" s="68">
        <v>8</v>
      </c>
      <c r="CM38" s="69">
        <v>5</v>
      </c>
      <c r="CN38" s="70">
        <v>13</v>
      </c>
      <c r="CO38" s="159"/>
      <c r="CP38" s="69">
        <v>15</v>
      </c>
      <c r="CQ38" s="69">
        <v>6</v>
      </c>
      <c r="CR38" s="69">
        <v>2</v>
      </c>
      <c r="CS38" s="69">
        <v>5</v>
      </c>
      <c r="CT38" s="69">
        <v>1</v>
      </c>
      <c r="CU38" s="70">
        <v>29</v>
      </c>
      <c r="CV38" s="71">
        <v>42</v>
      </c>
      <c r="CW38" s="108">
        <v>1</v>
      </c>
      <c r="CX38" s="80">
        <v>3</v>
      </c>
      <c r="CY38" s="81">
        <v>4</v>
      </c>
      <c r="CZ38" s="159"/>
      <c r="DA38" s="80">
        <v>5</v>
      </c>
      <c r="DB38" s="80">
        <v>2</v>
      </c>
      <c r="DC38" s="80">
        <v>8</v>
      </c>
      <c r="DD38" s="80">
        <v>2</v>
      </c>
      <c r="DE38" s="80">
        <v>1</v>
      </c>
      <c r="DF38" s="82">
        <v>18</v>
      </c>
      <c r="DG38" s="83">
        <v>22</v>
      </c>
      <c r="DH38" s="68">
        <v>0</v>
      </c>
      <c r="DI38" s="69">
        <v>0</v>
      </c>
      <c r="DJ38" s="70">
        <v>0</v>
      </c>
      <c r="DK38" s="159"/>
      <c r="DL38" s="69">
        <v>0</v>
      </c>
      <c r="DM38" s="69">
        <v>0</v>
      </c>
      <c r="DN38" s="69">
        <v>0</v>
      </c>
      <c r="DO38" s="69">
        <v>0</v>
      </c>
      <c r="DP38" s="69">
        <v>0</v>
      </c>
      <c r="DQ38" s="70">
        <v>0</v>
      </c>
      <c r="DR38" s="71">
        <v>0</v>
      </c>
      <c r="DS38" s="68">
        <v>0</v>
      </c>
      <c r="DT38" s="69">
        <v>0</v>
      </c>
      <c r="DU38" s="70">
        <v>0</v>
      </c>
      <c r="DV38" s="159"/>
      <c r="DW38" s="69">
        <v>1</v>
      </c>
      <c r="DX38" s="69">
        <v>0</v>
      </c>
      <c r="DY38" s="69">
        <v>1</v>
      </c>
      <c r="DZ38" s="69">
        <v>0</v>
      </c>
      <c r="EA38" s="69">
        <v>0</v>
      </c>
      <c r="EB38" s="70">
        <v>2</v>
      </c>
      <c r="EC38" s="71">
        <v>2</v>
      </c>
      <c r="ED38" s="68">
        <v>0</v>
      </c>
      <c r="EE38" s="69">
        <v>0</v>
      </c>
      <c r="EF38" s="70">
        <v>0</v>
      </c>
      <c r="EG38" s="159"/>
      <c r="EH38" s="69">
        <v>0</v>
      </c>
      <c r="EI38" s="69">
        <v>0</v>
      </c>
      <c r="EJ38" s="69">
        <v>0</v>
      </c>
      <c r="EK38" s="69">
        <v>0</v>
      </c>
      <c r="EL38" s="69">
        <v>0</v>
      </c>
      <c r="EM38" s="70">
        <v>0</v>
      </c>
      <c r="EN38" s="71">
        <v>0</v>
      </c>
      <c r="EO38" s="68">
        <v>0</v>
      </c>
      <c r="EP38" s="69">
        <v>1</v>
      </c>
      <c r="EQ38" s="70">
        <v>1</v>
      </c>
      <c r="ER38" s="159"/>
      <c r="ES38" s="69">
        <v>1</v>
      </c>
      <c r="ET38" s="69">
        <v>1</v>
      </c>
      <c r="EU38" s="69">
        <v>1</v>
      </c>
      <c r="EV38" s="69">
        <v>0</v>
      </c>
      <c r="EW38" s="69">
        <v>0</v>
      </c>
      <c r="EX38" s="70">
        <v>3</v>
      </c>
      <c r="EY38" s="71">
        <v>4</v>
      </c>
      <c r="EZ38" s="68">
        <v>0</v>
      </c>
      <c r="FA38" s="69">
        <v>1</v>
      </c>
      <c r="FB38" s="70">
        <v>1</v>
      </c>
      <c r="FC38" s="159"/>
      <c r="FD38" s="69">
        <v>3</v>
      </c>
      <c r="FE38" s="69">
        <v>1</v>
      </c>
      <c r="FF38" s="69">
        <v>2</v>
      </c>
      <c r="FG38" s="69">
        <v>0</v>
      </c>
      <c r="FH38" s="69">
        <v>0</v>
      </c>
      <c r="FI38" s="70">
        <v>6</v>
      </c>
      <c r="FJ38" s="71">
        <v>7</v>
      </c>
      <c r="FK38" s="68">
        <v>1</v>
      </c>
      <c r="FL38" s="69">
        <v>1</v>
      </c>
      <c r="FM38" s="70">
        <v>2</v>
      </c>
      <c r="FN38" s="159"/>
      <c r="FO38" s="69">
        <v>0</v>
      </c>
      <c r="FP38" s="69">
        <v>0</v>
      </c>
      <c r="FQ38" s="69">
        <v>4</v>
      </c>
      <c r="FR38" s="69">
        <v>2</v>
      </c>
      <c r="FS38" s="69">
        <v>1</v>
      </c>
      <c r="FT38" s="70">
        <v>7</v>
      </c>
      <c r="FU38" s="71">
        <v>9</v>
      </c>
      <c r="FV38" s="68">
        <v>0</v>
      </c>
      <c r="FW38" s="69">
        <v>0</v>
      </c>
      <c r="FX38" s="70">
        <v>0</v>
      </c>
      <c r="FY38" s="159"/>
      <c r="FZ38" s="69">
        <v>0</v>
      </c>
      <c r="GA38" s="69">
        <v>0</v>
      </c>
      <c r="GB38" s="69">
        <v>0</v>
      </c>
      <c r="GC38" s="69">
        <v>0</v>
      </c>
      <c r="GD38" s="69">
        <v>0</v>
      </c>
      <c r="GE38" s="70">
        <v>0</v>
      </c>
      <c r="GF38" s="71">
        <v>0</v>
      </c>
      <c r="GG38" s="68">
        <v>1</v>
      </c>
      <c r="GH38" s="69">
        <v>3</v>
      </c>
      <c r="GI38" s="70">
        <v>4</v>
      </c>
      <c r="GJ38" s="159"/>
      <c r="GK38" s="69">
        <v>5</v>
      </c>
      <c r="GL38" s="69">
        <v>2</v>
      </c>
      <c r="GM38" s="69">
        <v>8</v>
      </c>
      <c r="GN38" s="69">
        <v>2</v>
      </c>
      <c r="GO38" s="69">
        <v>1</v>
      </c>
      <c r="GP38" s="70">
        <v>18</v>
      </c>
      <c r="GQ38" s="71">
        <v>22</v>
      </c>
      <c r="GR38" s="108">
        <v>9</v>
      </c>
      <c r="GS38" s="80">
        <v>8</v>
      </c>
      <c r="GT38" s="81">
        <v>17</v>
      </c>
      <c r="GU38" s="159"/>
      <c r="GV38" s="80">
        <v>20</v>
      </c>
      <c r="GW38" s="80">
        <v>8</v>
      </c>
      <c r="GX38" s="80">
        <v>10</v>
      </c>
      <c r="GY38" s="80">
        <v>7</v>
      </c>
      <c r="GZ38" s="80">
        <v>2</v>
      </c>
      <c r="HA38" s="82">
        <v>47</v>
      </c>
      <c r="HB38" s="83">
        <v>64</v>
      </c>
      <c r="HC38" s="68">
        <v>0</v>
      </c>
      <c r="HD38" s="69">
        <v>0</v>
      </c>
      <c r="HE38" s="70">
        <v>0</v>
      </c>
      <c r="HF38" s="159"/>
      <c r="HG38" s="69">
        <v>0</v>
      </c>
      <c r="HH38" s="69">
        <v>0</v>
      </c>
      <c r="HI38" s="69">
        <v>0</v>
      </c>
      <c r="HJ38" s="69">
        <v>0</v>
      </c>
      <c r="HK38" s="69">
        <v>0</v>
      </c>
      <c r="HL38" s="70">
        <v>0</v>
      </c>
      <c r="HM38" s="71">
        <v>0</v>
      </c>
      <c r="HN38" s="68">
        <v>0</v>
      </c>
      <c r="HO38" s="69">
        <v>0</v>
      </c>
      <c r="HP38" s="70">
        <v>0</v>
      </c>
      <c r="HQ38" s="159"/>
      <c r="HR38" s="69">
        <v>2</v>
      </c>
      <c r="HS38" s="69">
        <v>1</v>
      </c>
      <c r="HT38" s="69">
        <v>1</v>
      </c>
      <c r="HU38" s="69">
        <v>0</v>
      </c>
      <c r="HV38" s="69">
        <v>0</v>
      </c>
      <c r="HW38" s="70">
        <v>4</v>
      </c>
      <c r="HX38" s="71">
        <v>4</v>
      </c>
      <c r="HY38" s="68">
        <v>2</v>
      </c>
      <c r="HZ38" s="69">
        <v>1</v>
      </c>
      <c r="IA38" s="70">
        <v>3</v>
      </c>
      <c r="IB38" s="159"/>
      <c r="IC38" s="69">
        <v>2</v>
      </c>
      <c r="ID38" s="69">
        <v>1</v>
      </c>
      <c r="IE38" s="69">
        <v>1</v>
      </c>
      <c r="IF38" s="69">
        <v>2</v>
      </c>
      <c r="IG38" s="69">
        <v>0</v>
      </c>
      <c r="IH38" s="70">
        <v>6</v>
      </c>
      <c r="II38" s="71">
        <v>9</v>
      </c>
      <c r="IJ38" s="68">
        <v>3</v>
      </c>
      <c r="IK38" s="69">
        <v>4</v>
      </c>
      <c r="IL38" s="70">
        <v>7</v>
      </c>
      <c r="IM38" s="159"/>
      <c r="IN38" s="69">
        <v>3</v>
      </c>
      <c r="IO38" s="69">
        <v>2</v>
      </c>
      <c r="IP38" s="69">
        <v>1</v>
      </c>
      <c r="IQ38" s="69">
        <v>1</v>
      </c>
      <c r="IR38" s="69">
        <v>1</v>
      </c>
      <c r="IS38" s="70">
        <v>8</v>
      </c>
      <c r="IT38" s="71">
        <v>15</v>
      </c>
      <c r="IU38" s="68">
        <v>1</v>
      </c>
      <c r="IV38" s="69">
        <v>2</v>
      </c>
      <c r="IW38" s="70">
        <v>3</v>
      </c>
      <c r="IX38" s="159"/>
      <c r="IY38" s="69">
        <v>8</v>
      </c>
      <c r="IZ38" s="69">
        <v>3</v>
      </c>
      <c r="JA38" s="69">
        <v>3</v>
      </c>
      <c r="JB38" s="69">
        <v>0</v>
      </c>
      <c r="JC38" s="69">
        <v>0</v>
      </c>
      <c r="JD38" s="70">
        <v>14</v>
      </c>
      <c r="JE38" s="71">
        <v>17</v>
      </c>
      <c r="JF38" s="68">
        <v>3</v>
      </c>
      <c r="JG38" s="69">
        <v>1</v>
      </c>
      <c r="JH38" s="70">
        <v>4</v>
      </c>
      <c r="JI38" s="159"/>
      <c r="JJ38" s="69">
        <v>5</v>
      </c>
      <c r="JK38" s="69">
        <v>1</v>
      </c>
      <c r="JL38" s="69">
        <v>4</v>
      </c>
      <c r="JM38" s="69">
        <v>4</v>
      </c>
      <c r="JN38" s="69">
        <v>1</v>
      </c>
      <c r="JO38" s="70">
        <v>15</v>
      </c>
      <c r="JP38" s="71">
        <v>19</v>
      </c>
      <c r="JQ38" s="68">
        <v>0</v>
      </c>
      <c r="JR38" s="69">
        <v>0</v>
      </c>
      <c r="JS38" s="70">
        <v>0</v>
      </c>
      <c r="JT38" s="159"/>
      <c r="JU38" s="69">
        <v>0</v>
      </c>
      <c r="JV38" s="69">
        <v>0</v>
      </c>
      <c r="JW38" s="69">
        <v>0</v>
      </c>
      <c r="JX38" s="69">
        <v>0</v>
      </c>
      <c r="JY38" s="69">
        <v>0</v>
      </c>
      <c r="JZ38" s="70">
        <v>0</v>
      </c>
      <c r="KA38" s="71">
        <v>0</v>
      </c>
      <c r="KB38" s="68">
        <v>9</v>
      </c>
      <c r="KC38" s="69">
        <v>8</v>
      </c>
      <c r="KD38" s="70">
        <v>17</v>
      </c>
      <c r="KE38" s="159"/>
      <c r="KF38" s="69">
        <v>20</v>
      </c>
      <c r="KG38" s="69">
        <v>8</v>
      </c>
      <c r="KH38" s="69">
        <v>10</v>
      </c>
      <c r="KI38" s="69">
        <v>7</v>
      </c>
      <c r="KJ38" s="69">
        <v>2</v>
      </c>
      <c r="KK38" s="70">
        <v>47</v>
      </c>
      <c r="KL38" s="71">
        <v>64</v>
      </c>
    </row>
    <row r="39" spans="1:298" ht="19.5" customHeight="1" x14ac:dyDescent="0.2">
      <c r="A39" s="111" t="s">
        <v>36</v>
      </c>
      <c r="B39" s="215">
        <v>1</v>
      </c>
      <c r="C39" s="80">
        <v>6</v>
      </c>
      <c r="D39" s="81">
        <v>7</v>
      </c>
      <c r="E39" s="159"/>
      <c r="F39" s="80">
        <v>8</v>
      </c>
      <c r="G39" s="80">
        <v>5</v>
      </c>
      <c r="H39" s="80">
        <v>4</v>
      </c>
      <c r="I39" s="80">
        <v>6</v>
      </c>
      <c r="J39" s="80">
        <v>3</v>
      </c>
      <c r="K39" s="82">
        <v>26</v>
      </c>
      <c r="L39" s="83">
        <v>33</v>
      </c>
      <c r="M39" s="68">
        <v>0</v>
      </c>
      <c r="N39" s="69">
        <v>0</v>
      </c>
      <c r="O39" s="70">
        <v>0</v>
      </c>
      <c r="P39" s="159"/>
      <c r="Q39" s="69">
        <v>1</v>
      </c>
      <c r="R39" s="69">
        <v>0</v>
      </c>
      <c r="S39" s="69">
        <v>0</v>
      </c>
      <c r="T39" s="69">
        <v>0</v>
      </c>
      <c r="U39" s="69">
        <v>0</v>
      </c>
      <c r="V39" s="70">
        <v>1</v>
      </c>
      <c r="W39" s="71">
        <v>1</v>
      </c>
      <c r="X39" s="68">
        <v>1</v>
      </c>
      <c r="Y39" s="69">
        <v>0</v>
      </c>
      <c r="Z39" s="70">
        <v>1</v>
      </c>
      <c r="AA39" s="159"/>
      <c r="AB39" s="69">
        <v>1</v>
      </c>
      <c r="AC39" s="69">
        <v>2</v>
      </c>
      <c r="AD39" s="69">
        <v>0</v>
      </c>
      <c r="AE39" s="69">
        <v>1</v>
      </c>
      <c r="AF39" s="69">
        <v>0</v>
      </c>
      <c r="AG39" s="70">
        <v>4</v>
      </c>
      <c r="AH39" s="71">
        <v>5</v>
      </c>
      <c r="AI39" s="68">
        <v>0</v>
      </c>
      <c r="AJ39" s="69">
        <v>0</v>
      </c>
      <c r="AK39" s="70">
        <v>0</v>
      </c>
      <c r="AL39" s="159"/>
      <c r="AM39" s="69">
        <v>3</v>
      </c>
      <c r="AN39" s="69">
        <v>0</v>
      </c>
      <c r="AO39" s="69">
        <v>0</v>
      </c>
      <c r="AP39" s="69">
        <v>0</v>
      </c>
      <c r="AQ39" s="69">
        <v>1</v>
      </c>
      <c r="AR39" s="70">
        <v>4</v>
      </c>
      <c r="AS39" s="71">
        <v>4</v>
      </c>
      <c r="AT39" s="68">
        <v>0</v>
      </c>
      <c r="AU39" s="69">
        <v>3</v>
      </c>
      <c r="AV39" s="70">
        <v>3</v>
      </c>
      <c r="AW39" s="159"/>
      <c r="AX39" s="69">
        <v>1</v>
      </c>
      <c r="AY39" s="69">
        <v>2</v>
      </c>
      <c r="AZ39" s="69">
        <v>1</v>
      </c>
      <c r="BA39" s="69">
        <v>1</v>
      </c>
      <c r="BB39" s="69">
        <v>1</v>
      </c>
      <c r="BC39" s="70">
        <v>6</v>
      </c>
      <c r="BD39" s="71">
        <v>9</v>
      </c>
      <c r="BE39" s="68">
        <v>0</v>
      </c>
      <c r="BF39" s="69">
        <v>3</v>
      </c>
      <c r="BG39" s="70">
        <v>3</v>
      </c>
      <c r="BH39" s="159"/>
      <c r="BI39" s="69">
        <v>0</v>
      </c>
      <c r="BJ39" s="69">
        <v>0</v>
      </c>
      <c r="BK39" s="69">
        <v>2</v>
      </c>
      <c r="BL39" s="69">
        <v>2</v>
      </c>
      <c r="BM39" s="69">
        <v>1</v>
      </c>
      <c r="BN39" s="70">
        <v>5</v>
      </c>
      <c r="BO39" s="71">
        <v>8</v>
      </c>
      <c r="BP39" s="68">
        <v>0</v>
      </c>
      <c r="BQ39" s="69">
        <v>0</v>
      </c>
      <c r="BR39" s="70">
        <v>0</v>
      </c>
      <c r="BS39" s="159"/>
      <c r="BT39" s="69">
        <v>2</v>
      </c>
      <c r="BU39" s="69">
        <v>1</v>
      </c>
      <c r="BV39" s="69">
        <v>1</v>
      </c>
      <c r="BW39" s="69">
        <v>2</v>
      </c>
      <c r="BX39" s="69">
        <v>0</v>
      </c>
      <c r="BY39" s="70">
        <v>6</v>
      </c>
      <c r="BZ39" s="71">
        <v>6</v>
      </c>
      <c r="CA39" s="68">
        <v>0</v>
      </c>
      <c r="CB39" s="69">
        <v>0</v>
      </c>
      <c r="CC39" s="70">
        <v>0</v>
      </c>
      <c r="CD39" s="159"/>
      <c r="CE39" s="69">
        <v>0</v>
      </c>
      <c r="CF39" s="69">
        <v>0</v>
      </c>
      <c r="CG39" s="69">
        <v>0</v>
      </c>
      <c r="CH39" s="69">
        <v>0</v>
      </c>
      <c r="CI39" s="69">
        <v>0</v>
      </c>
      <c r="CJ39" s="70">
        <v>0</v>
      </c>
      <c r="CK39" s="71">
        <v>0</v>
      </c>
      <c r="CL39" s="68">
        <v>1</v>
      </c>
      <c r="CM39" s="69">
        <v>6</v>
      </c>
      <c r="CN39" s="70">
        <v>7</v>
      </c>
      <c r="CO39" s="159"/>
      <c r="CP39" s="69">
        <v>8</v>
      </c>
      <c r="CQ39" s="69">
        <v>5</v>
      </c>
      <c r="CR39" s="69">
        <v>4</v>
      </c>
      <c r="CS39" s="69">
        <v>6</v>
      </c>
      <c r="CT39" s="69">
        <v>3</v>
      </c>
      <c r="CU39" s="70">
        <v>26</v>
      </c>
      <c r="CV39" s="71">
        <v>33</v>
      </c>
      <c r="CW39" s="108">
        <v>2</v>
      </c>
      <c r="CX39" s="80">
        <v>3</v>
      </c>
      <c r="CY39" s="81">
        <v>5</v>
      </c>
      <c r="CZ39" s="159"/>
      <c r="DA39" s="80">
        <v>5</v>
      </c>
      <c r="DB39" s="80">
        <v>8</v>
      </c>
      <c r="DC39" s="80">
        <v>1</v>
      </c>
      <c r="DD39" s="80">
        <v>5</v>
      </c>
      <c r="DE39" s="80">
        <v>2</v>
      </c>
      <c r="DF39" s="82">
        <v>21</v>
      </c>
      <c r="DG39" s="83">
        <v>26</v>
      </c>
      <c r="DH39" s="68">
        <v>0</v>
      </c>
      <c r="DI39" s="69">
        <v>0</v>
      </c>
      <c r="DJ39" s="70">
        <v>0</v>
      </c>
      <c r="DK39" s="159"/>
      <c r="DL39" s="69">
        <v>0</v>
      </c>
      <c r="DM39" s="69">
        <v>0</v>
      </c>
      <c r="DN39" s="69">
        <v>0</v>
      </c>
      <c r="DO39" s="69">
        <v>0</v>
      </c>
      <c r="DP39" s="69">
        <v>0</v>
      </c>
      <c r="DQ39" s="70">
        <v>0</v>
      </c>
      <c r="DR39" s="71">
        <v>0</v>
      </c>
      <c r="DS39" s="68">
        <v>0</v>
      </c>
      <c r="DT39" s="69">
        <v>0</v>
      </c>
      <c r="DU39" s="70">
        <v>0</v>
      </c>
      <c r="DV39" s="159"/>
      <c r="DW39" s="69">
        <v>0</v>
      </c>
      <c r="DX39" s="69">
        <v>0</v>
      </c>
      <c r="DY39" s="69">
        <v>0</v>
      </c>
      <c r="DZ39" s="69">
        <v>0</v>
      </c>
      <c r="EA39" s="69">
        <v>0</v>
      </c>
      <c r="EB39" s="70">
        <v>0</v>
      </c>
      <c r="EC39" s="71">
        <v>0</v>
      </c>
      <c r="ED39" s="68">
        <v>0</v>
      </c>
      <c r="EE39" s="69">
        <v>0</v>
      </c>
      <c r="EF39" s="70">
        <v>0</v>
      </c>
      <c r="EG39" s="159"/>
      <c r="EH39" s="69">
        <v>1</v>
      </c>
      <c r="EI39" s="69">
        <v>1</v>
      </c>
      <c r="EJ39" s="69">
        <v>0</v>
      </c>
      <c r="EK39" s="69">
        <v>0</v>
      </c>
      <c r="EL39" s="69">
        <v>0</v>
      </c>
      <c r="EM39" s="70">
        <v>2</v>
      </c>
      <c r="EN39" s="71">
        <v>2</v>
      </c>
      <c r="EO39" s="68">
        <v>0</v>
      </c>
      <c r="EP39" s="69">
        <v>2</v>
      </c>
      <c r="EQ39" s="70">
        <v>2</v>
      </c>
      <c r="ER39" s="159"/>
      <c r="ES39" s="69">
        <v>0</v>
      </c>
      <c r="ET39" s="69">
        <v>1</v>
      </c>
      <c r="EU39" s="69">
        <v>1</v>
      </c>
      <c r="EV39" s="69">
        <v>0</v>
      </c>
      <c r="EW39" s="69">
        <v>0</v>
      </c>
      <c r="EX39" s="70">
        <v>2</v>
      </c>
      <c r="EY39" s="71">
        <v>4</v>
      </c>
      <c r="EZ39" s="68">
        <v>2</v>
      </c>
      <c r="FA39" s="69">
        <v>1</v>
      </c>
      <c r="FB39" s="70">
        <v>3</v>
      </c>
      <c r="FC39" s="159"/>
      <c r="FD39" s="69">
        <v>3</v>
      </c>
      <c r="FE39" s="69">
        <v>3</v>
      </c>
      <c r="FF39" s="69">
        <v>0</v>
      </c>
      <c r="FG39" s="69">
        <v>1</v>
      </c>
      <c r="FH39" s="69">
        <v>0</v>
      </c>
      <c r="FI39" s="70">
        <v>7</v>
      </c>
      <c r="FJ39" s="71">
        <v>10</v>
      </c>
      <c r="FK39" s="68">
        <v>0</v>
      </c>
      <c r="FL39" s="69">
        <v>0</v>
      </c>
      <c r="FM39" s="70">
        <v>0</v>
      </c>
      <c r="FN39" s="159"/>
      <c r="FO39" s="69">
        <v>1</v>
      </c>
      <c r="FP39" s="69">
        <v>3</v>
      </c>
      <c r="FQ39" s="69">
        <v>0</v>
      </c>
      <c r="FR39" s="69">
        <v>4</v>
      </c>
      <c r="FS39" s="69">
        <v>2</v>
      </c>
      <c r="FT39" s="70">
        <v>10</v>
      </c>
      <c r="FU39" s="71">
        <v>10</v>
      </c>
      <c r="FV39" s="68">
        <v>0</v>
      </c>
      <c r="FW39" s="69">
        <v>0</v>
      </c>
      <c r="FX39" s="70">
        <v>0</v>
      </c>
      <c r="FY39" s="159"/>
      <c r="FZ39" s="69">
        <v>0</v>
      </c>
      <c r="GA39" s="69">
        <v>0</v>
      </c>
      <c r="GB39" s="69">
        <v>0</v>
      </c>
      <c r="GC39" s="69">
        <v>0</v>
      </c>
      <c r="GD39" s="69">
        <v>0</v>
      </c>
      <c r="GE39" s="70">
        <v>0</v>
      </c>
      <c r="GF39" s="71">
        <v>0</v>
      </c>
      <c r="GG39" s="68">
        <v>2</v>
      </c>
      <c r="GH39" s="69">
        <v>3</v>
      </c>
      <c r="GI39" s="70">
        <v>5</v>
      </c>
      <c r="GJ39" s="159"/>
      <c r="GK39" s="69">
        <v>5</v>
      </c>
      <c r="GL39" s="69">
        <v>8</v>
      </c>
      <c r="GM39" s="69">
        <v>1</v>
      </c>
      <c r="GN39" s="69">
        <v>5</v>
      </c>
      <c r="GO39" s="69">
        <v>2</v>
      </c>
      <c r="GP39" s="70">
        <v>21</v>
      </c>
      <c r="GQ39" s="71">
        <v>26</v>
      </c>
      <c r="GR39" s="108">
        <v>3</v>
      </c>
      <c r="GS39" s="80">
        <v>9</v>
      </c>
      <c r="GT39" s="81">
        <v>12</v>
      </c>
      <c r="GU39" s="159"/>
      <c r="GV39" s="80">
        <v>13</v>
      </c>
      <c r="GW39" s="80">
        <v>13</v>
      </c>
      <c r="GX39" s="80">
        <v>5</v>
      </c>
      <c r="GY39" s="80">
        <v>11</v>
      </c>
      <c r="GZ39" s="80">
        <v>5</v>
      </c>
      <c r="HA39" s="82">
        <v>47</v>
      </c>
      <c r="HB39" s="83">
        <v>59</v>
      </c>
      <c r="HC39" s="68">
        <v>0</v>
      </c>
      <c r="HD39" s="69">
        <v>0</v>
      </c>
      <c r="HE39" s="70">
        <v>0</v>
      </c>
      <c r="HF39" s="159"/>
      <c r="HG39" s="69">
        <v>1</v>
      </c>
      <c r="HH39" s="69">
        <v>0</v>
      </c>
      <c r="HI39" s="69">
        <v>0</v>
      </c>
      <c r="HJ39" s="69">
        <v>0</v>
      </c>
      <c r="HK39" s="69">
        <v>0</v>
      </c>
      <c r="HL39" s="70">
        <v>1</v>
      </c>
      <c r="HM39" s="71">
        <v>1</v>
      </c>
      <c r="HN39" s="68">
        <v>1</v>
      </c>
      <c r="HO39" s="69">
        <v>0</v>
      </c>
      <c r="HP39" s="70">
        <v>1</v>
      </c>
      <c r="HQ39" s="159"/>
      <c r="HR39" s="69">
        <v>1</v>
      </c>
      <c r="HS39" s="69">
        <v>2</v>
      </c>
      <c r="HT39" s="69">
        <v>0</v>
      </c>
      <c r="HU39" s="69">
        <v>1</v>
      </c>
      <c r="HV39" s="69">
        <v>0</v>
      </c>
      <c r="HW39" s="70">
        <v>4</v>
      </c>
      <c r="HX39" s="71">
        <v>5</v>
      </c>
      <c r="HY39" s="68">
        <v>0</v>
      </c>
      <c r="HZ39" s="69">
        <v>0</v>
      </c>
      <c r="IA39" s="70">
        <v>0</v>
      </c>
      <c r="IB39" s="159"/>
      <c r="IC39" s="69">
        <v>4</v>
      </c>
      <c r="ID39" s="69">
        <v>1</v>
      </c>
      <c r="IE39" s="69">
        <v>0</v>
      </c>
      <c r="IF39" s="69">
        <v>0</v>
      </c>
      <c r="IG39" s="69">
        <v>1</v>
      </c>
      <c r="IH39" s="70">
        <v>6</v>
      </c>
      <c r="II39" s="71">
        <v>6</v>
      </c>
      <c r="IJ39" s="68">
        <v>0</v>
      </c>
      <c r="IK39" s="69">
        <v>5</v>
      </c>
      <c r="IL39" s="70">
        <v>5</v>
      </c>
      <c r="IM39" s="159"/>
      <c r="IN39" s="69">
        <v>1</v>
      </c>
      <c r="IO39" s="69">
        <v>3</v>
      </c>
      <c r="IP39" s="69">
        <v>2</v>
      </c>
      <c r="IQ39" s="69">
        <v>1</v>
      </c>
      <c r="IR39" s="69">
        <v>1</v>
      </c>
      <c r="IS39" s="70">
        <v>8</v>
      </c>
      <c r="IT39" s="71">
        <v>13</v>
      </c>
      <c r="IU39" s="68">
        <v>2</v>
      </c>
      <c r="IV39" s="69">
        <v>4</v>
      </c>
      <c r="IW39" s="70">
        <v>6</v>
      </c>
      <c r="IX39" s="159"/>
      <c r="IY39" s="69">
        <v>3</v>
      </c>
      <c r="IZ39" s="69">
        <v>3</v>
      </c>
      <c r="JA39" s="69">
        <v>2</v>
      </c>
      <c r="JB39" s="69">
        <v>3</v>
      </c>
      <c r="JC39" s="69">
        <v>1</v>
      </c>
      <c r="JD39" s="70">
        <v>12</v>
      </c>
      <c r="JE39" s="71">
        <v>18</v>
      </c>
      <c r="JF39" s="68">
        <v>0</v>
      </c>
      <c r="JG39" s="69">
        <v>0</v>
      </c>
      <c r="JH39" s="70">
        <v>0</v>
      </c>
      <c r="JI39" s="159"/>
      <c r="JJ39" s="69">
        <v>3</v>
      </c>
      <c r="JK39" s="69">
        <v>4</v>
      </c>
      <c r="JL39" s="69">
        <v>1</v>
      </c>
      <c r="JM39" s="69">
        <v>6</v>
      </c>
      <c r="JN39" s="69">
        <v>2</v>
      </c>
      <c r="JO39" s="70">
        <v>16</v>
      </c>
      <c r="JP39" s="71">
        <v>16</v>
      </c>
      <c r="JQ39" s="68">
        <v>0</v>
      </c>
      <c r="JR39" s="69">
        <v>0</v>
      </c>
      <c r="JS39" s="70">
        <v>0</v>
      </c>
      <c r="JT39" s="159"/>
      <c r="JU39" s="69">
        <v>0</v>
      </c>
      <c r="JV39" s="69">
        <v>0</v>
      </c>
      <c r="JW39" s="69">
        <v>0</v>
      </c>
      <c r="JX39" s="69">
        <v>0</v>
      </c>
      <c r="JY39" s="69">
        <v>0</v>
      </c>
      <c r="JZ39" s="70">
        <v>0</v>
      </c>
      <c r="KA39" s="71">
        <v>0</v>
      </c>
      <c r="KB39" s="68">
        <v>3</v>
      </c>
      <c r="KC39" s="69">
        <v>9</v>
      </c>
      <c r="KD39" s="70">
        <v>12</v>
      </c>
      <c r="KE39" s="159"/>
      <c r="KF39" s="69">
        <v>13</v>
      </c>
      <c r="KG39" s="69">
        <v>13</v>
      </c>
      <c r="KH39" s="69">
        <v>5</v>
      </c>
      <c r="KI39" s="69">
        <v>11</v>
      </c>
      <c r="KJ39" s="69">
        <v>5</v>
      </c>
      <c r="KK39" s="70">
        <v>47</v>
      </c>
      <c r="KL39" s="71">
        <v>59</v>
      </c>
    </row>
    <row r="40" spans="1:298" ht="19.5" customHeight="1" thickBot="1" x14ac:dyDescent="0.25">
      <c r="A40" s="112" t="s">
        <v>37</v>
      </c>
      <c r="B40" s="216">
        <v>0</v>
      </c>
      <c r="C40" s="85">
        <v>0</v>
      </c>
      <c r="D40" s="86">
        <v>0</v>
      </c>
      <c r="E40" s="160"/>
      <c r="F40" s="85">
        <v>0</v>
      </c>
      <c r="G40" s="85">
        <v>0</v>
      </c>
      <c r="H40" s="85">
        <v>0</v>
      </c>
      <c r="I40" s="85">
        <v>2</v>
      </c>
      <c r="J40" s="85">
        <v>1</v>
      </c>
      <c r="K40" s="87">
        <v>3</v>
      </c>
      <c r="L40" s="88">
        <v>3</v>
      </c>
      <c r="M40" s="72">
        <v>0</v>
      </c>
      <c r="N40" s="73">
        <v>0</v>
      </c>
      <c r="O40" s="74">
        <v>0</v>
      </c>
      <c r="P40" s="160"/>
      <c r="Q40" s="73">
        <v>0</v>
      </c>
      <c r="R40" s="73">
        <v>0</v>
      </c>
      <c r="S40" s="73">
        <v>0</v>
      </c>
      <c r="T40" s="73">
        <v>0</v>
      </c>
      <c r="U40" s="73">
        <v>0</v>
      </c>
      <c r="V40" s="74">
        <v>0</v>
      </c>
      <c r="W40" s="75">
        <v>0</v>
      </c>
      <c r="X40" s="72">
        <v>0</v>
      </c>
      <c r="Y40" s="73">
        <v>0</v>
      </c>
      <c r="Z40" s="74">
        <v>0</v>
      </c>
      <c r="AA40" s="160"/>
      <c r="AB40" s="73">
        <v>0</v>
      </c>
      <c r="AC40" s="73">
        <v>0</v>
      </c>
      <c r="AD40" s="73">
        <v>0</v>
      </c>
      <c r="AE40" s="73">
        <v>0</v>
      </c>
      <c r="AF40" s="73">
        <v>0</v>
      </c>
      <c r="AG40" s="74">
        <v>0</v>
      </c>
      <c r="AH40" s="75">
        <v>0</v>
      </c>
      <c r="AI40" s="72">
        <v>0</v>
      </c>
      <c r="AJ40" s="73">
        <v>0</v>
      </c>
      <c r="AK40" s="74">
        <v>0</v>
      </c>
      <c r="AL40" s="160"/>
      <c r="AM40" s="73">
        <v>0</v>
      </c>
      <c r="AN40" s="73">
        <v>0</v>
      </c>
      <c r="AO40" s="73">
        <v>0</v>
      </c>
      <c r="AP40" s="73">
        <v>0</v>
      </c>
      <c r="AQ40" s="73">
        <v>0</v>
      </c>
      <c r="AR40" s="74">
        <v>0</v>
      </c>
      <c r="AS40" s="75">
        <v>0</v>
      </c>
      <c r="AT40" s="72">
        <v>0</v>
      </c>
      <c r="AU40" s="73">
        <v>0</v>
      </c>
      <c r="AV40" s="74">
        <v>0</v>
      </c>
      <c r="AW40" s="160"/>
      <c r="AX40" s="73">
        <v>0</v>
      </c>
      <c r="AY40" s="73">
        <v>0</v>
      </c>
      <c r="AZ40" s="73">
        <v>0</v>
      </c>
      <c r="BA40" s="73">
        <v>1</v>
      </c>
      <c r="BB40" s="73">
        <v>1</v>
      </c>
      <c r="BC40" s="74">
        <v>2</v>
      </c>
      <c r="BD40" s="75">
        <v>2</v>
      </c>
      <c r="BE40" s="72">
        <v>0</v>
      </c>
      <c r="BF40" s="73">
        <v>0</v>
      </c>
      <c r="BG40" s="74">
        <v>0</v>
      </c>
      <c r="BH40" s="160"/>
      <c r="BI40" s="73">
        <v>0</v>
      </c>
      <c r="BJ40" s="73">
        <v>0</v>
      </c>
      <c r="BK40" s="73">
        <v>0</v>
      </c>
      <c r="BL40" s="73">
        <v>0</v>
      </c>
      <c r="BM40" s="73">
        <v>0</v>
      </c>
      <c r="BN40" s="74">
        <v>0</v>
      </c>
      <c r="BO40" s="75">
        <v>0</v>
      </c>
      <c r="BP40" s="72">
        <v>0</v>
      </c>
      <c r="BQ40" s="73">
        <v>0</v>
      </c>
      <c r="BR40" s="74">
        <v>0</v>
      </c>
      <c r="BS40" s="160"/>
      <c r="BT40" s="73">
        <v>0</v>
      </c>
      <c r="BU40" s="73">
        <v>0</v>
      </c>
      <c r="BV40" s="73">
        <v>0</v>
      </c>
      <c r="BW40" s="73">
        <v>1</v>
      </c>
      <c r="BX40" s="73">
        <v>0</v>
      </c>
      <c r="BY40" s="74">
        <v>1</v>
      </c>
      <c r="BZ40" s="75">
        <v>1</v>
      </c>
      <c r="CA40" s="72">
        <v>0</v>
      </c>
      <c r="CB40" s="73">
        <v>0</v>
      </c>
      <c r="CC40" s="74">
        <v>0</v>
      </c>
      <c r="CD40" s="160"/>
      <c r="CE40" s="73">
        <v>0</v>
      </c>
      <c r="CF40" s="73">
        <v>0</v>
      </c>
      <c r="CG40" s="73">
        <v>0</v>
      </c>
      <c r="CH40" s="73">
        <v>0</v>
      </c>
      <c r="CI40" s="73">
        <v>0</v>
      </c>
      <c r="CJ40" s="74">
        <v>0</v>
      </c>
      <c r="CK40" s="75">
        <v>0</v>
      </c>
      <c r="CL40" s="72">
        <v>0</v>
      </c>
      <c r="CM40" s="73">
        <v>0</v>
      </c>
      <c r="CN40" s="74">
        <v>0</v>
      </c>
      <c r="CO40" s="160"/>
      <c r="CP40" s="73">
        <v>0</v>
      </c>
      <c r="CQ40" s="73">
        <v>0</v>
      </c>
      <c r="CR40" s="73">
        <v>0</v>
      </c>
      <c r="CS40" s="73">
        <v>2</v>
      </c>
      <c r="CT40" s="73">
        <v>1</v>
      </c>
      <c r="CU40" s="74">
        <v>3</v>
      </c>
      <c r="CV40" s="75">
        <v>3</v>
      </c>
      <c r="CW40" s="109">
        <v>0</v>
      </c>
      <c r="CX40" s="85">
        <v>0</v>
      </c>
      <c r="CY40" s="86">
        <v>0</v>
      </c>
      <c r="CZ40" s="160"/>
      <c r="DA40" s="85">
        <v>0</v>
      </c>
      <c r="DB40" s="85">
        <v>0</v>
      </c>
      <c r="DC40" s="85">
        <v>0</v>
      </c>
      <c r="DD40" s="85">
        <v>0</v>
      </c>
      <c r="DE40" s="85">
        <v>1</v>
      </c>
      <c r="DF40" s="87">
        <v>1</v>
      </c>
      <c r="DG40" s="88">
        <v>1</v>
      </c>
      <c r="DH40" s="72">
        <v>0</v>
      </c>
      <c r="DI40" s="73">
        <v>0</v>
      </c>
      <c r="DJ40" s="74">
        <v>0</v>
      </c>
      <c r="DK40" s="160"/>
      <c r="DL40" s="73">
        <v>0</v>
      </c>
      <c r="DM40" s="73">
        <v>0</v>
      </c>
      <c r="DN40" s="73">
        <v>0</v>
      </c>
      <c r="DO40" s="73">
        <v>0</v>
      </c>
      <c r="DP40" s="73">
        <v>0</v>
      </c>
      <c r="DQ40" s="74">
        <v>0</v>
      </c>
      <c r="DR40" s="75">
        <v>0</v>
      </c>
      <c r="DS40" s="72">
        <v>0</v>
      </c>
      <c r="DT40" s="73">
        <v>0</v>
      </c>
      <c r="DU40" s="74">
        <v>0</v>
      </c>
      <c r="DV40" s="160"/>
      <c r="DW40" s="73">
        <v>0</v>
      </c>
      <c r="DX40" s="73">
        <v>0</v>
      </c>
      <c r="DY40" s="73">
        <v>0</v>
      </c>
      <c r="DZ40" s="73">
        <v>0</v>
      </c>
      <c r="EA40" s="73">
        <v>0</v>
      </c>
      <c r="EB40" s="74">
        <v>0</v>
      </c>
      <c r="EC40" s="75">
        <v>0</v>
      </c>
      <c r="ED40" s="72">
        <v>0</v>
      </c>
      <c r="EE40" s="73">
        <v>0</v>
      </c>
      <c r="EF40" s="74">
        <v>0</v>
      </c>
      <c r="EG40" s="160"/>
      <c r="EH40" s="73">
        <v>0</v>
      </c>
      <c r="EI40" s="73">
        <v>0</v>
      </c>
      <c r="EJ40" s="73">
        <v>0</v>
      </c>
      <c r="EK40" s="73">
        <v>0</v>
      </c>
      <c r="EL40" s="73">
        <v>0</v>
      </c>
      <c r="EM40" s="74">
        <v>0</v>
      </c>
      <c r="EN40" s="75">
        <v>0</v>
      </c>
      <c r="EO40" s="72">
        <v>0</v>
      </c>
      <c r="EP40" s="73">
        <v>0</v>
      </c>
      <c r="EQ40" s="74">
        <v>0</v>
      </c>
      <c r="ER40" s="160"/>
      <c r="ES40" s="73">
        <v>0</v>
      </c>
      <c r="ET40" s="73">
        <v>0</v>
      </c>
      <c r="EU40" s="73">
        <v>0</v>
      </c>
      <c r="EV40" s="73">
        <v>0</v>
      </c>
      <c r="EW40" s="73">
        <v>0</v>
      </c>
      <c r="EX40" s="74">
        <v>0</v>
      </c>
      <c r="EY40" s="75">
        <v>0</v>
      </c>
      <c r="EZ40" s="72">
        <v>0</v>
      </c>
      <c r="FA40" s="73">
        <v>0</v>
      </c>
      <c r="FB40" s="74">
        <v>0</v>
      </c>
      <c r="FC40" s="160"/>
      <c r="FD40" s="73">
        <v>0</v>
      </c>
      <c r="FE40" s="73">
        <v>0</v>
      </c>
      <c r="FF40" s="73">
        <v>0</v>
      </c>
      <c r="FG40" s="73">
        <v>0</v>
      </c>
      <c r="FH40" s="73">
        <v>0</v>
      </c>
      <c r="FI40" s="74">
        <v>0</v>
      </c>
      <c r="FJ40" s="75">
        <v>0</v>
      </c>
      <c r="FK40" s="72">
        <v>0</v>
      </c>
      <c r="FL40" s="73">
        <v>0</v>
      </c>
      <c r="FM40" s="74">
        <v>0</v>
      </c>
      <c r="FN40" s="160"/>
      <c r="FO40" s="73">
        <v>0</v>
      </c>
      <c r="FP40" s="73">
        <v>0</v>
      </c>
      <c r="FQ40" s="73">
        <v>0</v>
      </c>
      <c r="FR40" s="73">
        <v>0</v>
      </c>
      <c r="FS40" s="73">
        <v>1</v>
      </c>
      <c r="FT40" s="74">
        <v>1</v>
      </c>
      <c r="FU40" s="75">
        <v>1</v>
      </c>
      <c r="FV40" s="72">
        <v>0</v>
      </c>
      <c r="FW40" s="73">
        <v>0</v>
      </c>
      <c r="FX40" s="74">
        <v>0</v>
      </c>
      <c r="FY40" s="160"/>
      <c r="FZ40" s="73">
        <v>0</v>
      </c>
      <c r="GA40" s="73">
        <v>0</v>
      </c>
      <c r="GB40" s="73">
        <v>0</v>
      </c>
      <c r="GC40" s="73">
        <v>0</v>
      </c>
      <c r="GD40" s="73">
        <v>0</v>
      </c>
      <c r="GE40" s="74">
        <v>0</v>
      </c>
      <c r="GF40" s="75">
        <v>0</v>
      </c>
      <c r="GG40" s="72">
        <v>0</v>
      </c>
      <c r="GH40" s="73">
        <v>0</v>
      </c>
      <c r="GI40" s="74">
        <v>0</v>
      </c>
      <c r="GJ40" s="160"/>
      <c r="GK40" s="73">
        <v>0</v>
      </c>
      <c r="GL40" s="73">
        <v>0</v>
      </c>
      <c r="GM40" s="73">
        <v>0</v>
      </c>
      <c r="GN40" s="73">
        <v>0</v>
      </c>
      <c r="GO40" s="73">
        <v>1</v>
      </c>
      <c r="GP40" s="74">
        <v>1</v>
      </c>
      <c r="GQ40" s="75">
        <v>1</v>
      </c>
      <c r="GR40" s="109">
        <v>0</v>
      </c>
      <c r="GS40" s="85">
        <v>0</v>
      </c>
      <c r="GT40" s="86">
        <v>0</v>
      </c>
      <c r="GU40" s="160"/>
      <c r="GV40" s="85">
        <v>0</v>
      </c>
      <c r="GW40" s="85">
        <v>0</v>
      </c>
      <c r="GX40" s="85">
        <v>0</v>
      </c>
      <c r="GY40" s="85">
        <v>2</v>
      </c>
      <c r="GZ40" s="85">
        <v>2</v>
      </c>
      <c r="HA40" s="87">
        <v>4</v>
      </c>
      <c r="HB40" s="88">
        <v>4</v>
      </c>
      <c r="HC40" s="72">
        <v>0</v>
      </c>
      <c r="HD40" s="73">
        <v>0</v>
      </c>
      <c r="HE40" s="74">
        <v>0</v>
      </c>
      <c r="HF40" s="160"/>
      <c r="HG40" s="73">
        <v>0</v>
      </c>
      <c r="HH40" s="73">
        <v>0</v>
      </c>
      <c r="HI40" s="73">
        <v>0</v>
      </c>
      <c r="HJ40" s="73">
        <v>0</v>
      </c>
      <c r="HK40" s="73">
        <v>0</v>
      </c>
      <c r="HL40" s="74">
        <v>0</v>
      </c>
      <c r="HM40" s="75">
        <v>0</v>
      </c>
      <c r="HN40" s="72">
        <v>0</v>
      </c>
      <c r="HO40" s="73">
        <v>0</v>
      </c>
      <c r="HP40" s="74">
        <v>0</v>
      </c>
      <c r="HQ40" s="160"/>
      <c r="HR40" s="73">
        <v>0</v>
      </c>
      <c r="HS40" s="73">
        <v>0</v>
      </c>
      <c r="HT40" s="73">
        <v>0</v>
      </c>
      <c r="HU40" s="73">
        <v>0</v>
      </c>
      <c r="HV40" s="73">
        <v>0</v>
      </c>
      <c r="HW40" s="74">
        <v>0</v>
      </c>
      <c r="HX40" s="75">
        <v>0</v>
      </c>
      <c r="HY40" s="72">
        <v>0</v>
      </c>
      <c r="HZ40" s="73">
        <v>0</v>
      </c>
      <c r="IA40" s="74">
        <v>0</v>
      </c>
      <c r="IB40" s="160"/>
      <c r="IC40" s="73">
        <v>0</v>
      </c>
      <c r="ID40" s="73">
        <v>0</v>
      </c>
      <c r="IE40" s="73">
        <v>0</v>
      </c>
      <c r="IF40" s="73">
        <v>0</v>
      </c>
      <c r="IG40" s="73">
        <v>0</v>
      </c>
      <c r="IH40" s="74">
        <v>0</v>
      </c>
      <c r="II40" s="75">
        <v>0</v>
      </c>
      <c r="IJ40" s="72">
        <v>0</v>
      </c>
      <c r="IK40" s="73">
        <v>0</v>
      </c>
      <c r="IL40" s="74">
        <v>0</v>
      </c>
      <c r="IM40" s="160"/>
      <c r="IN40" s="73">
        <v>0</v>
      </c>
      <c r="IO40" s="73">
        <v>0</v>
      </c>
      <c r="IP40" s="73">
        <v>0</v>
      </c>
      <c r="IQ40" s="73">
        <v>1</v>
      </c>
      <c r="IR40" s="73">
        <v>1</v>
      </c>
      <c r="IS40" s="74">
        <v>2</v>
      </c>
      <c r="IT40" s="75">
        <v>2</v>
      </c>
      <c r="IU40" s="72">
        <v>0</v>
      </c>
      <c r="IV40" s="73">
        <v>0</v>
      </c>
      <c r="IW40" s="74">
        <v>0</v>
      </c>
      <c r="IX40" s="160"/>
      <c r="IY40" s="73">
        <v>0</v>
      </c>
      <c r="IZ40" s="73">
        <v>0</v>
      </c>
      <c r="JA40" s="73">
        <v>0</v>
      </c>
      <c r="JB40" s="73">
        <v>0</v>
      </c>
      <c r="JC40" s="73">
        <v>0</v>
      </c>
      <c r="JD40" s="74">
        <v>0</v>
      </c>
      <c r="JE40" s="75">
        <v>0</v>
      </c>
      <c r="JF40" s="72">
        <v>0</v>
      </c>
      <c r="JG40" s="73">
        <v>0</v>
      </c>
      <c r="JH40" s="74">
        <v>0</v>
      </c>
      <c r="JI40" s="160"/>
      <c r="JJ40" s="73">
        <v>0</v>
      </c>
      <c r="JK40" s="73">
        <v>0</v>
      </c>
      <c r="JL40" s="73">
        <v>0</v>
      </c>
      <c r="JM40" s="73">
        <v>1</v>
      </c>
      <c r="JN40" s="73">
        <v>1</v>
      </c>
      <c r="JO40" s="74">
        <v>2</v>
      </c>
      <c r="JP40" s="75">
        <v>2</v>
      </c>
      <c r="JQ40" s="72">
        <v>0</v>
      </c>
      <c r="JR40" s="73">
        <v>0</v>
      </c>
      <c r="JS40" s="74">
        <v>0</v>
      </c>
      <c r="JT40" s="160"/>
      <c r="JU40" s="73">
        <v>0</v>
      </c>
      <c r="JV40" s="73">
        <v>0</v>
      </c>
      <c r="JW40" s="73">
        <v>0</v>
      </c>
      <c r="JX40" s="73">
        <v>0</v>
      </c>
      <c r="JY40" s="73">
        <v>0</v>
      </c>
      <c r="JZ40" s="74">
        <v>0</v>
      </c>
      <c r="KA40" s="75">
        <v>0</v>
      </c>
      <c r="KB40" s="72">
        <v>0</v>
      </c>
      <c r="KC40" s="73">
        <v>0</v>
      </c>
      <c r="KD40" s="74">
        <v>0</v>
      </c>
      <c r="KE40" s="160"/>
      <c r="KF40" s="73">
        <v>0</v>
      </c>
      <c r="KG40" s="73">
        <v>0</v>
      </c>
      <c r="KH40" s="73">
        <v>0</v>
      </c>
      <c r="KI40" s="73">
        <v>2</v>
      </c>
      <c r="KJ40" s="73">
        <v>2</v>
      </c>
      <c r="KK40" s="74">
        <v>4</v>
      </c>
      <c r="KL40" s="75">
        <v>4</v>
      </c>
    </row>
    <row r="41" spans="1:298" ht="32.25" customHeight="1" x14ac:dyDescent="0.2">
      <c r="B41" s="210" t="s">
        <v>126</v>
      </c>
    </row>
  </sheetData>
  <mergeCells count="36">
    <mergeCell ref="E1:F1"/>
    <mergeCell ref="H1:I1"/>
    <mergeCell ref="GR3:KL3"/>
    <mergeCell ref="CL4:CV5"/>
    <mergeCell ref="CW4:FU4"/>
    <mergeCell ref="KB4:KL5"/>
    <mergeCell ref="GR4:JP4"/>
    <mergeCell ref="JQ4:KA5"/>
    <mergeCell ref="DH5:DR5"/>
    <mergeCell ref="DS5:EC5"/>
    <mergeCell ref="HY5:II5"/>
    <mergeCell ref="IJ5:IT5"/>
    <mergeCell ref="BP5:BZ5"/>
    <mergeCell ref="B4:BZ4"/>
    <mergeCell ref="CA4:CK5"/>
    <mergeCell ref="FK5:FU5"/>
    <mergeCell ref="IU5:JE5"/>
    <mergeCell ref="GR5:HB5"/>
    <mergeCell ref="HC5:HM5"/>
    <mergeCell ref="HN5:HX5"/>
    <mergeCell ref="JF5:JP5"/>
    <mergeCell ref="EO5:EY5"/>
    <mergeCell ref="EZ5:FJ5"/>
    <mergeCell ref="A3:A5"/>
    <mergeCell ref="B3:CV3"/>
    <mergeCell ref="CW3:GQ3"/>
    <mergeCell ref="B5:L5"/>
    <mergeCell ref="M5:W5"/>
    <mergeCell ref="X5:AH5"/>
    <mergeCell ref="AI5:AS5"/>
    <mergeCell ref="AT5:BD5"/>
    <mergeCell ref="ED5:EN5"/>
    <mergeCell ref="FV4:GF5"/>
    <mergeCell ref="GG4:GQ5"/>
    <mergeCell ref="BE5:BO5"/>
    <mergeCell ref="CW5:D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9.6" x14ac:dyDescent="0.2"/>
  <cols>
    <col min="1" max="1" width="8.77734375" style="22" customWidth="1"/>
    <col min="2" max="5" width="7.77734375" style="20" customWidth="1"/>
    <col min="6" max="6" width="8.109375" style="20" customWidth="1"/>
    <col min="7" max="7" width="7.44140625" style="20" customWidth="1"/>
    <col min="8" max="8" width="9.109375" style="20" customWidth="1"/>
    <col min="9" max="9" width="7.77734375" style="20" customWidth="1"/>
    <col min="10" max="10" width="8.6640625" style="20" customWidth="1"/>
    <col min="11" max="11" width="9.33203125" style="20" customWidth="1"/>
    <col min="12" max="12" width="8.33203125" style="20" customWidth="1"/>
    <col min="13" max="25" width="7.77734375" style="20" customWidth="1"/>
    <col min="26" max="32" width="7.77734375" style="22" customWidth="1"/>
    <col min="33" max="33" width="9" style="22"/>
    <col min="34" max="34" width="8.6640625" style="22" customWidth="1"/>
    <col min="35" max="16384" width="9" style="22"/>
  </cols>
  <sheetData>
    <row r="1" spans="1:34" ht="20.25" customHeight="1" x14ac:dyDescent="0.2">
      <c r="A1" s="19" t="s">
        <v>134</v>
      </c>
      <c r="E1" s="21"/>
      <c r="F1" s="487">
        <f>第１表!F2</f>
        <v>4</v>
      </c>
      <c r="G1" s="487"/>
      <c r="H1" s="163">
        <f>第１表!G2</f>
        <v>1</v>
      </c>
      <c r="I1" s="488">
        <f>IF(H1&lt;3,H1+12-2,H1-2)</f>
        <v>11</v>
      </c>
      <c r="J1" s="488"/>
    </row>
    <row r="2" spans="1:34" ht="17.25" customHeight="1" thickBot="1" x14ac:dyDescent="0.25">
      <c r="A2" s="207"/>
      <c r="I2" s="23"/>
      <c r="J2" s="23"/>
      <c r="K2" s="23"/>
      <c r="L2" s="23"/>
      <c r="M2" s="23"/>
      <c r="N2" s="23"/>
      <c r="O2" s="24"/>
      <c r="P2" s="24"/>
      <c r="Q2" s="24"/>
    </row>
    <row r="3" spans="1:34" s="42" customFormat="1" ht="19.5" customHeight="1" thickBot="1" x14ac:dyDescent="0.25">
      <c r="A3" s="52"/>
      <c r="B3" s="484" t="s">
        <v>53</v>
      </c>
      <c r="C3" s="485"/>
      <c r="D3" s="485"/>
      <c r="E3" s="485"/>
      <c r="F3" s="485"/>
      <c r="G3" s="485"/>
      <c r="H3" s="485"/>
      <c r="I3" s="485"/>
      <c r="J3" s="485"/>
      <c r="K3" s="485"/>
      <c r="L3" s="486"/>
      <c r="M3" s="484" t="s">
        <v>54</v>
      </c>
      <c r="N3" s="485"/>
      <c r="O3" s="485"/>
      <c r="P3" s="485"/>
      <c r="Q3" s="485"/>
      <c r="R3" s="485"/>
      <c r="S3" s="485"/>
      <c r="T3" s="485"/>
      <c r="U3" s="485"/>
      <c r="V3" s="485"/>
      <c r="W3" s="486"/>
      <c r="X3" s="484" t="s">
        <v>55</v>
      </c>
      <c r="Y3" s="485"/>
      <c r="Z3" s="485"/>
      <c r="AA3" s="485"/>
      <c r="AB3" s="485"/>
      <c r="AC3" s="485"/>
      <c r="AD3" s="485"/>
      <c r="AE3" s="485"/>
      <c r="AF3" s="485"/>
      <c r="AG3" s="485"/>
      <c r="AH3" s="486"/>
    </row>
    <row r="4" spans="1:34" s="42" customFormat="1" ht="29.25" customHeight="1" thickBot="1" x14ac:dyDescent="0.25">
      <c r="A4" s="52" t="s">
        <v>42</v>
      </c>
      <c r="B4" s="53" t="s">
        <v>43</v>
      </c>
      <c r="C4" s="54" t="s">
        <v>44</v>
      </c>
      <c r="D4" s="55" t="s">
        <v>45</v>
      </c>
      <c r="E4" s="56" t="s">
        <v>46</v>
      </c>
      <c r="F4" s="54" t="s">
        <v>47</v>
      </c>
      <c r="G4" s="54" t="s">
        <v>48</v>
      </c>
      <c r="H4" s="54" t="s">
        <v>49</v>
      </c>
      <c r="I4" s="54" t="s">
        <v>50</v>
      </c>
      <c r="J4" s="54" t="s">
        <v>51</v>
      </c>
      <c r="K4" s="55" t="s">
        <v>45</v>
      </c>
      <c r="L4" s="43" t="s">
        <v>52</v>
      </c>
      <c r="M4" s="53" t="s">
        <v>43</v>
      </c>
      <c r="N4" s="54" t="s">
        <v>44</v>
      </c>
      <c r="O4" s="55" t="s">
        <v>45</v>
      </c>
      <c r="P4" s="56" t="s">
        <v>46</v>
      </c>
      <c r="Q4" s="54" t="s">
        <v>47</v>
      </c>
      <c r="R4" s="54" t="s">
        <v>48</v>
      </c>
      <c r="S4" s="54" t="s">
        <v>49</v>
      </c>
      <c r="T4" s="54" t="s">
        <v>50</v>
      </c>
      <c r="U4" s="54" t="s">
        <v>51</v>
      </c>
      <c r="V4" s="55" t="s">
        <v>45</v>
      </c>
      <c r="W4" s="43" t="s">
        <v>52</v>
      </c>
      <c r="X4" s="53" t="s">
        <v>43</v>
      </c>
      <c r="Y4" s="54" t="s">
        <v>44</v>
      </c>
      <c r="Z4" s="55" t="s">
        <v>45</v>
      </c>
      <c r="AA4" s="56" t="s">
        <v>46</v>
      </c>
      <c r="AB4" s="54" t="s">
        <v>47</v>
      </c>
      <c r="AC4" s="54" t="s">
        <v>48</v>
      </c>
      <c r="AD4" s="54" t="s">
        <v>49</v>
      </c>
      <c r="AE4" s="54" t="s">
        <v>50</v>
      </c>
      <c r="AF4" s="54" t="s">
        <v>51</v>
      </c>
      <c r="AG4" s="55" t="s">
        <v>45</v>
      </c>
      <c r="AH4" s="43" t="s">
        <v>52</v>
      </c>
    </row>
    <row r="5" spans="1:34" ht="19.5" customHeight="1" x14ac:dyDescent="0.2">
      <c r="A5" s="44" t="s">
        <v>4</v>
      </c>
      <c r="B5" s="143">
        <v>15656</v>
      </c>
      <c r="C5" s="144">
        <v>28080</v>
      </c>
      <c r="D5" s="145">
        <v>43736</v>
      </c>
      <c r="E5" s="140">
        <v>0</v>
      </c>
      <c r="F5" s="144">
        <v>58575</v>
      </c>
      <c r="G5" s="144">
        <v>59241</v>
      </c>
      <c r="H5" s="144">
        <v>33859</v>
      </c>
      <c r="I5" s="144">
        <v>26298</v>
      </c>
      <c r="J5" s="144">
        <v>15810</v>
      </c>
      <c r="K5" s="145">
        <v>193783</v>
      </c>
      <c r="L5" s="146">
        <v>237519</v>
      </c>
      <c r="M5" s="147">
        <v>246</v>
      </c>
      <c r="N5" s="144">
        <v>800</v>
      </c>
      <c r="O5" s="145">
        <v>1046</v>
      </c>
      <c r="P5" s="140">
        <v>0</v>
      </c>
      <c r="Q5" s="144">
        <v>1028</v>
      </c>
      <c r="R5" s="144">
        <v>1788</v>
      </c>
      <c r="S5" s="144">
        <v>966</v>
      </c>
      <c r="T5" s="144">
        <v>794</v>
      </c>
      <c r="U5" s="144">
        <v>731</v>
      </c>
      <c r="V5" s="145">
        <v>5307</v>
      </c>
      <c r="W5" s="146">
        <v>6353</v>
      </c>
      <c r="X5" s="143">
        <v>15902</v>
      </c>
      <c r="Y5" s="144">
        <v>28880</v>
      </c>
      <c r="Z5" s="145">
        <v>44782</v>
      </c>
      <c r="AA5" s="140">
        <v>0</v>
      </c>
      <c r="AB5" s="144">
        <v>59603</v>
      </c>
      <c r="AC5" s="144">
        <v>61029</v>
      </c>
      <c r="AD5" s="144">
        <v>34825</v>
      </c>
      <c r="AE5" s="144">
        <v>27092</v>
      </c>
      <c r="AF5" s="144">
        <v>16541</v>
      </c>
      <c r="AG5" s="145">
        <v>199090</v>
      </c>
      <c r="AH5" s="146">
        <v>243872</v>
      </c>
    </row>
    <row r="6" spans="1:34" ht="19.5" customHeight="1" x14ac:dyDescent="0.2">
      <c r="A6" s="47" t="s">
        <v>5</v>
      </c>
      <c r="B6" s="148">
        <v>5813</v>
      </c>
      <c r="C6" s="149">
        <v>12347</v>
      </c>
      <c r="D6" s="150">
        <v>18160</v>
      </c>
      <c r="E6" s="141">
        <v>0</v>
      </c>
      <c r="F6" s="149">
        <v>15602</v>
      </c>
      <c r="G6" s="149">
        <v>22549</v>
      </c>
      <c r="H6" s="149">
        <v>11177</v>
      </c>
      <c r="I6" s="149">
        <v>8833</v>
      </c>
      <c r="J6" s="149">
        <v>5328</v>
      </c>
      <c r="K6" s="150">
        <v>63489</v>
      </c>
      <c r="L6" s="151">
        <v>81649</v>
      </c>
      <c r="M6" s="152">
        <v>108</v>
      </c>
      <c r="N6" s="149">
        <v>332</v>
      </c>
      <c r="O6" s="150">
        <v>440</v>
      </c>
      <c r="P6" s="141">
        <v>0</v>
      </c>
      <c r="Q6" s="149">
        <v>215</v>
      </c>
      <c r="R6" s="149">
        <v>737</v>
      </c>
      <c r="S6" s="149">
        <v>361</v>
      </c>
      <c r="T6" s="149">
        <v>297</v>
      </c>
      <c r="U6" s="149">
        <v>292</v>
      </c>
      <c r="V6" s="150">
        <v>1902</v>
      </c>
      <c r="W6" s="151">
        <v>2342</v>
      </c>
      <c r="X6" s="148">
        <v>5921</v>
      </c>
      <c r="Y6" s="149">
        <v>12679</v>
      </c>
      <c r="Z6" s="150">
        <v>18600</v>
      </c>
      <c r="AA6" s="141">
        <v>0</v>
      </c>
      <c r="AB6" s="149">
        <v>15817</v>
      </c>
      <c r="AC6" s="149">
        <v>23286</v>
      </c>
      <c r="AD6" s="149">
        <v>11538</v>
      </c>
      <c r="AE6" s="149">
        <v>9130</v>
      </c>
      <c r="AF6" s="149">
        <v>5620</v>
      </c>
      <c r="AG6" s="150">
        <v>65391</v>
      </c>
      <c r="AH6" s="151">
        <v>83991</v>
      </c>
    </row>
    <row r="7" spans="1:34" ht="19.5" customHeight="1" x14ac:dyDescent="0.2">
      <c r="A7" s="47" t="s">
        <v>6</v>
      </c>
      <c r="B7" s="148">
        <v>2125</v>
      </c>
      <c r="C7" s="149">
        <v>3355</v>
      </c>
      <c r="D7" s="150">
        <v>5480</v>
      </c>
      <c r="E7" s="141">
        <v>0</v>
      </c>
      <c r="F7" s="149">
        <v>10714</v>
      </c>
      <c r="G7" s="149">
        <v>8525</v>
      </c>
      <c r="H7" s="149">
        <v>5511</v>
      </c>
      <c r="I7" s="149">
        <v>4575</v>
      </c>
      <c r="J7" s="149">
        <v>2763</v>
      </c>
      <c r="K7" s="150">
        <v>32088</v>
      </c>
      <c r="L7" s="151">
        <v>37568</v>
      </c>
      <c r="M7" s="152">
        <v>39</v>
      </c>
      <c r="N7" s="149">
        <v>114</v>
      </c>
      <c r="O7" s="150">
        <v>153</v>
      </c>
      <c r="P7" s="141">
        <v>0</v>
      </c>
      <c r="Q7" s="149">
        <v>227</v>
      </c>
      <c r="R7" s="149">
        <v>260</v>
      </c>
      <c r="S7" s="149">
        <v>163</v>
      </c>
      <c r="T7" s="149">
        <v>135</v>
      </c>
      <c r="U7" s="149">
        <v>132</v>
      </c>
      <c r="V7" s="150">
        <v>917</v>
      </c>
      <c r="W7" s="151">
        <v>1070</v>
      </c>
      <c r="X7" s="148">
        <v>2164</v>
      </c>
      <c r="Y7" s="149">
        <v>3469</v>
      </c>
      <c r="Z7" s="150">
        <v>5633</v>
      </c>
      <c r="AA7" s="141">
        <v>0</v>
      </c>
      <c r="AB7" s="149">
        <v>10941</v>
      </c>
      <c r="AC7" s="149">
        <v>8785</v>
      </c>
      <c r="AD7" s="149">
        <v>5674</v>
      </c>
      <c r="AE7" s="149">
        <v>4710</v>
      </c>
      <c r="AF7" s="149">
        <v>2895</v>
      </c>
      <c r="AG7" s="150">
        <v>33005</v>
      </c>
      <c r="AH7" s="151">
        <v>38638</v>
      </c>
    </row>
    <row r="8" spans="1:34" ht="19.5" customHeight="1" x14ac:dyDescent="0.2">
      <c r="A8" s="47" t="s">
        <v>14</v>
      </c>
      <c r="B8" s="148">
        <v>1122</v>
      </c>
      <c r="C8" s="149">
        <v>2611</v>
      </c>
      <c r="D8" s="150">
        <v>3733</v>
      </c>
      <c r="E8" s="141">
        <v>0</v>
      </c>
      <c r="F8" s="149">
        <v>4382</v>
      </c>
      <c r="G8" s="149">
        <v>5076</v>
      </c>
      <c r="H8" s="149">
        <v>3212</v>
      </c>
      <c r="I8" s="149">
        <v>2337</v>
      </c>
      <c r="J8" s="149">
        <v>1203</v>
      </c>
      <c r="K8" s="150">
        <v>16210</v>
      </c>
      <c r="L8" s="151">
        <v>19943</v>
      </c>
      <c r="M8" s="152">
        <v>15</v>
      </c>
      <c r="N8" s="149">
        <v>84</v>
      </c>
      <c r="O8" s="150">
        <v>99</v>
      </c>
      <c r="P8" s="141">
        <v>0</v>
      </c>
      <c r="Q8" s="149">
        <v>61</v>
      </c>
      <c r="R8" s="149">
        <v>152</v>
      </c>
      <c r="S8" s="149">
        <v>82</v>
      </c>
      <c r="T8" s="149">
        <v>77</v>
      </c>
      <c r="U8" s="149">
        <v>56</v>
      </c>
      <c r="V8" s="150">
        <v>428</v>
      </c>
      <c r="W8" s="151">
        <v>527</v>
      </c>
      <c r="X8" s="148">
        <v>1137</v>
      </c>
      <c r="Y8" s="149">
        <v>2695</v>
      </c>
      <c r="Z8" s="150">
        <v>3832</v>
      </c>
      <c r="AA8" s="141">
        <v>0</v>
      </c>
      <c r="AB8" s="149">
        <v>4443</v>
      </c>
      <c r="AC8" s="149">
        <v>5228</v>
      </c>
      <c r="AD8" s="149">
        <v>3294</v>
      </c>
      <c r="AE8" s="149">
        <v>2414</v>
      </c>
      <c r="AF8" s="149">
        <v>1259</v>
      </c>
      <c r="AG8" s="150">
        <v>16638</v>
      </c>
      <c r="AH8" s="151">
        <v>20470</v>
      </c>
    </row>
    <row r="9" spans="1:34" ht="19.5" customHeight="1" x14ac:dyDescent="0.2">
      <c r="A9" s="47" t="s">
        <v>7</v>
      </c>
      <c r="B9" s="148">
        <v>490</v>
      </c>
      <c r="C9" s="149">
        <v>782</v>
      </c>
      <c r="D9" s="150">
        <v>1272</v>
      </c>
      <c r="E9" s="141">
        <v>0</v>
      </c>
      <c r="F9" s="149">
        <v>4870</v>
      </c>
      <c r="G9" s="149">
        <v>3484</v>
      </c>
      <c r="H9" s="149">
        <v>2008</v>
      </c>
      <c r="I9" s="149">
        <v>1543</v>
      </c>
      <c r="J9" s="149">
        <v>875</v>
      </c>
      <c r="K9" s="150">
        <v>12780</v>
      </c>
      <c r="L9" s="151">
        <v>14052</v>
      </c>
      <c r="M9" s="152">
        <v>6</v>
      </c>
      <c r="N9" s="149">
        <v>10</v>
      </c>
      <c r="O9" s="150">
        <v>16</v>
      </c>
      <c r="P9" s="141">
        <v>0</v>
      </c>
      <c r="Q9" s="149">
        <v>90</v>
      </c>
      <c r="R9" s="149">
        <v>94</v>
      </c>
      <c r="S9" s="149">
        <v>53</v>
      </c>
      <c r="T9" s="149">
        <v>29</v>
      </c>
      <c r="U9" s="149">
        <v>35</v>
      </c>
      <c r="V9" s="150">
        <v>301</v>
      </c>
      <c r="W9" s="151">
        <v>317</v>
      </c>
      <c r="X9" s="148">
        <v>496</v>
      </c>
      <c r="Y9" s="149">
        <v>792</v>
      </c>
      <c r="Z9" s="150">
        <v>1288</v>
      </c>
      <c r="AA9" s="141">
        <v>0</v>
      </c>
      <c r="AB9" s="149">
        <v>4960</v>
      </c>
      <c r="AC9" s="149">
        <v>3578</v>
      </c>
      <c r="AD9" s="149">
        <v>2061</v>
      </c>
      <c r="AE9" s="149">
        <v>1572</v>
      </c>
      <c r="AF9" s="149">
        <v>910</v>
      </c>
      <c r="AG9" s="150">
        <v>13081</v>
      </c>
      <c r="AH9" s="151">
        <v>14369</v>
      </c>
    </row>
    <row r="10" spans="1:34" ht="19.5" customHeight="1" x14ac:dyDescent="0.2">
      <c r="A10" s="47" t="s">
        <v>8</v>
      </c>
      <c r="B10" s="148">
        <v>538</v>
      </c>
      <c r="C10" s="149">
        <v>639</v>
      </c>
      <c r="D10" s="150">
        <v>1177</v>
      </c>
      <c r="E10" s="141">
        <v>0</v>
      </c>
      <c r="F10" s="149">
        <v>1975</v>
      </c>
      <c r="G10" s="149">
        <v>2046</v>
      </c>
      <c r="H10" s="149">
        <v>1232</v>
      </c>
      <c r="I10" s="149">
        <v>832</v>
      </c>
      <c r="J10" s="149">
        <v>534</v>
      </c>
      <c r="K10" s="150">
        <v>6619</v>
      </c>
      <c r="L10" s="151">
        <v>7796</v>
      </c>
      <c r="M10" s="152">
        <v>5</v>
      </c>
      <c r="N10" s="149">
        <v>24</v>
      </c>
      <c r="O10" s="150">
        <v>29</v>
      </c>
      <c r="P10" s="141">
        <v>0</v>
      </c>
      <c r="Q10" s="149">
        <v>37</v>
      </c>
      <c r="R10" s="149">
        <v>61</v>
      </c>
      <c r="S10" s="149">
        <v>28</v>
      </c>
      <c r="T10" s="149">
        <v>24</v>
      </c>
      <c r="U10" s="149">
        <v>22</v>
      </c>
      <c r="V10" s="150">
        <v>172</v>
      </c>
      <c r="W10" s="151">
        <v>201</v>
      </c>
      <c r="X10" s="148">
        <v>543</v>
      </c>
      <c r="Y10" s="149">
        <v>663</v>
      </c>
      <c r="Z10" s="150">
        <v>1206</v>
      </c>
      <c r="AA10" s="141">
        <v>0</v>
      </c>
      <c r="AB10" s="149">
        <v>2012</v>
      </c>
      <c r="AC10" s="149">
        <v>2107</v>
      </c>
      <c r="AD10" s="149">
        <v>1260</v>
      </c>
      <c r="AE10" s="149">
        <v>856</v>
      </c>
      <c r="AF10" s="149">
        <v>556</v>
      </c>
      <c r="AG10" s="150">
        <v>6791</v>
      </c>
      <c r="AH10" s="151">
        <v>7997</v>
      </c>
    </row>
    <row r="11" spans="1:34" ht="19.5" customHeight="1" x14ac:dyDescent="0.2">
      <c r="A11" s="47" t="s">
        <v>9</v>
      </c>
      <c r="B11" s="148">
        <v>466</v>
      </c>
      <c r="C11" s="149">
        <v>576</v>
      </c>
      <c r="D11" s="150">
        <v>1042</v>
      </c>
      <c r="E11" s="141">
        <v>0</v>
      </c>
      <c r="F11" s="149">
        <v>1875</v>
      </c>
      <c r="G11" s="149">
        <v>1486</v>
      </c>
      <c r="H11" s="149">
        <v>1028</v>
      </c>
      <c r="I11" s="149">
        <v>829</v>
      </c>
      <c r="J11" s="149">
        <v>543</v>
      </c>
      <c r="K11" s="150">
        <v>5761</v>
      </c>
      <c r="L11" s="151">
        <v>6803</v>
      </c>
      <c r="M11" s="152">
        <v>1</v>
      </c>
      <c r="N11" s="149">
        <v>9</v>
      </c>
      <c r="O11" s="150">
        <v>10</v>
      </c>
      <c r="P11" s="141">
        <v>0</v>
      </c>
      <c r="Q11" s="149">
        <v>25</v>
      </c>
      <c r="R11" s="149">
        <v>31</v>
      </c>
      <c r="S11" s="149">
        <v>19</v>
      </c>
      <c r="T11" s="149">
        <v>19</v>
      </c>
      <c r="U11" s="149">
        <v>13</v>
      </c>
      <c r="V11" s="150">
        <v>107</v>
      </c>
      <c r="W11" s="151">
        <v>117</v>
      </c>
      <c r="X11" s="148">
        <v>467</v>
      </c>
      <c r="Y11" s="149">
        <v>585</v>
      </c>
      <c r="Z11" s="150">
        <v>1052</v>
      </c>
      <c r="AA11" s="141">
        <v>0</v>
      </c>
      <c r="AB11" s="149">
        <v>1900</v>
      </c>
      <c r="AC11" s="149">
        <v>1517</v>
      </c>
      <c r="AD11" s="149">
        <v>1047</v>
      </c>
      <c r="AE11" s="149">
        <v>848</v>
      </c>
      <c r="AF11" s="149">
        <v>556</v>
      </c>
      <c r="AG11" s="150">
        <v>5868</v>
      </c>
      <c r="AH11" s="151">
        <v>6920</v>
      </c>
    </row>
    <row r="12" spans="1:34" ht="19.5" customHeight="1" x14ac:dyDescent="0.2">
      <c r="A12" s="47" t="s">
        <v>10</v>
      </c>
      <c r="B12" s="148">
        <v>1277</v>
      </c>
      <c r="C12" s="149">
        <v>1632</v>
      </c>
      <c r="D12" s="150">
        <v>2909</v>
      </c>
      <c r="E12" s="141">
        <v>0</v>
      </c>
      <c r="F12" s="149">
        <v>3865</v>
      </c>
      <c r="G12" s="149">
        <v>2295</v>
      </c>
      <c r="H12" s="149">
        <v>1439</v>
      </c>
      <c r="I12" s="149">
        <v>1127</v>
      </c>
      <c r="J12" s="149">
        <v>821</v>
      </c>
      <c r="K12" s="150">
        <v>9547</v>
      </c>
      <c r="L12" s="151">
        <v>12456</v>
      </c>
      <c r="M12" s="152">
        <v>17</v>
      </c>
      <c r="N12" s="149">
        <v>46</v>
      </c>
      <c r="O12" s="150">
        <v>63</v>
      </c>
      <c r="P12" s="141">
        <v>0</v>
      </c>
      <c r="Q12" s="149">
        <v>89</v>
      </c>
      <c r="R12" s="149">
        <v>70</v>
      </c>
      <c r="S12" s="149">
        <v>52</v>
      </c>
      <c r="T12" s="149">
        <v>26</v>
      </c>
      <c r="U12" s="149">
        <v>31</v>
      </c>
      <c r="V12" s="150">
        <v>268</v>
      </c>
      <c r="W12" s="151">
        <v>331</v>
      </c>
      <c r="X12" s="148">
        <v>1294</v>
      </c>
      <c r="Y12" s="149">
        <v>1678</v>
      </c>
      <c r="Z12" s="150">
        <v>2972</v>
      </c>
      <c r="AA12" s="141">
        <v>0</v>
      </c>
      <c r="AB12" s="149">
        <v>3954</v>
      </c>
      <c r="AC12" s="149">
        <v>2365</v>
      </c>
      <c r="AD12" s="149">
        <v>1491</v>
      </c>
      <c r="AE12" s="149">
        <v>1153</v>
      </c>
      <c r="AF12" s="149">
        <v>852</v>
      </c>
      <c r="AG12" s="150">
        <v>9815</v>
      </c>
      <c r="AH12" s="151">
        <v>12787</v>
      </c>
    </row>
    <row r="13" spans="1:34" ht="19.5" customHeight="1" x14ac:dyDescent="0.2">
      <c r="A13" s="47" t="s">
        <v>11</v>
      </c>
      <c r="B13" s="148">
        <v>544</v>
      </c>
      <c r="C13" s="149">
        <v>578</v>
      </c>
      <c r="D13" s="150">
        <v>1122</v>
      </c>
      <c r="E13" s="141">
        <v>0</v>
      </c>
      <c r="F13" s="149">
        <v>2208</v>
      </c>
      <c r="G13" s="149">
        <v>1282</v>
      </c>
      <c r="H13" s="149">
        <v>867</v>
      </c>
      <c r="I13" s="149">
        <v>686</v>
      </c>
      <c r="J13" s="149">
        <v>393</v>
      </c>
      <c r="K13" s="150">
        <v>5436</v>
      </c>
      <c r="L13" s="151">
        <v>6558</v>
      </c>
      <c r="M13" s="152">
        <v>4</v>
      </c>
      <c r="N13" s="149">
        <v>8</v>
      </c>
      <c r="O13" s="150">
        <v>12</v>
      </c>
      <c r="P13" s="141">
        <v>0</v>
      </c>
      <c r="Q13" s="149">
        <v>36</v>
      </c>
      <c r="R13" s="149">
        <v>29</v>
      </c>
      <c r="S13" s="149">
        <v>15</v>
      </c>
      <c r="T13" s="149">
        <v>16</v>
      </c>
      <c r="U13" s="149">
        <v>14</v>
      </c>
      <c r="V13" s="150">
        <v>110</v>
      </c>
      <c r="W13" s="151">
        <v>122</v>
      </c>
      <c r="X13" s="148">
        <v>548</v>
      </c>
      <c r="Y13" s="149">
        <v>586</v>
      </c>
      <c r="Z13" s="150">
        <v>1134</v>
      </c>
      <c r="AA13" s="141">
        <v>0</v>
      </c>
      <c r="AB13" s="149">
        <v>2244</v>
      </c>
      <c r="AC13" s="149">
        <v>1311</v>
      </c>
      <c r="AD13" s="149">
        <v>882</v>
      </c>
      <c r="AE13" s="149">
        <v>702</v>
      </c>
      <c r="AF13" s="149">
        <v>407</v>
      </c>
      <c r="AG13" s="150">
        <v>5546</v>
      </c>
      <c r="AH13" s="151">
        <v>6680</v>
      </c>
    </row>
    <row r="14" spans="1:34" ht="19.5" customHeight="1" x14ac:dyDescent="0.2">
      <c r="A14" s="47" t="s">
        <v>12</v>
      </c>
      <c r="B14" s="148">
        <v>729</v>
      </c>
      <c r="C14" s="149">
        <v>979</v>
      </c>
      <c r="D14" s="150">
        <v>1708</v>
      </c>
      <c r="E14" s="141">
        <v>0</v>
      </c>
      <c r="F14" s="149">
        <v>1607</v>
      </c>
      <c r="G14" s="149">
        <v>1341</v>
      </c>
      <c r="H14" s="149">
        <v>923</v>
      </c>
      <c r="I14" s="149">
        <v>787</v>
      </c>
      <c r="J14" s="149">
        <v>471</v>
      </c>
      <c r="K14" s="150">
        <v>5129</v>
      </c>
      <c r="L14" s="151">
        <v>6837</v>
      </c>
      <c r="M14" s="152">
        <v>10</v>
      </c>
      <c r="N14" s="149">
        <v>27</v>
      </c>
      <c r="O14" s="150">
        <v>37</v>
      </c>
      <c r="P14" s="141">
        <v>0</v>
      </c>
      <c r="Q14" s="149">
        <v>21</v>
      </c>
      <c r="R14" s="149">
        <v>31</v>
      </c>
      <c r="S14" s="149">
        <v>17</v>
      </c>
      <c r="T14" s="149">
        <v>22</v>
      </c>
      <c r="U14" s="149">
        <v>15</v>
      </c>
      <c r="V14" s="150">
        <v>106</v>
      </c>
      <c r="W14" s="151">
        <v>143</v>
      </c>
      <c r="X14" s="148">
        <v>739</v>
      </c>
      <c r="Y14" s="149">
        <v>1006</v>
      </c>
      <c r="Z14" s="150">
        <v>1745</v>
      </c>
      <c r="AA14" s="141">
        <v>0</v>
      </c>
      <c r="AB14" s="149">
        <v>1628</v>
      </c>
      <c r="AC14" s="149">
        <v>1372</v>
      </c>
      <c r="AD14" s="149">
        <v>940</v>
      </c>
      <c r="AE14" s="149">
        <v>809</v>
      </c>
      <c r="AF14" s="149">
        <v>486</v>
      </c>
      <c r="AG14" s="150">
        <v>5235</v>
      </c>
      <c r="AH14" s="151">
        <v>6980</v>
      </c>
    </row>
    <row r="15" spans="1:34" ht="19.5" customHeight="1" x14ac:dyDescent="0.2">
      <c r="A15" s="47" t="s">
        <v>13</v>
      </c>
      <c r="B15" s="148">
        <v>118</v>
      </c>
      <c r="C15" s="149">
        <v>226</v>
      </c>
      <c r="D15" s="150">
        <v>344</v>
      </c>
      <c r="E15" s="141">
        <v>0</v>
      </c>
      <c r="F15" s="149">
        <v>614</v>
      </c>
      <c r="G15" s="149">
        <v>637</v>
      </c>
      <c r="H15" s="149">
        <v>391</v>
      </c>
      <c r="I15" s="149">
        <v>304</v>
      </c>
      <c r="J15" s="149">
        <v>213</v>
      </c>
      <c r="K15" s="150">
        <v>2159</v>
      </c>
      <c r="L15" s="151">
        <v>2503</v>
      </c>
      <c r="M15" s="152">
        <v>0</v>
      </c>
      <c r="N15" s="149">
        <v>1</v>
      </c>
      <c r="O15" s="150">
        <v>1</v>
      </c>
      <c r="P15" s="141">
        <v>0</v>
      </c>
      <c r="Q15" s="149">
        <v>12</v>
      </c>
      <c r="R15" s="149">
        <v>15</v>
      </c>
      <c r="S15" s="149">
        <v>7</v>
      </c>
      <c r="T15" s="149">
        <v>6</v>
      </c>
      <c r="U15" s="149">
        <v>9</v>
      </c>
      <c r="V15" s="150">
        <v>49</v>
      </c>
      <c r="W15" s="151">
        <v>50</v>
      </c>
      <c r="X15" s="148">
        <v>118</v>
      </c>
      <c r="Y15" s="149">
        <v>227</v>
      </c>
      <c r="Z15" s="150">
        <v>345</v>
      </c>
      <c r="AA15" s="141">
        <v>0</v>
      </c>
      <c r="AB15" s="149">
        <v>626</v>
      </c>
      <c r="AC15" s="149">
        <v>652</v>
      </c>
      <c r="AD15" s="149">
        <v>398</v>
      </c>
      <c r="AE15" s="149">
        <v>310</v>
      </c>
      <c r="AF15" s="149">
        <v>222</v>
      </c>
      <c r="AG15" s="150">
        <v>2208</v>
      </c>
      <c r="AH15" s="151">
        <v>2553</v>
      </c>
    </row>
    <row r="16" spans="1:34" ht="19.5" customHeight="1" x14ac:dyDescent="0.2">
      <c r="A16" s="47" t="s">
        <v>15</v>
      </c>
      <c r="B16" s="148">
        <v>82</v>
      </c>
      <c r="C16" s="149">
        <v>167</v>
      </c>
      <c r="D16" s="150">
        <v>249</v>
      </c>
      <c r="E16" s="141">
        <v>0</v>
      </c>
      <c r="F16" s="149">
        <v>478</v>
      </c>
      <c r="G16" s="149">
        <v>540</v>
      </c>
      <c r="H16" s="149">
        <v>294</v>
      </c>
      <c r="I16" s="149">
        <v>203</v>
      </c>
      <c r="J16" s="149">
        <v>110</v>
      </c>
      <c r="K16" s="150">
        <v>1625</v>
      </c>
      <c r="L16" s="151">
        <v>1874</v>
      </c>
      <c r="M16" s="152">
        <v>0</v>
      </c>
      <c r="N16" s="149">
        <v>5</v>
      </c>
      <c r="O16" s="150">
        <v>5</v>
      </c>
      <c r="P16" s="141">
        <v>0</v>
      </c>
      <c r="Q16" s="149">
        <v>5</v>
      </c>
      <c r="R16" s="149">
        <v>15</v>
      </c>
      <c r="S16" s="149">
        <v>3</v>
      </c>
      <c r="T16" s="149">
        <v>4</v>
      </c>
      <c r="U16" s="149">
        <v>7</v>
      </c>
      <c r="V16" s="150">
        <v>34</v>
      </c>
      <c r="W16" s="151">
        <v>39</v>
      </c>
      <c r="X16" s="148">
        <v>82</v>
      </c>
      <c r="Y16" s="149">
        <v>172</v>
      </c>
      <c r="Z16" s="150">
        <v>254</v>
      </c>
      <c r="AA16" s="141">
        <v>0</v>
      </c>
      <c r="AB16" s="149">
        <v>483</v>
      </c>
      <c r="AC16" s="149">
        <v>555</v>
      </c>
      <c r="AD16" s="149">
        <v>297</v>
      </c>
      <c r="AE16" s="149">
        <v>207</v>
      </c>
      <c r="AF16" s="149">
        <v>117</v>
      </c>
      <c r="AG16" s="150">
        <v>1659</v>
      </c>
      <c r="AH16" s="151">
        <v>1913</v>
      </c>
    </row>
    <row r="17" spans="1:34" ht="19.5" customHeight="1" x14ac:dyDescent="0.2">
      <c r="A17" s="47" t="s">
        <v>16</v>
      </c>
      <c r="B17" s="148">
        <v>256</v>
      </c>
      <c r="C17" s="149">
        <v>385</v>
      </c>
      <c r="D17" s="150">
        <v>641</v>
      </c>
      <c r="E17" s="141">
        <v>0</v>
      </c>
      <c r="F17" s="149">
        <v>1005</v>
      </c>
      <c r="G17" s="149">
        <v>1273</v>
      </c>
      <c r="H17" s="149">
        <v>714</v>
      </c>
      <c r="I17" s="149">
        <v>515</v>
      </c>
      <c r="J17" s="149">
        <v>321</v>
      </c>
      <c r="K17" s="150">
        <v>3828</v>
      </c>
      <c r="L17" s="151">
        <v>4469</v>
      </c>
      <c r="M17" s="152">
        <v>3</v>
      </c>
      <c r="N17" s="149">
        <v>11</v>
      </c>
      <c r="O17" s="150">
        <v>14</v>
      </c>
      <c r="P17" s="141">
        <v>0</v>
      </c>
      <c r="Q17" s="149">
        <v>12</v>
      </c>
      <c r="R17" s="149">
        <v>37</v>
      </c>
      <c r="S17" s="149">
        <v>19</v>
      </c>
      <c r="T17" s="149">
        <v>14</v>
      </c>
      <c r="U17" s="149">
        <v>11</v>
      </c>
      <c r="V17" s="150">
        <v>93</v>
      </c>
      <c r="W17" s="151">
        <v>107</v>
      </c>
      <c r="X17" s="148">
        <v>259</v>
      </c>
      <c r="Y17" s="149">
        <v>396</v>
      </c>
      <c r="Z17" s="150">
        <v>655</v>
      </c>
      <c r="AA17" s="141">
        <v>0</v>
      </c>
      <c r="AB17" s="149">
        <v>1017</v>
      </c>
      <c r="AC17" s="149">
        <v>1310</v>
      </c>
      <c r="AD17" s="149">
        <v>733</v>
      </c>
      <c r="AE17" s="149">
        <v>529</v>
      </c>
      <c r="AF17" s="149">
        <v>332</v>
      </c>
      <c r="AG17" s="150">
        <v>3921</v>
      </c>
      <c r="AH17" s="151">
        <v>4576</v>
      </c>
    </row>
    <row r="18" spans="1:34" ht="19.5" customHeight="1" x14ac:dyDescent="0.2">
      <c r="A18" s="47" t="s">
        <v>17</v>
      </c>
      <c r="B18" s="148">
        <v>290</v>
      </c>
      <c r="C18" s="149">
        <v>586</v>
      </c>
      <c r="D18" s="150">
        <v>876</v>
      </c>
      <c r="E18" s="141">
        <v>0</v>
      </c>
      <c r="F18" s="149">
        <v>1106</v>
      </c>
      <c r="G18" s="149">
        <v>1561</v>
      </c>
      <c r="H18" s="149">
        <v>916</v>
      </c>
      <c r="I18" s="149">
        <v>692</v>
      </c>
      <c r="J18" s="149">
        <v>411</v>
      </c>
      <c r="K18" s="150">
        <v>4686</v>
      </c>
      <c r="L18" s="151">
        <v>5562</v>
      </c>
      <c r="M18" s="152">
        <v>4</v>
      </c>
      <c r="N18" s="149">
        <v>31</v>
      </c>
      <c r="O18" s="150">
        <v>35</v>
      </c>
      <c r="P18" s="141">
        <v>0</v>
      </c>
      <c r="Q18" s="149">
        <v>15</v>
      </c>
      <c r="R18" s="149">
        <v>57</v>
      </c>
      <c r="S18" s="149">
        <v>38</v>
      </c>
      <c r="T18" s="149">
        <v>28</v>
      </c>
      <c r="U18" s="149">
        <v>17</v>
      </c>
      <c r="V18" s="150">
        <v>155</v>
      </c>
      <c r="W18" s="151">
        <v>190</v>
      </c>
      <c r="X18" s="148">
        <v>294</v>
      </c>
      <c r="Y18" s="149">
        <v>617</v>
      </c>
      <c r="Z18" s="150">
        <v>911</v>
      </c>
      <c r="AA18" s="141">
        <v>0</v>
      </c>
      <c r="AB18" s="149">
        <v>1121</v>
      </c>
      <c r="AC18" s="149">
        <v>1618</v>
      </c>
      <c r="AD18" s="149">
        <v>954</v>
      </c>
      <c r="AE18" s="149">
        <v>720</v>
      </c>
      <c r="AF18" s="149">
        <v>428</v>
      </c>
      <c r="AG18" s="150">
        <v>4841</v>
      </c>
      <c r="AH18" s="151">
        <v>5752</v>
      </c>
    </row>
    <row r="19" spans="1:34" ht="19.5" customHeight="1" x14ac:dyDescent="0.2">
      <c r="A19" s="47" t="s">
        <v>18</v>
      </c>
      <c r="B19" s="148">
        <v>314</v>
      </c>
      <c r="C19" s="149">
        <v>651</v>
      </c>
      <c r="D19" s="150">
        <v>965</v>
      </c>
      <c r="E19" s="141">
        <v>0</v>
      </c>
      <c r="F19" s="149">
        <v>1766</v>
      </c>
      <c r="G19" s="149">
        <v>1665</v>
      </c>
      <c r="H19" s="149">
        <v>947</v>
      </c>
      <c r="I19" s="149">
        <v>688</v>
      </c>
      <c r="J19" s="149">
        <v>413</v>
      </c>
      <c r="K19" s="150">
        <v>5479</v>
      </c>
      <c r="L19" s="151">
        <v>6444</v>
      </c>
      <c r="M19" s="152">
        <v>11</v>
      </c>
      <c r="N19" s="149">
        <v>18</v>
      </c>
      <c r="O19" s="150">
        <v>29</v>
      </c>
      <c r="P19" s="141">
        <v>0</v>
      </c>
      <c r="Q19" s="149">
        <v>42</v>
      </c>
      <c r="R19" s="149">
        <v>55</v>
      </c>
      <c r="S19" s="149">
        <v>40</v>
      </c>
      <c r="T19" s="149">
        <v>22</v>
      </c>
      <c r="U19" s="149">
        <v>22</v>
      </c>
      <c r="V19" s="150">
        <v>181</v>
      </c>
      <c r="W19" s="151">
        <v>210</v>
      </c>
      <c r="X19" s="148">
        <v>325</v>
      </c>
      <c r="Y19" s="149">
        <v>669</v>
      </c>
      <c r="Z19" s="150">
        <v>994</v>
      </c>
      <c r="AA19" s="141">
        <v>0</v>
      </c>
      <c r="AB19" s="149">
        <v>1808</v>
      </c>
      <c r="AC19" s="149">
        <v>1720</v>
      </c>
      <c r="AD19" s="149">
        <v>987</v>
      </c>
      <c r="AE19" s="149">
        <v>710</v>
      </c>
      <c r="AF19" s="149">
        <v>435</v>
      </c>
      <c r="AG19" s="150">
        <v>5660</v>
      </c>
      <c r="AH19" s="151">
        <v>6654</v>
      </c>
    </row>
    <row r="20" spans="1:34" ht="19.5" customHeight="1" x14ac:dyDescent="0.2">
      <c r="A20" s="47" t="s">
        <v>19</v>
      </c>
      <c r="B20" s="148">
        <v>157</v>
      </c>
      <c r="C20" s="149">
        <v>300</v>
      </c>
      <c r="D20" s="150">
        <v>457</v>
      </c>
      <c r="E20" s="141">
        <v>0</v>
      </c>
      <c r="F20" s="149">
        <v>772</v>
      </c>
      <c r="G20" s="149">
        <v>696</v>
      </c>
      <c r="H20" s="149">
        <v>416</v>
      </c>
      <c r="I20" s="149">
        <v>270</v>
      </c>
      <c r="J20" s="149">
        <v>183</v>
      </c>
      <c r="K20" s="150">
        <v>2337</v>
      </c>
      <c r="L20" s="151">
        <v>2794</v>
      </c>
      <c r="M20" s="152">
        <v>2</v>
      </c>
      <c r="N20" s="149">
        <v>9</v>
      </c>
      <c r="O20" s="150">
        <v>11</v>
      </c>
      <c r="P20" s="141">
        <v>0</v>
      </c>
      <c r="Q20" s="149">
        <v>16</v>
      </c>
      <c r="R20" s="149">
        <v>16</v>
      </c>
      <c r="S20" s="149">
        <v>15</v>
      </c>
      <c r="T20" s="149">
        <v>12</v>
      </c>
      <c r="U20" s="149">
        <v>7</v>
      </c>
      <c r="V20" s="150">
        <v>66</v>
      </c>
      <c r="W20" s="151">
        <v>77</v>
      </c>
      <c r="X20" s="148">
        <v>159</v>
      </c>
      <c r="Y20" s="149">
        <v>309</v>
      </c>
      <c r="Z20" s="150">
        <v>468</v>
      </c>
      <c r="AA20" s="141">
        <v>0</v>
      </c>
      <c r="AB20" s="149">
        <v>788</v>
      </c>
      <c r="AC20" s="149">
        <v>712</v>
      </c>
      <c r="AD20" s="149">
        <v>431</v>
      </c>
      <c r="AE20" s="149">
        <v>282</v>
      </c>
      <c r="AF20" s="149">
        <v>190</v>
      </c>
      <c r="AG20" s="150">
        <v>2403</v>
      </c>
      <c r="AH20" s="151">
        <v>2871</v>
      </c>
    </row>
    <row r="21" spans="1:34" ht="19.5" customHeight="1" x14ac:dyDescent="0.2">
      <c r="A21" s="47" t="s">
        <v>20</v>
      </c>
      <c r="B21" s="148">
        <v>206</v>
      </c>
      <c r="C21" s="149">
        <v>445</v>
      </c>
      <c r="D21" s="150">
        <v>651</v>
      </c>
      <c r="E21" s="141">
        <v>0</v>
      </c>
      <c r="F21" s="149">
        <v>1084</v>
      </c>
      <c r="G21" s="149">
        <v>662</v>
      </c>
      <c r="H21" s="149">
        <v>434</v>
      </c>
      <c r="I21" s="149">
        <v>336</v>
      </c>
      <c r="J21" s="149">
        <v>153</v>
      </c>
      <c r="K21" s="150">
        <v>2669</v>
      </c>
      <c r="L21" s="151">
        <v>3320</v>
      </c>
      <c r="M21" s="152">
        <v>0</v>
      </c>
      <c r="N21" s="149">
        <v>20</v>
      </c>
      <c r="O21" s="150">
        <v>20</v>
      </c>
      <c r="P21" s="141">
        <v>0</v>
      </c>
      <c r="Q21" s="149">
        <v>33</v>
      </c>
      <c r="R21" s="149">
        <v>14</v>
      </c>
      <c r="S21" s="149">
        <v>15</v>
      </c>
      <c r="T21" s="149">
        <v>15</v>
      </c>
      <c r="U21" s="149">
        <v>7</v>
      </c>
      <c r="V21" s="150">
        <v>84</v>
      </c>
      <c r="W21" s="151">
        <v>104</v>
      </c>
      <c r="X21" s="148">
        <v>206</v>
      </c>
      <c r="Y21" s="149">
        <v>465</v>
      </c>
      <c r="Z21" s="150">
        <v>671</v>
      </c>
      <c r="AA21" s="141">
        <v>0</v>
      </c>
      <c r="AB21" s="149">
        <v>1117</v>
      </c>
      <c r="AC21" s="149">
        <v>676</v>
      </c>
      <c r="AD21" s="149">
        <v>449</v>
      </c>
      <c r="AE21" s="149">
        <v>351</v>
      </c>
      <c r="AF21" s="149">
        <v>160</v>
      </c>
      <c r="AG21" s="150">
        <v>2753</v>
      </c>
      <c r="AH21" s="151">
        <v>3424</v>
      </c>
    </row>
    <row r="22" spans="1:34" ht="19.5" customHeight="1" x14ac:dyDescent="0.2">
      <c r="A22" s="47" t="s">
        <v>21</v>
      </c>
      <c r="B22" s="148">
        <v>269</v>
      </c>
      <c r="C22" s="149">
        <v>451</v>
      </c>
      <c r="D22" s="150">
        <v>720</v>
      </c>
      <c r="E22" s="141">
        <v>0</v>
      </c>
      <c r="F22" s="149">
        <v>925</v>
      </c>
      <c r="G22" s="149">
        <v>1074</v>
      </c>
      <c r="H22" s="149">
        <v>578</v>
      </c>
      <c r="I22" s="149">
        <v>416</v>
      </c>
      <c r="J22" s="149">
        <v>260</v>
      </c>
      <c r="K22" s="150">
        <v>3253</v>
      </c>
      <c r="L22" s="151">
        <v>3973</v>
      </c>
      <c r="M22" s="152">
        <v>4</v>
      </c>
      <c r="N22" s="149">
        <v>15</v>
      </c>
      <c r="O22" s="150">
        <v>19</v>
      </c>
      <c r="P22" s="141">
        <v>0</v>
      </c>
      <c r="Q22" s="149">
        <v>15</v>
      </c>
      <c r="R22" s="149">
        <v>35</v>
      </c>
      <c r="S22" s="149">
        <v>6</v>
      </c>
      <c r="T22" s="149">
        <v>12</v>
      </c>
      <c r="U22" s="149">
        <v>9</v>
      </c>
      <c r="V22" s="150">
        <v>77</v>
      </c>
      <c r="W22" s="151">
        <v>96</v>
      </c>
      <c r="X22" s="148">
        <v>273</v>
      </c>
      <c r="Y22" s="149">
        <v>466</v>
      </c>
      <c r="Z22" s="150">
        <v>739</v>
      </c>
      <c r="AA22" s="141">
        <v>0</v>
      </c>
      <c r="AB22" s="149">
        <v>940</v>
      </c>
      <c r="AC22" s="149">
        <v>1109</v>
      </c>
      <c r="AD22" s="149">
        <v>584</v>
      </c>
      <c r="AE22" s="149">
        <v>428</v>
      </c>
      <c r="AF22" s="149">
        <v>269</v>
      </c>
      <c r="AG22" s="150">
        <v>3330</v>
      </c>
      <c r="AH22" s="151">
        <v>4069</v>
      </c>
    </row>
    <row r="23" spans="1:34" ht="19.5" customHeight="1" x14ac:dyDescent="0.2">
      <c r="A23" s="47" t="s">
        <v>22</v>
      </c>
      <c r="B23" s="148">
        <v>58</v>
      </c>
      <c r="C23" s="149">
        <v>159</v>
      </c>
      <c r="D23" s="150">
        <v>217</v>
      </c>
      <c r="E23" s="141">
        <v>0</v>
      </c>
      <c r="F23" s="149">
        <v>417</v>
      </c>
      <c r="G23" s="149">
        <v>375</v>
      </c>
      <c r="H23" s="149">
        <v>167</v>
      </c>
      <c r="I23" s="149">
        <v>126</v>
      </c>
      <c r="J23" s="149">
        <v>86</v>
      </c>
      <c r="K23" s="150">
        <v>1171</v>
      </c>
      <c r="L23" s="151">
        <v>1388</v>
      </c>
      <c r="M23" s="152">
        <v>0</v>
      </c>
      <c r="N23" s="149">
        <v>3</v>
      </c>
      <c r="O23" s="150">
        <v>3</v>
      </c>
      <c r="P23" s="141">
        <v>0</v>
      </c>
      <c r="Q23" s="149">
        <v>13</v>
      </c>
      <c r="R23" s="149">
        <v>6</v>
      </c>
      <c r="S23" s="149">
        <v>4</v>
      </c>
      <c r="T23" s="149">
        <v>4</v>
      </c>
      <c r="U23" s="149">
        <v>1</v>
      </c>
      <c r="V23" s="150">
        <v>28</v>
      </c>
      <c r="W23" s="151">
        <v>31</v>
      </c>
      <c r="X23" s="148">
        <v>58</v>
      </c>
      <c r="Y23" s="149">
        <v>162</v>
      </c>
      <c r="Z23" s="150">
        <v>220</v>
      </c>
      <c r="AA23" s="141">
        <v>0</v>
      </c>
      <c r="AB23" s="149">
        <v>430</v>
      </c>
      <c r="AC23" s="149">
        <v>381</v>
      </c>
      <c r="AD23" s="149">
        <v>171</v>
      </c>
      <c r="AE23" s="149">
        <v>130</v>
      </c>
      <c r="AF23" s="149">
        <v>87</v>
      </c>
      <c r="AG23" s="150">
        <v>1199</v>
      </c>
      <c r="AH23" s="151">
        <v>1419</v>
      </c>
    </row>
    <row r="24" spans="1:34" ht="19.5" customHeight="1" x14ac:dyDescent="0.2">
      <c r="A24" s="47" t="s">
        <v>23</v>
      </c>
      <c r="B24" s="148">
        <v>120</v>
      </c>
      <c r="C24" s="149">
        <v>223</v>
      </c>
      <c r="D24" s="150">
        <v>343</v>
      </c>
      <c r="E24" s="141">
        <v>0</v>
      </c>
      <c r="F24" s="149">
        <v>659</v>
      </c>
      <c r="G24" s="149">
        <v>552</v>
      </c>
      <c r="H24" s="149">
        <v>295</v>
      </c>
      <c r="I24" s="149">
        <v>245</v>
      </c>
      <c r="J24" s="149">
        <v>131</v>
      </c>
      <c r="K24" s="150">
        <v>1882</v>
      </c>
      <c r="L24" s="151">
        <v>2225</v>
      </c>
      <c r="M24" s="152">
        <v>6</v>
      </c>
      <c r="N24" s="149">
        <v>14</v>
      </c>
      <c r="O24" s="150">
        <v>20</v>
      </c>
      <c r="P24" s="141">
        <v>0</v>
      </c>
      <c r="Q24" s="149">
        <v>7</v>
      </c>
      <c r="R24" s="149">
        <v>13</v>
      </c>
      <c r="S24" s="149">
        <v>7</v>
      </c>
      <c r="T24" s="149">
        <v>8</v>
      </c>
      <c r="U24" s="149">
        <v>5</v>
      </c>
      <c r="V24" s="150">
        <v>40</v>
      </c>
      <c r="W24" s="151">
        <v>60</v>
      </c>
      <c r="X24" s="148">
        <v>126</v>
      </c>
      <c r="Y24" s="149">
        <v>237</v>
      </c>
      <c r="Z24" s="150">
        <v>363</v>
      </c>
      <c r="AA24" s="141">
        <v>0</v>
      </c>
      <c r="AB24" s="149">
        <v>666</v>
      </c>
      <c r="AC24" s="149">
        <v>565</v>
      </c>
      <c r="AD24" s="149">
        <v>302</v>
      </c>
      <c r="AE24" s="149">
        <v>253</v>
      </c>
      <c r="AF24" s="149">
        <v>136</v>
      </c>
      <c r="AG24" s="150">
        <v>1922</v>
      </c>
      <c r="AH24" s="151">
        <v>2285</v>
      </c>
    </row>
    <row r="25" spans="1:34" ht="19.5" customHeight="1" x14ac:dyDescent="0.2">
      <c r="A25" s="47" t="s">
        <v>24</v>
      </c>
      <c r="B25" s="148">
        <v>113</v>
      </c>
      <c r="C25" s="149">
        <v>90</v>
      </c>
      <c r="D25" s="150">
        <v>203</v>
      </c>
      <c r="E25" s="141">
        <v>0</v>
      </c>
      <c r="F25" s="149">
        <v>350</v>
      </c>
      <c r="G25" s="149">
        <v>231</v>
      </c>
      <c r="H25" s="149">
        <v>162</v>
      </c>
      <c r="I25" s="149">
        <v>112</v>
      </c>
      <c r="J25" s="149">
        <v>85</v>
      </c>
      <c r="K25" s="150">
        <v>940</v>
      </c>
      <c r="L25" s="151">
        <v>1143</v>
      </c>
      <c r="M25" s="152">
        <v>2</v>
      </c>
      <c r="N25" s="149">
        <v>4</v>
      </c>
      <c r="O25" s="150">
        <v>6</v>
      </c>
      <c r="P25" s="141">
        <v>0</v>
      </c>
      <c r="Q25" s="149">
        <v>4</v>
      </c>
      <c r="R25" s="149">
        <v>8</v>
      </c>
      <c r="S25" s="149">
        <v>0</v>
      </c>
      <c r="T25" s="149">
        <v>1</v>
      </c>
      <c r="U25" s="149">
        <v>2</v>
      </c>
      <c r="V25" s="150">
        <v>15</v>
      </c>
      <c r="W25" s="151">
        <v>21</v>
      </c>
      <c r="X25" s="148">
        <v>115</v>
      </c>
      <c r="Y25" s="149">
        <v>94</v>
      </c>
      <c r="Z25" s="150">
        <v>209</v>
      </c>
      <c r="AA25" s="141">
        <v>0</v>
      </c>
      <c r="AB25" s="149">
        <v>354</v>
      </c>
      <c r="AC25" s="149">
        <v>239</v>
      </c>
      <c r="AD25" s="149">
        <v>162</v>
      </c>
      <c r="AE25" s="149">
        <v>113</v>
      </c>
      <c r="AF25" s="149">
        <v>87</v>
      </c>
      <c r="AG25" s="150">
        <v>955</v>
      </c>
      <c r="AH25" s="151">
        <v>1164</v>
      </c>
    </row>
    <row r="26" spans="1:34" ht="19.5" customHeight="1" x14ac:dyDescent="0.2">
      <c r="A26" s="47" t="s">
        <v>25</v>
      </c>
      <c r="B26" s="148">
        <v>78</v>
      </c>
      <c r="C26" s="149">
        <v>131</v>
      </c>
      <c r="D26" s="150">
        <v>209</v>
      </c>
      <c r="E26" s="141">
        <v>0</v>
      </c>
      <c r="F26" s="149">
        <v>368</v>
      </c>
      <c r="G26" s="149">
        <v>253</v>
      </c>
      <c r="H26" s="149">
        <v>138</v>
      </c>
      <c r="I26" s="149">
        <v>140</v>
      </c>
      <c r="J26" s="149">
        <v>77</v>
      </c>
      <c r="K26" s="150">
        <v>976</v>
      </c>
      <c r="L26" s="151">
        <v>1185</v>
      </c>
      <c r="M26" s="152">
        <v>1</v>
      </c>
      <c r="N26" s="149">
        <v>5</v>
      </c>
      <c r="O26" s="150">
        <v>6</v>
      </c>
      <c r="P26" s="141">
        <v>0</v>
      </c>
      <c r="Q26" s="149">
        <v>9</v>
      </c>
      <c r="R26" s="149">
        <v>8</v>
      </c>
      <c r="S26" s="149">
        <v>3</v>
      </c>
      <c r="T26" s="149">
        <v>4</v>
      </c>
      <c r="U26" s="149">
        <v>4</v>
      </c>
      <c r="V26" s="150">
        <v>28</v>
      </c>
      <c r="W26" s="151">
        <v>34</v>
      </c>
      <c r="X26" s="148">
        <v>79</v>
      </c>
      <c r="Y26" s="149">
        <v>136</v>
      </c>
      <c r="Z26" s="150">
        <v>215</v>
      </c>
      <c r="AA26" s="141">
        <v>0</v>
      </c>
      <c r="AB26" s="149">
        <v>377</v>
      </c>
      <c r="AC26" s="149">
        <v>261</v>
      </c>
      <c r="AD26" s="149">
        <v>141</v>
      </c>
      <c r="AE26" s="149">
        <v>144</v>
      </c>
      <c r="AF26" s="149">
        <v>81</v>
      </c>
      <c r="AG26" s="150">
        <v>1004</v>
      </c>
      <c r="AH26" s="151">
        <v>1219</v>
      </c>
    </row>
    <row r="27" spans="1:34" ht="19.5" customHeight="1" x14ac:dyDescent="0.2">
      <c r="A27" s="47" t="s">
        <v>26</v>
      </c>
      <c r="B27" s="148">
        <v>83</v>
      </c>
      <c r="C27" s="149">
        <v>98</v>
      </c>
      <c r="D27" s="150">
        <v>181</v>
      </c>
      <c r="E27" s="141">
        <v>0</v>
      </c>
      <c r="F27" s="149">
        <v>309</v>
      </c>
      <c r="G27" s="149">
        <v>230</v>
      </c>
      <c r="H27" s="149">
        <v>153</v>
      </c>
      <c r="I27" s="149">
        <v>112</v>
      </c>
      <c r="J27" s="149">
        <v>91</v>
      </c>
      <c r="K27" s="150">
        <v>895</v>
      </c>
      <c r="L27" s="151">
        <v>1076</v>
      </c>
      <c r="M27" s="152">
        <v>4</v>
      </c>
      <c r="N27" s="149">
        <v>1</v>
      </c>
      <c r="O27" s="150">
        <v>5</v>
      </c>
      <c r="P27" s="141">
        <v>0</v>
      </c>
      <c r="Q27" s="149">
        <v>6</v>
      </c>
      <c r="R27" s="149">
        <v>7</v>
      </c>
      <c r="S27" s="149">
        <v>2</v>
      </c>
      <c r="T27" s="149">
        <v>2</v>
      </c>
      <c r="U27" s="149">
        <v>4</v>
      </c>
      <c r="V27" s="150">
        <v>21</v>
      </c>
      <c r="W27" s="151">
        <v>26</v>
      </c>
      <c r="X27" s="148">
        <v>87</v>
      </c>
      <c r="Y27" s="149">
        <v>99</v>
      </c>
      <c r="Z27" s="150">
        <v>186</v>
      </c>
      <c r="AA27" s="141">
        <v>0</v>
      </c>
      <c r="AB27" s="149">
        <v>315</v>
      </c>
      <c r="AC27" s="149">
        <v>237</v>
      </c>
      <c r="AD27" s="149">
        <v>155</v>
      </c>
      <c r="AE27" s="149">
        <v>114</v>
      </c>
      <c r="AF27" s="149">
        <v>95</v>
      </c>
      <c r="AG27" s="150">
        <v>916</v>
      </c>
      <c r="AH27" s="151">
        <v>1102</v>
      </c>
    </row>
    <row r="28" spans="1:34" ht="19.5" customHeight="1" x14ac:dyDescent="0.2">
      <c r="A28" s="47" t="s">
        <v>27</v>
      </c>
      <c r="B28" s="148">
        <v>108</v>
      </c>
      <c r="C28" s="149">
        <v>151</v>
      </c>
      <c r="D28" s="150">
        <v>259</v>
      </c>
      <c r="E28" s="141">
        <v>0</v>
      </c>
      <c r="F28" s="149">
        <v>230</v>
      </c>
      <c r="G28" s="149">
        <v>206</v>
      </c>
      <c r="H28" s="149">
        <v>160</v>
      </c>
      <c r="I28" s="149">
        <v>107</v>
      </c>
      <c r="J28" s="149">
        <v>71</v>
      </c>
      <c r="K28" s="150">
        <v>774</v>
      </c>
      <c r="L28" s="151">
        <v>1033</v>
      </c>
      <c r="M28" s="152">
        <v>1</v>
      </c>
      <c r="N28" s="149">
        <v>3</v>
      </c>
      <c r="O28" s="150">
        <v>4</v>
      </c>
      <c r="P28" s="141">
        <v>0</v>
      </c>
      <c r="Q28" s="149">
        <v>7</v>
      </c>
      <c r="R28" s="149">
        <v>4</v>
      </c>
      <c r="S28" s="149">
        <v>1</v>
      </c>
      <c r="T28" s="149">
        <v>2</v>
      </c>
      <c r="U28" s="149">
        <v>2</v>
      </c>
      <c r="V28" s="150">
        <v>16</v>
      </c>
      <c r="W28" s="151">
        <v>20</v>
      </c>
      <c r="X28" s="148">
        <v>109</v>
      </c>
      <c r="Y28" s="149">
        <v>154</v>
      </c>
      <c r="Z28" s="150">
        <v>263</v>
      </c>
      <c r="AA28" s="141">
        <v>0</v>
      </c>
      <c r="AB28" s="149">
        <v>237</v>
      </c>
      <c r="AC28" s="149">
        <v>210</v>
      </c>
      <c r="AD28" s="149">
        <v>161</v>
      </c>
      <c r="AE28" s="149">
        <v>109</v>
      </c>
      <c r="AF28" s="149">
        <v>73</v>
      </c>
      <c r="AG28" s="150">
        <v>790</v>
      </c>
      <c r="AH28" s="151">
        <v>1053</v>
      </c>
    </row>
    <row r="29" spans="1:34" ht="19.5" customHeight="1" x14ac:dyDescent="0.2">
      <c r="A29" s="47" t="s">
        <v>28</v>
      </c>
      <c r="B29" s="148">
        <v>9</v>
      </c>
      <c r="C29" s="149">
        <v>20</v>
      </c>
      <c r="D29" s="150">
        <v>29</v>
      </c>
      <c r="E29" s="141">
        <v>0</v>
      </c>
      <c r="F29" s="149">
        <v>70</v>
      </c>
      <c r="G29" s="149">
        <v>97</v>
      </c>
      <c r="H29" s="149">
        <v>42</v>
      </c>
      <c r="I29" s="149">
        <v>36</v>
      </c>
      <c r="J29" s="149">
        <v>24</v>
      </c>
      <c r="K29" s="150">
        <v>269</v>
      </c>
      <c r="L29" s="151">
        <v>298</v>
      </c>
      <c r="M29" s="152">
        <v>0</v>
      </c>
      <c r="N29" s="149">
        <v>0</v>
      </c>
      <c r="O29" s="150">
        <v>0</v>
      </c>
      <c r="P29" s="141">
        <v>0</v>
      </c>
      <c r="Q29" s="149">
        <v>0</v>
      </c>
      <c r="R29" s="149">
        <v>1</v>
      </c>
      <c r="S29" s="149">
        <v>0</v>
      </c>
      <c r="T29" s="149">
        <v>0</v>
      </c>
      <c r="U29" s="149">
        <v>4</v>
      </c>
      <c r="V29" s="150">
        <v>5</v>
      </c>
      <c r="W29" s="151">
        <v>5</v>
      </c>
      <c r="X29" s="148">
        <v>9</v>
      </c>
      <c r="Y29" s="149">
        <v>20</v>
      </c>
      <c r="Z29" s="150">
        <v>29</v>
      </c>
      <c r="AA29" s="141">
        <v>0</v>
      </c>
      <c r="AB29" s="149">
        <v>70</v>
      </c>
      <c r="AC29" s="149">
        <v>98</v>
      </c>
      <c r="AD29" s="149">
        <v>42</v>
      </c>
      <c r="AE29" s="149">
        <v>36</v>
      </c>
      <c r="AF29" s="149">
        <v>28</v>
      </c>
      <c r="AG29" s="150">
        <v>274</v>
      </c>
      <c r="AH29" s="151">
        <v>303</v>
      </c>
    </row>
    <row r="30" spans="1:34" ht="19.5" customHeight="1" x14ac:dyDescent="0.2">
      <c r="A30" s="47" t="s">
        <v>29</v>
      </c>
      <c r="B30" s="148">
        <v>28</v>
      </c>
      <c r="C30" s="149">
        <v>38</v>
      </c>
      <c r="D30" s="150">
        <v>66</v>
      </c>
      <c r="E30" s="141">
        <v>0</v>
      </c>
      <c r="F30" s="149">
        <v>99</v>
      </c>
      <c r="G30" s="149">
        <v>96</v>
      </c>
      <c r="H30" s="149">
        <v>53</v>
      </c>
      <c r="I30" s="149">
        <v>48</v>
      </c>
      <c r="J30" s="149">
        <v>29</v>
      </c>
      <c r="K30" s="150">
        <v>325</v>
      </c>
      <c r="L30" s="151">
        <v>391</v>
      </c>
      <c r="M30" s="152">
        <v>1</v>
      </c>
      <c r="N30" s="149">
        <v>2</v>
      </c>
      <c r="O30" s="150">
        <v>3</v>
      </c>
      <c r="P30" s="141">
        <v>0</v>
      </c>
      <c r="Q30" s="149">
        <v>4</v>
      </c>
      <c r="R30" s="149">
        <v>2</v>
      </c>
      <c r="S30" s="149">
        <v>4</v>
      </c>
      <c r="T30" s="149">
        <v>0</v>
      </c>
      <c r="U30" s="149">
        <v>0</v>
      </c>
      <c r="V30" s="150">
        <v>10</v>
      </c>
      <c r="W30" s="151">
        <v>13</v>
      </c>
      <c r="X30" s="148">
        <v>29</v>
      </c>
      <c r="Y30" s="149">
        <v>40</v>
      </c>
      <c r="Z30" s="150">
        <v>69</v>
      </c>
      <c r="AA30" s="141">
        <v>0</v>
      </c>
      <c r="AB30" s="149">
        <v>103</v>
      </c>
      <c r="AC30" s="149">
        <v>98</v>
      </c>
      <c r="AD30" s="149">
        <v>57</v>
      </c>
      <c r="AE30" s="149">
        <v>48</v>
      </c>
      <c r="AF30" s="149">
        <v>29</v>
      </c>
      <c r="AG30" s="150">
        <v>335</v>
      </c>
      <c r="AH30" s="151">
        <v>404</v>
      </c>
    </row>
    <row r="31" spans="1:34" ht="19.5" customHeight="1" x14ac:dyDescent="0.2">
      <c r="A31" s="47" t="s">
        <v>30</v>
      </c>
      <c r="B31" s="148">
        <v>27</v>
      </c>
      <c r="C31" s="149">
        <v>30</v>
      </c>
      <c r="D31" s="150">
        <v>57</v>
      </c>
      <c r="E31" s="141">
        <v>0</v>
      </c>
      <c r="F31" s="149">
        <v>101</v>
      </c>
      <c r="G31" s="149">
        <v>93</v>
      </c>
      <c r="H31" s="149">
        <v>70</v>
      </c>
      <c r="I31" s="149">
        <v>37</v>
      </c>
      <c r="J31" s="149">
        <v>21</v>
      </c>
      <c r="K31" s="150">
        <v>322</v>
      </c>
      <c r="L31" s="151">
        <v>379</v>
      </c>
      <c r="M31" s="152">
        <v>0</v>
      </c>
      <c r="N31" s="149">
        <v>0</v>
      </c>
      <c r="O31" s="150">
        <v>0</v>
      </c>
      <c r="P31" s="141">
        <v>0</v>
      </c>
      <c r="Q31" s="149">
        <v>1</v>
      </c>
      <c r="R31" s="149">
        <v>0</v>
      </c>
      <c r="S31" s="149">
        <v>2</v>
      </c>
      <c r="T31" s="149">
        <v>3</v>
      </c>
      <c r="U31" s="149">
        <v>0</v>
      </c>
      <c r="V31" s="150">
        <v>6</v>
      </c>
      <c r="W31" s="151">
        <v>6</v>
      </c>
      <c r="X31" s="148">
        <v>27</v>
      </c>
      <c r="Y31" s="149">
        <v>30</v>
      </c>
      <c r="Z31" s="150">
        <v>57</v>
      </c>
      <c r="AA31" s="141">
        <v>0</v>
      </c>
      <c r="AB31" s="149">
        <v>102</v>
      </c>
      <c r="AC31" s="149">
        <v>93</v>
      </c>
      <c r="AD31" s="149">
        <v>72</v>
      </c>
      <c r="AE31" s="149">
        <v>40</v>
      </c>
      <c r="AF31" s="149">
        <v>21</v>
      </c>
      <c r="AG31" s="150">
        <v>328</v>
      </c>
      <c r="AH31" s="151">
        <v>385</v>
      </c>
    </row>
    <row r="32" spans="1:34" ht="19.5" customHeight="1" x14ac:dyDescent="0.2">
      <c r="A32" s="47" t="s">
        <v>31</v>
      </c>
      <c r="B32" s="148">
        <v>23</v>
      </c>
      <c r="C32" s="149">
        <v>43</v>
      </c>
      <c r="D32" s="150">
        <v>66</v>
      </c>
      <c r="E32" s="141">
        <v>0</v>
      </c>
      <c r="F32" s="149">
        <v>108</v>
      </c>
      <c r="G32" s="149">
        <v>119</v>
      </c>
      <c r="H32" s="149">
        <v>66</v>
      </c>
      <c r="I32" s="149">
        <v>29</v>
      </c>
      <c r="J32" s="149">
        <v>25</v>
      </c>
      <c r="K32" s="150">
        <v>347</v>
      </c>
      <c r="L32" s="151">
        <v>413</v>
      </c>
      <c r="M32" s="152">
        <v>0</v>
      </c>
      <c r="N32" s="149">
        <v>0</v>
      </c>
      <c r="O32" s="150">
        <v>0</v>
      </c>
      <c r="P32" s="141">
        <v>0</v>
      </c>
      <c r="Q32" s="149">
        <v>2</v>
      </c>
      <c r="R32" s="149">
        <v>1</v>
      </c>
      <c r="S32" s="149">
        <v>2</v>
      </c>
      <c r="T32" s="149">
        <v>2</v>
      </c>
      <c r="U32" s="149">
        <v>1</v>
      </c>
      <c r="V32" s="150">
        <v>8</v>
      </c>
      <c r="W32" s="151">
        <v>8</v>
      </c>
      <c r="X32" s="148">
        <v>23</v>
      </c>
      <c r="Y32" s="149">
        <v>43</v>
      </c>
      <c r="Z32" s="150">
        <v>66</v>
      </c>
      <c r="AA32" s="141">
        <v>0</v>
      </c>
      <c r="AB32" s="149">
        <v>110</v>
      </c>
      <c r="AC32" s="149">
        <v>120</v>
      </c>
      <c r="AD32" s="149">
        <v>68</v>
      </c>
      <c r="AE32" s="149">
        <v>31</v>
      </c>
      <c r="AF32" s="149">
        <v>26</v>
      </c>
      <c r="AG32" s="150">
        <v>355</v>
      </c>
      <c r="AH32" s="151">
        <v>421</v>
      </c>
    </row>
    <row r="33" spans="1:34" ht="19.5" customHeight="1" x14ac:dyDescent="0.2">
      <c r="A33" s="47" t="s">
        <v>32</v>
      </c>
      <c r="B33" s="148">
        <v>29</v>
      </c>
      <c r="C33" s="149">
        <v>47</v>
      </c>
      <c r="D33" s="150">
        <v>76</v>
      </c>
      <c r="E33" s="141">
        <v>0</v>
      </c>
      <c r="F33" s="149">
        <v>144</v>
      </c>
      <c r="G33" s="149">
        <v>116</v>
      </c>
      <c r="H33" s="149">
        <v>58</v>
      </c>
      <c r="I33" s="149">
        <v>47</v>
      </c>
      <c r="J33" s="149">
        <v>24</v>
      </c>
      <c r="K33" s="150">
        <v>389</v>
      </c>
      <c r="L33" s="151">
        <v>465</v>
      </c>
      <c r="M33" s="152">
        <v>1</v>
      </c>
      <c r="N33" s="149">
        <v>1</v>
      </c>
      <c r="O33" s="150">
        <v>2</v>
      </c>
      <c r="P33" s="141">
        <v>0</v>
      </c>
      <c r="Q33" s="149">
        <v>9</v>
      </c>
      <c r="R33" s="149">
        <v>7</v>
      </c>
      <c r="S33" s="149">
        <v>0</v>
      </c>
      <c r="T33" s="149">
        <v>3</v>
      </c>
      <c r="U33" s="149">
        <v>2</v>
      </c>
      <c r="V33" s="150">
        <v>21</v>
      </c>
      <c r="W33" s="151">
        <v>23</v>
      </c>
      <c r="X33" s="148">
        <v>30</v>
      </c>
      <c r="Y33" s="149">
        <v>48</v>
      </c>
      <c r="Z33" s="150">
        <v>78</v>
      </c>
      <c r="AA33" s="141">
        <v>0</v>
      </c>
      <c r="AB33" s="149">
        <v>153</v>
      </c>
      <c r="AC33" s="149">
        <v>123</v>
      </c>
      <c r="AD33" s="149">
        <v>58</v>
      </c>
      <c r="AE33" s="149">
        <v>50</v>
      </c>
      <c r="AF33" s="149">
        <v>26</v>
      </c>
      <c r="AG33" s="150">
        <v>410</v>
      </c>
      <c r="AH33" s="151">
        <v>488</v>
      </c>
    </row>
    <row r="34" spans="1:34" ht="19.5" customHeight="1" x14ac:dyDescent="0.2">
      <c r="A34" s="47" t="s">
        <v>33</v>
      </c>
      <c r="B34" s="148">
        <v>43</v>
      </c>
      <c r="C34" s="149">
        <v>62</v>
      </c>
      <c r="D34" s="150">
        <v>105</v>
      </c>
      <c r="E34" s="141">
        <v>0</v>
      </c>
      <c r="F34" s="149">
        <v>119</v>
      </c>
      <c r="G34" s="149">
        <v>90</v>
      </c>
      <c r="H34" s="149">
        <v>44</v>
      </c>
      <c r="I34" s="149">
        <v>27</v>
      </c>
      <c r="J34" s="149">
        <v>18</v>
      </c>
      <c r="K34" s="150">
        <v>298</v>
      </c>
      <c r="L34" s="151">
        <v>403</v>
      </c>
      <c r="M34" s="152">
        <v>0</v>
      </c>
      <c r="N34" s="149">
        <v>0</v>
      </c>
      <c r="O34" s="150">
        <v>0</v>
      </c>
      <c r="P34" s="141">
        <v>0</v>
      </c>
      <c r="Q34" s="149">
        <v>2</v>
      </c>
      <c r="R34" s="149">
        <v>0</v>
      </c>
      <c r="S34" s="149">
        <v>0</v>
      </c>
      <c r="T34" s="149">
        <v>1</v>
      </c>
      <c r="U34" s="149">
        <v>1</v>
      </c>
      <c r="V34" s="150">
        <v>4</v>
      </c>
      <c r="W34" s="151">
        <v>4</v>
      </c>
      <c r="X34" s="148">
        <v>43</v>
      </c>
      <c r="Y34" s="149">
        <v>62</v>
      </c>
      <c r="Z34" s="150">
        <v>105</v>
      </c>
      <c r="AA34" s="141">
        <v>0</v>
      </c>
      <c r="AB34" s="149">
        <v>121</v>
      </c>
      <c r="AC34" s="149">
        <v>90</v>
      </c>
      <c r="AD34" s="149">
        <v>44</v>
      </c>
      <c r="AE34" s="149">
        <v>28</v>
      </c>
      <c r="AF34" s="149">
        <v>19</v>
      </c>
      <c r="AG34" s="150">
        <v>302</v>
      </c>
      <c r="AH34" s="151">
        <v>407</v>
      </c>
    </row>
    <row r="35" spans="1:34" ht="19.5" customHeight="1" x14ac:dyDescent="0.2">
      <c r="A35" s="47" t="s">
        <v>34</v>
      </c>
      <c r="B35" s="148">
        <v>22</v>
      </c>
      <c r="C35" s="149">
        <v>34</v>
      </c>
      <c r="D35" s="150">
        <v>56</v>
      </c>
      <c r="E35" s="141">
        <v>0</v>
      </c>
      <c r="F35" s="149">
        <v>97</v>
      </c>
      <c r="G35" s="149">
        <v>66</v>
      </c>
      <c r="H35" s="149">
        <v>39</v>
      </c>
      <c r="I35" s="149">
        <v>30</v>
      </c>
      <c r="J35" s="149">
        <v>16</v>
      </c>
      <c r="K35" s="150">
        <v>248</v>
      </c>
      <c r="L35" s="151">
        <v>304</v>
      </c>
      <c r="M35" s="152">
        <v>0</v>
      </c>
      <c r="N35" s="149">
        <v>0</v>
      </c>
      <c r="O35" s="150">
        <v>0</v>
      </c>
      <c r="P35" s="141">
        <v>0</v>
      </c>
      <c r="Q35" s="149">
        <v>5</v>
      </c>
      <c r="R35" s="149">
        <v>2</v>
      </c>
      <c r="S35" s="149">
        <v>1</v>
      </c>
      <c r="T35" s="149">
        <v>1</v>
      </c>
      <c r="U35" s="149">
        <v>1</v>
      </c>
      <c r="V35" s="150">
        <v>10</v>
      </c>
      <c r="W35" s="151">
        <v>10</v>
      </c>
      <c r="X35" s="148">
        <v>22</v>
      </c>
      <c r="Y35" s="149">
        <v>34</v>
      </c>
      <c r="Z35" s="150">
        <v>56</v>
      </c>
      <c r="AA35" s="141">
        <v>0</v>
      </c>
      <c r="AB35" s="149">
        <v>102</v>
      </c>
      <c r="AC35" s="149">
        <v>68</v>
      </c>
      <c r="AD35" s="149">
        <v>40</v>
      </c>
      <c r="AE35" s="149">
        <v>31</v>
      </c>
      <c r="AF35" s="149">
        <v>17</v>
      </c>
      <c r="AG35" s="150">
        <v>258</v>
      </c>
      <c r="AH35" s="151">
        <v>314</v>
      </c>
    </row>
    <row r="36" spans="1:34" ht="19.5" customHeight="1" x14ac:dyDescent="0.2">
      <c r="A36" s="47" t="s">
        <v>35</v>
      </c>
      <c r="B36" s="148">
        <v>62</v>
      </c>
      <c r="C36" s="149">
        <v>124</v>
      </c>
      <c r="D36" s="150">
        <v>186</v>
      </c>
      <c r="E36" s="141">
        <v>0</v>
      </c>
      <c r="F36" s="149">
        <v>354</v>
      </c>
      <c r="G36" s="149">
        <v>237</v>
      </c>
      <c r="H36" s="149">
        <v>138</v>
      </c>
      <c r="I36" s="149">
        <v>116</v>
      </c>
      <c r="J36" s="149">
        <v>46</v>
      </c>
      <c r="K36" s="150">
        <v>891</v>
      </c>
      <c r="L36" s="151">
        <v>1077</v>
      </c>
      <c r="M36" s="152">
        <v>1</v>
      </c>
      <c r="N36" s="149">
        <v>2</v>
      </c>
      <c r="O36" s="150">
        <v>3</v>
      </c>
      <c r="P36" s="141">
        <v>0</v>
      </c>
      <c r="Q36" s="149">
        <v>3</v>
      </c>
      <c r="R36" s="149">
        <v>7</v>
      </c>
      <c r="S36" s="149">
        <v>1</v>
      </c>
      <c r="T36" s="149">
        <v>0</v>
      </c>
      <c r="U36" s="149">
        <v>1</v>
      </c>
      <c r="V36" s="150">
        <v>12</v>
      </c>
      <c r="W36" s="151">
        <v>15</v>
      </c>
      <c r="X36" s="148">
        <v>63</v>
      </c>
      <c r="Y36" s="149">
        <v>126</v>
      </c>
      <c r="Z36" s="150">
        <v>189</v>
      </c>
      <c r="AA36" s="141">
        <v>0</v>
      </c>
      <c r="AB36" s="149">
        <v>357</v>
      </c>
      <c r="AC36" s="149">
        <v>244</v>
      </c>
      <c r="AD36" s="149">
        <v>139</v>
      </c>
      <c r="AE36" s="149">
        <v>116</v>
      </c>
      <c r="AF36" s="149">
        <v>47</v>
      </c>
      <c r="AG36" s="150">
        <v>903</v>
      </c>
      <c r="AH36" s="151">
        <v>1092</v>
      </c>
    </row>
    <row r="37" spans="1:34" ht="19.5" customHeight="1" x14ac:dyDescent="0.2">
      <c r="A37" s="47" t="s">
        <v>36</v>
      </c>
      <c r="B37" s="148">
        <v>52</v>
      </c>
      <c r="C37" s="149">
        <v>111</v>
      </c>
      <c r="D37" s="150">
        <v>163</v>
      </c>
      <c r="E37" s="141">
        <v>0</v>
      </c>
      <c r="F37" s="149">
        <v>272</v>
      </c>
      <c r="G37" s="149">
        <v>261</v>
      </c>
      <c r="H37" s="149">
        <v>171</v>
      </c>
      <c r="I37" s="149">
        <v>106</v>
      </c>
      <c r="J37" s="149">
        <v>66</v>
      </c>
      <c r="K37" s="150">
        <v>876</v>
      </c>
      <c r="L37" s="151">
        <v>1039</v>
      </c>
      <c r="M37" s="152">
        <v>0</v>
      </c>
      <c r="N37" s="149">
        <v>1</v>
      </c>
      <c r="O37" s="150">
        <v>1</v>
      </c>
      <c r="P37" s="141">
        <v>0</v>
      </c>
      <c r="Q37" s="149">
        <v>4</v>
      </c>
      <c r="R37" s="149">
        <v>12</v>
      </c>
      <c r="S37" s="149">
        <v>5</v>
      </c>
      <c r="T37" s="149">
        <v>3</v>
      </c>
      <c r="U37" s="149">
        <v>4</v>
      </c>
      <c r="V37" s="150">
        <v>28</v>
      </c>
      <c r="W37" s="151">
        <v>29</v>
      </c>
      <c r="X37" s="148">
        <v>52</v>
      </c>
      <c r="Y37" s="149">
        <v>112</v>
      </c>
      <c r="Z37" s="150">
        <v>164</v>
      </c>
      <c r="AA37" s="141">
        <v>0</v>
      </c>
      <c r="AB37" s="149">
        <v>276</v>
      </c>
      <c r="AC37" s="149">
        <v>273</v>
      </c>
      <c r="AD37" s="149">
        <v>176</v>
      </c>
      <c r="AE37" s="149">
        <v>109</v>
      </c>
      <c r="AF37" s="149">
        <v>70</v>
      </c>
      <c r="AG37" s="150">
        <v>904</v>
      </c>
      <c r="AH37" s="151">
        <v>1068</v>
      </c>
    </row>
    <row r="38" spans="1:34" ht="19.5" customHeight="1" thickBot="1" x14ac:dyDescent="0.25">
      <c r="A38" s="48" t="s">
        <v>37</v>
      </c>
      <c r="B38" s="153">
        <v>5</v>
      </c>
      <c r="C38" s="154">
        <v>9</v>
      </c>
      <c r="D38" s="155">
        <v>14</v>
      </c>
      <c r="E38" s="142">
        <v>0</v>
      </c>
      <c r="F38" s="154">
        <v>30</v>
      </c>
      <c r="G38" s="154">
        <v>27</v>
      </c>
      <c r="H38" s="154">
        <v>16</v>
      </c>
      <c r="I38" s="154">
        <v>7</v>
      </c>
      <c r="J38" s="154">
        <v>5</v>
      </c>
      <c r="K38" s="155">
        <v>85</v>
      </c>
      <c r="L38" s="156">
        <v>99</v>
      </c>
      <c r="M38" s="157">
        <v>0</v>
      </c>
      <c r="N38" s="154">
        <v>0</v>
      </c>
      <c r="O38" s="155">
        <v>0</v>
      </c>
      <c r="P38" s="142">
        <v>0</v>
      </c>
      <c r="Q38" s="154">
        <v>1</v>
      </c>
      <c r="R38" s="154">
        <v>1</v>
      </c>
      <c r="S38" s="154">
        <v>1</v>
      </c>
      <c r="T38" s="154">
        <v>2</v>
      </c>
      <c r="U38" s="154">
        <v>0</v>
      </c>
      <c r="V38" s="155">
        <v>5</v>
      </c>
      <c r="W38" s="156">
        <v>5</v>
      </c>
      <c r="X38" s="153">
        <v>5</v>
      </c>
      <c r="Y38" s="154">
        <v>9</v>
      </c>
      <c r="Z38" s="155">
        <v>14</v>
      </c>
      <c r="AA38" s="142">
        <v>0</v>
      </c>
      <c r="AB38" s="154">
        <v>31</v>
      </c>
      <c r="AC38" s="154">
        <v>28</v>
      </c>
      <c r="AD38" s="154">
        <v>17</v>
      </c>
      <c r="AE38" s="154">
        <v>9</v>
      </c>
      <c r="AF38" s="154">
        <v>5</v>
      </c>
      <c r="AG38" s="155">
        <v>90</v>
      </c>
      <c r="AH38" s="156">
        <v>104</v>
      </c>
    </row>
    <row r="39" spans="1:34" x14ac:dyDescent="0.2">
      <c r="Z39" s="20"/>
      <c r="AA39" s="20"/>
      <c r="AB39" s="20"/>
      <c r="AC39" s="20"/>
      <c r="AD39" s="20"/>
      <c r="AE39" s="20"/>
      <c r="AF39" s="20"/>
      <c r="AG39" s="20"/>
      <c r="AH39" s="20"/>
    </row>
  </sheetData>
  <mergeCells count="5">
    <mergeCell ref="B3:L3"/>
    <mergeCell ref="M3:W3"/>
    <mergeCell ref="X3:AH3"/>
    <mergeCell ref="F1:G1"/>
    <mergeCell ref="I1:J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171"/>
    <col min="4" max="4" width="10.33203125" style="171" customWidth="1"/>
    <col min="5" max="5" width="7.6640625" style="171" customWidth="1"/>
    <col min="6" max="6" width="10.21875" style="171" customWidth="1"/>
    <col min="7" max="7" width="10.44140625" style="171" customWidth="1"/>
    <col min="8" max="15" width="9" style="171"/>
    <col min="16" max="16" width="7.21875" style="171" customWidth="1"/>
    <col min="17" max="26" width="9" style="171"/>
    <col min="27" max="27" width="7.6640625" style="171" customWidth="1"/>
    <col min="28" max="37" width="9" style="171"/>
    <col min="38" max="38" width="7.6640625" style="171" customWidth="1"/>
    <col min="39" max="48" width="9" style="171"/>
    <col min="49" max="49" width="7.21875" style="171" customWidth="1"/>
    <col min="50" max="59" width="9" style="171"/>
    <col min="60" max="60" width="7.21875" style="171" customWidth="1"/>
    <col min="61" max="70" width="9" style="171"/>
    <col min="71" max="71" width="7.33203125" style="171" customWidth="1"/>
    <col min="72" max="81" width="9" style="171"/>
    <col min="82" max="82" width="7.44140625" style="171" customWidth="1"/>
    <col min="83" max="92" width="9" style="171"/>
    <col min="93" max="93" width="7.6640625" style="171" customWidth="1"/>
    <col min="94" max="103" width="9" style="171"/>
    <col min="104" max="104" width="7.44140625" style="171" customWidth="1"/>
    <col min="105" max="114" width="9" style="171"/>
    <col min="115" max="115" width="7.44140625" style="171" customWidth="1"/>
    <col min="116" max="125" width="9" style="171"/>
    <col min="126" max="126" width="7.44140625" style="171" customWidth="1"/>
    <col min="127" max="136" width="9" style="171"/>
    <col min="137" max="137" width="7.33203125" style="171" customWidth="1"/>
    <col min="138" max="147" width="9" style="171"/>
    <col min="148" max="148" width="7.77734375" style="171" customWidth="1"/>
    <col min="149" max="16384" width="9" style="171"/>
  </cols>
  <sheetData>
    <row r="1" spans="1:155" ht="24" customHeight="1" x14ac:dyDescent="0.2">
      <c r="A1" s="206" t="s">
        <v>122</v>
      </c>
      <c r="H1" s="487">
        <f>第１表!F2</f>
        <v>4</v>
      </c>
      <c r="I1" s="487"/>
      <c r="J1" s="163">
        <f>第１表!G2</f>
        <v>1</v>
      </c>
      <c r="K1" s="488">
        <f>IF(J1&lt;3,J1+12-2,J1-2)</f>
        <v>11</v>
      </c>
      <c r="L1" s="488"/>
    </row>
    <row r="2" spans="1:155" ht="21" customHeight="1" thickBot="1" x14ac:dyDescent="0.25">
      <c r="A2" s="206" t="s">
        <v>138</v>
      </c>
      <c r="F2" s="162"/>
      <c r="G2" s="163"/>
      <c r="I2" s="170"/>
      <c r="J2" s="170"/>
    </row>
    <row r="3" spans="1:155" ht="23.25" customHeight="1" thickBot="1" x14ac:dyDescent="0.25">
      <c r="A3" s="501"/>
      <c r="B3" s="492" t="s">
        <v>70</v>
      </c>
      <c r="C3" s="493"/>
      <c r="D3" s="493"/>
      <c r="E3" s="493"/>
      <c r="F3" s="493"/>
      <c r="G3" s="493"/>
      <c r="H3" s="493"/>
      <c r="I3" s="493"/>
      <c r="J3" s="493"/>
      <c r="K3" s="493"/>
      <c r="L3" s="494"/>
      <c r="M3" s="492" t="s">
        <v>71</v>
      </c>
      <c r="N3" s="493"/>
      <c r="O3" s="493"/>
      <c r="P3" s="493"/>
      <c r="Q3" s="493"/>
      <c r="R3" s="493"/>
      <c r="S3" s="493"/>
      <c r="T3" s="493"/>
      <c r="U3" s="493"/>
      <c r="V3" s="493"/>
      <c r="W3" s="494"/>
      <c r="X3" s="492" t="s">
        <v>72</v>
      </c>
      <c r="Y3" s="493"/>
      <c r="Z3" s="493"/>
      <c r="AA3" s="493"/>
      <c r="AB3" s="493"/>
      <c r="AC3" s="493"/>
      <c r="AD3" s="493"/>
      <c r="AE3" s="493"/>
      <c r="AF3" s="493"/>
      <c r="AG3" s="493"/>
      <c r="AH3" s="494"/>
      <c r="AI3" s="492" t="s">
        <v>73</v>
      </c>
      <c r="AJ3" s="493"/>
      <c r="AK3" s="493"/>
      <c r="AL3" s="493"/>
      <c r="AM3" s="493"/>
      <c r="AN3" s="493"/>
      <c r="AO3" s="493"/>
      <c r="AP3" s="493"/>
      <c r="AQ3" s="493"/>
      <c r="AR3" s="493"/>
      <c r="AS3" s="494"/>
      <c r="AT3" s="492" t="s">
        <v>74</v>
      </c>
      <c r="AU3" s="493"/>
      <c r="AV3" s="493"/>
      <c r="AW3" s="493"/>
      <c r="AX3" s="493"/>
      <c r="AY3" s="493"/>
      <c r="AZ3" s="493"/>
      <c r="BA3" s="493"/>
      <c r="BB3" s="493"/>
      <c r="BC3" s="493"/>
      <c r="BD3" s="494"/>
      <c r="BE3" s="492" t="s">
        <v>75</v>
      </c>
      <c r="BF3" s="493"/>
      <c r="BG3" s="493"/>
      <c r="BH3" s="493"/>
      <c r="BI3" s="493"/>
      <c r="BJ3" s="493"/>
      <c r="BK3" s="493"/>
      <c r="BL3" s="493"/>
      <c r="BM3" s="493"/>
      <c r="BN3" s="493"/>
      <c r="BO3" s="494"/>
      <c r="BP3" s="492" t="s">
        <v>76</v>
      </c>
      <c r="BQ3" s="493"/>
      <c r="BR3" s="493"/>
      <c r="BS3" s="493"/>
      <c r="BT3" s="493"/>
      <c r="BU3" s="493"/>
      <c r="BV3" s="493"/>
      <c r="BW3" s="493"/>
      <c r="BX3" s="493"/>
      <c r="BY3" s="493"/>
      <c r="BZ3" s="494"/>
      <c r="CA3" s="492" t="s">
        <v>77</v>
      </c>
      <c r="CB3" s="493"/>
      <c r="CC3" s="493"/>
      <c r="CD3" s="493"/>
      <c r="CE3" s="493"/>
      <c r="CF3" s="493"/>
      <c r="CG3" s="493"/>
      <c r="CH3" s="493"/>
      <c r="CI3" s="493"/>
      <c r="CJ3" s="493"/>
      <c r="CK3" s="494"/>
      <c r="CL3" s="492" t="s">
        <v>78</v>
      </c>
      <c r="CM3" s="493"/>
      <c r="CN3" s="493"/>
      <c r="CO3" s="493"/>
      <c r="CP3" s="493"/>
      <c r="CQ3" s="493"/>
      <c r="CR3" s="493"/>
      <c r="CS3" s="493"/>
      <c r="CT3" s="493"/>
      <c r="CU3" s="493"/>
      <c r="CV3" s="494"/>
      <c r="CW3" s="492" t="s">
        <v>79</v>
      </c>
      <c r="CX3" s="493"/>
      <c r="CY3" s="493"/>
      <c r="CZ3" s="493"/>
      <c r="DA3" s="493"/>
      <c r="DB3" s="493"/>
      <c r="DC3" s="493"/>
      <c r="DD3" s="493"/>
      <c r="DE3" s="493"/>
      <c r="DF3" s="493"/>
      <c r="DG3" s="494"/>
      <c r="DH3" s="492" t="s">
        <v>152</v>
      </c>
      <c r="DI3" s="493"/>
      <c r="DJ3" s="493"/>
      <c r="DK3" s="493"/>
      <c r="DL3" s="493"/>
      <c r="DM3" s="493"/>
      <c r="DN3" s="493"/>
      <c r="DO3" s="493"/>
      <c r="DP3" s="493"/>
      <c r="DQ3" s="493"/>
      <c r="DR3" s="494"/>
      <c r="DS3" s="492" t="s">
        <v>80</v>
      </c>
      <c r="DT3" s="493"/>
      <c r="DU3" s="493"/>
      <c r="DV3" s="493"/>
      <c r="DW3" s="493"/>
      <c r="DX3" s="493"/>
      <c r="DY3" s="493"/>
      <c r="DZ3" s="493"/>
      <c r="EA3" s="493"/>
      <c r="EB3" s="493"/>
      <c r="EC3" s="494"/>
      <c r="ED3" s="492" t="s">
        <v>68</v>
      </c>
      <c r="EE3" s="493"/>
      <c r="EF3" s="493"/>
      <c r="EG3" s="493"/>
      <c r="EH3" s="493"/>
      <c r="EI3" s="493"/>
      <c r="EJ3" s="493"/>
      <c r="EK3" s="493"/>
      <c r="EL3" s="493"/>
      <c r="EM3" s="493"/>
      <c r="EN3" s="494"/>
      <c r="EO3" s="489" t="s">
        <v>69</v>
      </c>
      <c r="EP3" s="490"/>
      <c r="EQ3" s="490"/>
      <c r="ER3" s="490"/>
      <c r="ES3" s="490"/>
      <c r="ET3" s="490"/>
      <c r="EU3" s="490"/>
      <c r="EV3" s="490"/>
      <c r="EW3" s="490"/>
      <c r="EX3" s="490"/>
      <c r="EY3" s="491"/>
    </row>
    <row r="4" spans="1:155" ht="22.5" customHeight="1" x14ac:dyDescent="0.2">
      <c r="A4" s="502"/>
      <c r="B4" s="500" t="s">
        <v>61</v>
      </c>
      <c r="C4" s="496"/>
      <c r="D4" s="497"/>
      <c r="E4" s="495" t="s">
        <v>62</v>
      </c>
      <c r="F4" s="496"/>
      <c r="G4" s="496"/>
      <c r="H4" s="496"/>
      <c r="I4" s="496"/>
      <c r="J4" s="496"/>
      <c r="K4" s="504"/>
      <c r="L4" s="498" t="s">
        <v>52</v>
      </c>
      <c r="M4" s="500" t="s">
        <v>61</v>
      </c>
      <c r="N4" s="496"/>
      <c r="O4" s="497"/>
      <c r="P4" s="495" t="s">
        <v>62</v>
      </c>
      <c r="Q4" s="496"/>
      <c r="R4" s="496"/>
      <c r="S4" s="496"/>
      <c r="T4" s="496"/>
      <c r="U4" s="496"/>
      <c r="V4" s="497"/>
      <c r="W4" s="498" t="s">
        <v>52</v>
      </c>
      <c r="X4" s="500" t="s">
        <v>61</v>
      </c>
      <c r="Y4" s="496"/>
      <c r="Z4" s="497"/>
      <c r="AA4" s="495" t="s">
        <v>62</v>
      </c>
      <c r="AB4" s="496"/>
      <c r="AC4" s="496"/>
      <c r="AD4" s="496"/>
      <c r="AE4" s="496"/>
      <c r="AF4" s="496"/>
      <c r="AG4" s="497"/>
      <c r="AH4" s="498" t="s">
        <v>52</v>
      </c>
      <c r="AI4" s="500" t="s">
        <v>61</v>
      </c>
      <c r="AJ4" s="496"/>
      <c r="AK4" s="497"/>
      <c r="AL4" s="495" t="s">
        <v>62</v>
      </c>
      <c r="AM4" s="496"/>
      <c r="AN4" s="496"/>
      <c r="AO4" s="496"/>
      <c r="AP4" s="496"/>
      <c r="AQ4" s="496"/>
      <c r="AR4" s="497"/>
      <c r="AS4" s="498" t="s">
        <v>52</v>
      </c>
      <c r="AT4" s="500" t="s">
        <v>61</v>
      </c>
      <c r="AU4" s="496"/>
      <c r="AV4" s="497"/>
      <c r="AW4" s="495" t="s">
        <v>62</v>
      </c>
      <c r="AX4" s="496"/>
      <c r="AY4" s="496"/>
      <c r="AZ4" s="496"/>
      <c r="BA4" s="496"/>
      <c r="BB4" s="496"/>
      <c r="BC4" s="504"/>
      <c r="BD4" s="498" t="s">
        <v>52</v>
      </c>
      <c r="BE4" s="500" t="s">
        <v>61</v>
      </c>
      <c r="BF4" s="496"/>
      <c r="BG4" s="497"/>
      <c r="BH4" s="495" t="s">
        <v>62</v>
      </c>
      <c r="BI4" s="496"/>
      <c r="BJ4" s="496"/>
      <c r="BK4" s="496"/>
      <c r="BL4" s="496"/>
      <c r="BM4" s="496"/>
      <c r="BN4" s="497"/>
      <c r="BO4" s="498" t="s">
        <v>52</v>
      </c>
      <c r="BP4" s="500" t="s">
        <v>61</v>
      </c>
      <c r="BQ4" s="496"/>
      <c r="BR4" s="497"/>
      <c r="BS4" s="495" t="s">
        <v>62</v>
      </c>
      <c r="BT4" s="496"/>
      <c r="BU4" s="496"/>
      <c r="BV4" s="496"/>
      <c r="BW4" s="496"/>
      <c r="BX4" s="496"/>
      <c r="BY4" s="497"/>
      <c r="BZ4" s="498" t="s">
        <v>52</v>
      </c>
      <c r="CA4" s="500" t="s">
        <v>61</v>
      </c>
      <c r="CB4" s="496"/>
      <c r="CC4" s="497"/>
      <c r="CD4" s="495" t="s">
        <v>62</v>
      </c>
      <c r="CE4" s="496"/>
      <c r="CF4" s="496"/>
      <c r="CG4" s="496"/>
      <c r="CH4" s="496"/>
      <c r="CI4" s="496"/>
      <c r="CJ4" s="497"/>
      <c r="CK4" s="498" t="s">
        <v>52</v>
      </c>
      <c r="CL4" s="500" t="s">
        <v>61</v>
      </c>
      <c r="CM4" s="496"/>
      <c r="CN4" s="497"/>
      <c r="CO4" s="495" t="s">
        <v>62</v>
      </c>
      <c r="CP4" s="496"/>
      <c r="CQ4" s="496"/>
      <c r="CR4" s="496"/>
      <c r="CS4" s="496"/>
      <c r="CT4" s="496"/>
      <c r="CU4" s="497"/>
      <c r="CV4" s="498" t="s">
        <v>52</v>
      </c>
      <c r="CW4" s="500" t="s">
        <v>61</v>
      </c>
      <c r="CX4" s="496"/>
      <c r="CY4" s="497"/>
      <c r="CZ4" s="495" t="s">
        <v>62</v>
      </c>
      <c r="DA4" s="496"/>
      <c r="DB4" s="496"/>
      <c r="DC4" s="496"/>
      <c r="DD4" s="496"/>
      <c r="DE4" s="496"/>
      <c r="DF4" s="497"/>
      <c r="DG4" s="498" t="s">
        <v>52</v>
      </c>
      <c r="DH4" s="500" t="s">
        <v>61</v>
      </c>
      <c r="DI4" s="496"/>
      <c r="DJ4" s="497"/>
      <c r="DK4" s="495" t="s">
        <v>62</v>
      </c>
      <c r="DL4" s="496"/>
      <c r="DM4" s="496"/>
      <c r="DN4" s="496"/>
      <c r="DO4" s="496"/>
      <c r="DP4" s="496"/>
      <c r="DQ4" s="497"/>
      <c r="DR4" s="498" t="s">
        <v>52</v>
      </c>
      <c r="DS4" s="500" t="s">
        <v>61</v>
      </c>
      <c r="DT4" s="496"/>
      <c r="DU4" s="497"/>
      <c r="DV4" s="495" t="s">
        <v>62</v>
      </c>
      <c r="DW4" s="496"/>
      <c r="DX4" s="496"/>
      <c r="DY4" s="496"/>
      <c r="DZ4" s="496"/>
      <c r="EA4" s="496"/>
      <c r="EB4" s="497"/>
      <c r="EC4" s="498" t="s">
        <v>52</v>
      </c>
      <c r="ED4" s="500" t="s">
        <v>61</v>
      </c>
      <c r="EE4" s="496"/>
      <c r="EF4" s="497"/>
      <c r="EG4" s="495" t="s">
        <v>62</v>
      </c>
      <c r="EH4" s="496"/>
      <c r="EI4" s="496"/>
      <c r="EJ4" s="496"/>
      <c r="EK4" s="496"/>
      <c r="EL4" s="496"/>
      <c r="EM4" s="497"/>
      <c r="EN4" s="498" t="s">
        <v>52</v>
      </c>
      <c r="EO4" s="500" t="s">
        <v>61</v>
      </c>
      <c r="EP4" s="496"/>
      <c r="EQ4" s="497"/>
      <c r="ER4" s="495" t="s">
        <v>62</v>
      </c>
      <c r="ES4" s="496"/>
      <c r="ET4" s="496"/>
      <c r="EU4" s="496"/>
      <c r="EV4" s="496"/>
      <c r="EW4" s="496"/>
      <c r="EX4" s="497"/>
      <c r="EY4" s="498" t="s">
        <v>52</v>
      </c>
    </row>
    <row r="5" spans="1:155" ht="34.5" customHeight="1" thickBot="1" x14ac:dyDescent="0.25">
      <c r="A5" s="503"/>
      <c r="B5" s="179" t="s">
        <v>43</v>
      </c>
      <c r="C5" s="175" t="s">
        <v>44</v>
      </c>
      <c r="D5" s="456" t="s">
        <v>45</v>
      </c>
      <c r="E5" s="183" t="s">
        <v>83</v>
      </c>
      <c r="F5" s="175" t="s">
        <v>47</v>
      </c>
      <c r="G5" s="175" t="s">
        <v>48</v>
      </c>
      <c r="H5" s="175" t="s">
        <v>49</v>
      </c>
      <c r="I5" s="175" t="s">
        <v>50</v>
      </c>
      <c r="J5" s="175" t="s">
        <v>51</v>
      </c>
      <c r="K5" s="184" t="s">
        <v>45</v>
      </c>
      <c r="L5" s="499"/>
      <c r="M5" s="179" t="s">
        <v>43</v>
      </c>
      <c r="N5" s="175" t="s">
        <v>44</v>
      </c>
      <c r="O5" s="181" t="s">
        <v>45</v>
      </c>
      <c r="P5" s="183" t="s">
        <v>83</v>
      </c>
      <c r="Q5" s="175" t="s">
        <v>47</v>
      </c>
      <c r="R5" s="175" t="s">
        <v>48</v>
      </c>
      <c r="S5" s="175" t="s">
        <v>49</v>
      </c>
      <c r="T5" s="175" t="s">
        <v>50</v>
      </c>
      <c r="U5" s="175" t="s">
        <v>51</v>
      </c>
      <c r="V5" s="181" t="s">
        <v>45</v>
      </c>
      <c r="W5" s="499"/>
      <c r="X5" s="179" t="s">
        <v>43</v>
      </c>
      <c r="Y5" s="175" t="s">
        <v>44</v>
      </c>
      <c r="Z5" s="181" t="s">
        <v>45</v>
      </c>
      <c r="AA5" s="183" t="s">
        <v>83</v>
      </c>
      <c r="AB5" s="175" t="s">
        <v>47</v>
      </c>
      <c r="AC5" s="175" t="s">
        <v>48</v>
      </c>
      <c r="AD5" s="175" t="s">
        <v>49</v>
      </c>
      <c r="AE5" s="175" t="s">
        <v>50</v>
      </c>
      <c r="AF5" s="175" t="s">
        <v>51</v>
      </c>
      <c r="AG5" s="181" t="s">
        <v>45</v>
      </c>
      <c r="AH5" s="499"/>
      <c r="AI5" s="179" t="s">
        <v>43</v>
      </c>
      <c r="AJ5" s="175" t="s">
        <v>44</v>
      </c>
      <c r="AK5" s="181" t="s">
        <v>45</v>
      </c>
      <c r="AL5" s="183" t="s">
        <v>83</v>
      </c>
      <c r="AM5" s="175" t="s">
        <v>47</v>
      </c>
      <c r="AN5" s="175" t="s">
        <v>48</v>
      </c>
      <c r="AO5" s="175" t="s">
        <v>49</v>
      </c>
      <c r="AP5" s="175" t="s">
        <v>50</v>
      </c>
      <c r="AQ5" s="175" t="s">
        <v>51</v>
      </c>
      <c r="AR5" s="181" t="s">
        <v>45</v>
      </c>
      <c r="AS5" s="499"/>
      <c r="AT5" s="179" t="s">
        <v>43</v>
      </c>
      <c r="AU5" s="175" t="s">
        <v>44</v>
      </c>
      <c r="AV5" s="181" t="s">
        <v>45</v>
      </c>
      <c r="AW5" s="183" t="s">
        <v>83</v>
      </c>
      <c r="AX5" s="175" t="s">
        <v>47</v>
      </c>
      <c r="AY5" s="175" t="s">
        <v>48</v>
      </c>
      <c r="AZ5" s="175" t="s">
        <v>49</v>
      </c>
      <c r="BA5" s="175" t="s">
        <v>50</v>
      </c>
      <c r="BB5" s="175" t="s">
        <v>51</v>
      </c>
      <c r="BC5" s="184" t="s">
        <v>45</v>
      </c>
      <c r="BD5" s="499"/>
      <c r="BE5" s="179" t="s">
        <v>43</v>
      </c>
      <c r="BF5" s="175" t="s">
        <v>44</v>
      </c>
      <c r="BG5" s="181" t="s">
        <v>45</v>
      </c>
      <c r="BH5" s="183" t="s">
        <v>83</v>
      </c>
      <c r="BI5" s="175" t="s">
        <v>47</v>
      </c>
      <c r="BJ5" s="175" t="s">
        <v>48</v>
      </c>
      <c r="BK5" s="175" t="s">
        <v>49</v>
      </c>
      <c r="BL5" s="175" t="s">
        <v>50</v>
      </c>
      <c r="BM5" s="175" t="s">
        <v>51</v>
      </c>
      <c r="BN5" s="181" t="s">
        <v>45</v>
      </c>
      <c r="BO5" s="499"/>
      <c r="BP5" s="179" t="s">
        <v>43</v>
      </c>
      <c r="BQ5" s="175" t="s">
        <v>44</v>
      </c>
      <c r="BR5" s="181" t="s">
        <v>45</v>
      </c>
      <c r="BS5" s="183" t="s">
        <v>83</v>
      </c>
      <c r="BT5" s="175" t="s">
        <v>47</v>
      </c>
      <c r="BU5" s="175" t="s">
        <v>48</v>
      </c>
      <c r="BV5" s="175" t="s">
        <v>49</v>
      </c>
      <c r="BW5" s="175" t="s">
        <v>50</v>
      </c>
      <c r="BX5" s="175" t="s">
        <v>51</v>
      </c>
      <c r="BY5" s="181" t="s">
        <v>45</v>
      </c>
      <c r="BZ5" s="499"/>
      <c r="CA5" s="179" t="s">
        <v>43</v>
      </c>
      <c r="CB5" s="175" t="s">
        <v>44</v>
      </c>
      <c r="CC5" s="181" t="s">
        <v>45</v>
      </c>
      <c r="CD5" s="183" t="s">
        <v>83</v>
      </c>
      <c r="CE5" s="175" t="s">
        <v>47</v>
      </c>
      <c r="CF5" s="175" t="s">
        <v>48</v>
      </c>
      <c r="CG5" s="175" t="s">
        <v>49</v>
      </c>
      <c r="CH5" s="175" t="s">
        <v>50</v>
      </c>
      <c r="CI5" s="175" t="s">
        <v>51</v>
      </c>
      <c r="CJ5" s="181" t="s">
        <v>45</v>
      </c>
      <c r="CK5" s="499"/>
      <c r="CL5" s="179" t="s">
        <v>43</v>
      </c>
      <c r="CM5" s="175" t="s">
        <v>44</v>
      </c>
      <c r="CN5" s="181" t="s">
        <v>45</v>
      </c>
      <c r="CO5" s="183" t="s">
        <v>83</v>
      </c>
      <c r="CP5" s="175" t="s">
        <v>47</v>
      </c>
      <c r="CQ5" s="175" t="s">
        <v>48</v>
      </c>
      <c r="CR5" s="175" t="s">
        <v>49</v>
      </c>
      <c r="CS5" s="175" t="s">
        <v>50</v>
      </c>
      <c r="CT5" s="175" t="s">
        <v>51</v>
      </c>
      <c r="CU5" s="181" t="s">
        <v>45</v>
      </c>
      <c r="CV5" s="499"/>
      <c r="CW5" s="179" t="s">
        <v>43</v>
      </c>
      <c r="CX5" s="175" t="s">
        <v>44</v>
      </c>
      <c r="CY5" s="181" t="s">
        <v>45</v>
      </c>
      <c r="CZ5" s="183" t="s">
        <v>83</v>
      </c>
      <c r="DA5" s="175" t="s">
        <v>47</v>
      </c>
      <c r="DB5" s="175" t="s">
        <v>48</v>
      </c>
      <c r="DC5" s="175" t="s">
        <v>49</v>
      </c>
      <c r="DD5" s="175" t="s">
        <v>50</v>
      </c>
      <c r="DE5" s="175" t="s">
        <v>51</v>
      </c>
      <c r="DF5" s="181" t="s">
        <v>45</v>
      </c>
      <c r="DG5" s="499"/>
      <c r="DH5" s="227" t="s">
        <v>43</v>
      </c>
      <c r="DI5" s="175" t="s">
        <v>44</v>
      </c>
      <c r="DJ5" s="181" t="s">
        <v>45</v>
      </c>
      <c r="DK5" s="183" t="s">
        <v>83</v>
      </c>
      <c r="DL5" s="175" t="s">
        <v>47</v>
      </c>
      <c r="DM5" s="175" t="s">
        <v>48</v>
      </c>
      <c r="DN5" s="175" t="s">
        <v>49</v>
      </c>
      <c r="DO5" s="175" t="s">
        <v>50</v>
      </c>
      <c r="DP5" s="175" t="s">
        <v>51</v>
      </c>
      <c r="DQ5" s="181" t="s">
        <v>45</v>
      </c>
      <c r="DR5" s="499"/>
      <c r="DS5" s="179" t="s">
        <v>43</v>
      </c>
      <c r="DT5" s="175" t="s">
        <v>44</v>
      </c>
      <c r="DU5" s="181" t="s">
        <v>45</v>
      </c>
      <c r="DV5" s="183" t="s">
        <v>83</v>
      </c>
      <c r="DW5" s="175" t="s">
        <v>47</v>
      </c>
      <c r="DX5" s="175" t="s">
        <v>48</v>
      </c>
      <c r="DY5" s="175" t="s">
        <v>49</v>
      </c>
      <c r="DZ5" s="175" t="s">
        <v>50</v>
      </c>
      <c r="EA5" s="175" t="s">
        <v>51</v>
      </c>
      <c r="EB5" s="181" t="s">
        <v>45</v>
      </c>
      <c r="EC5" s="499"/>
      <c r="ED5" s="179" t="s">
        <v>43</v>
      </c>
      <c r="EE5" s="175" t="s">
        <v>44</v>
      </c>
      <c r="EF5" s="181" t="s">
        <v>45</v>
      </c>
      <c r="EG5" s="183" t="s">
        <v>83</v>
      </c>
      <c r="EH5" s="175" t="s">
        <v>47</v>
      </c>
      <c r="EI5" s="175" t="s">
        <v>48</v>
      </c>
      <c r="EJ5" s="175" t="s">
        <v>49</v>
      </c>
      <c r="EK5" s="175" t="s">
        <v>50</v>
      </c>
      <c r="EL5" s="175" t="s">
        <v>51</v>
      </c>
      <c r="EM5" s="181" t="s">
        <v>45</v>
      </c>
      <c r="EN5" s="499"/>
      <c r="EO5" s="179" t="s">
        <v>43</v>
      </c>
      <c r="EP5" s="175" t="s">
        <v>44</v>
      </c>
      <c r="EQ5" s="181" t="s">
        <v>45</v>
      </c>
      <c r="ER5" s="183" t="s">
        <v>83</v>
      </c>
      <c r="ES5" s="175" t="s">
        <v>47</v>
      </c>
      <c r="ET5" s="175" t="s">
        <v>48</v>
      </c>
      <c r="EU5" s="175" t="s">
        <v>49</v>
      </c>
      <c r="EV5" s="175" t="s">
        <v>50</v>
      </c>
      <c r="EW5" s="175" t="s">
        <v>51</v>
      </c>
      <c r="EX5" s="181" t="s">
        <v>45</v>
      </c>
      <c r="EY5" s="499"/>
    </row>
    <row r="6" spans="1:155" ht="19.5" customHeight="1" x14ac:dyDescent="0.2">
      <c r="A6" s="176" t="s">
        <v>4</v>
      </c>
      <c r="B6" s="185">
        <v>0</v>
      </c>
      <c r="C6" s="189">
        <v>0</v>
      </c>
      <c r="D6" s="457">
        <v>0</v>
      </c>
      <c r="E6" s="188">
        <v>0</v>
      </c>
      <c r="F6" s="189">
        <v>19244</v>
      </c>
      <c r="G6" s="189">
        <v>22527</v>
      </c>
      <c r="H6" s="189">
        <v>12009</v>
      </c>
      <c r="I6" s="189">
        <v>9622</v>
      </c>
      <c r="J6" s="189">
        <v>7230</v>
      </c>
      <c r="K6" s="190">
        <v>70632</v>
      </c>
      <c r="L6" s="191">
        <v>70632</v>
      </c>
      <c r="M6" s="185">
        <v>3</v>
      </c>
      <c r="N6" s="189">
        <v>26</v>
      </c>
      <c r="O6" s="186">
        <v>29</v>
      </c>
      <c r="P6" s="188">
        <v>0</v>
      </c>
      <c r="Q6" s="189">
        <v>128</v>
      </c>
      <c r="R6" s="189">
        <v>487</v>
      </c>
      <c r="S6" s="189">
        <v>790</v>
      </c>
      <c r="T6" s="189">
        <v>1935</v>
      </c>
      <c r="U6" s="189">
        <v>3426</v>
      </c>
      <c r="V6" s="186">
        <v>6766</v>
      </c>
      <c r="W6" s="191">
        <v>6795</v>
      </c>
      <c r="X6" s="185">
        <v>2145</v>
      </c>
      <c r="Y6" s="189">
        <v>5373</v>
      </c>
      <c r="Z6" s="186">
        <v>7518</v>
      </c>
      <c r="AA6" s="188">
        <v>0</v>
      </c>
      <c r="AB6" s="189">
        <v>10637</v>
      </c>
      <c r="AC6" s="189">
        <v>15015</v>
      </c>
      <c r="AD6" s="189">
        <v>8854</v>
      </c>
      <c r="AE6" s="189">
        <v>8086</v>
      </c>
      <c r="AF6" s="189">
        <v>6242</v>
      </c>
      <c r="AG6" s="186">
        <v>48834</v>
      </c>
      <c r="AH6" s="191">
        <v>56352</v>
      </c>
      <c r="AI6" s="185">
        <v>245</v>
      </c>
      <c r="AJ6" s="189">
        <v>701</v>
      </c>
      <c r="AK6" s="186">
        <v>946</v>
      </c>
      <c r="AL6" s="188">
        <v>0</v>
      </c>
      <c r="AM6" s="189">
        <v>971</v>
      </c>
      <c r="AN6" s="189">
        <v>1692</v>
      </c>
      <c r="AO6" s="189">
        <v>1054</v>
      </c>
      <c r="AP6" s="189">
        <v>940</v>
      </c>
      <c r="AQ6" s="189">
        <v>641</v>
      </c>
      <c r="AR6" s="186">
        <v>5298</v>
      </c>
      <c r="AS6" s="191">
        <v>6244</v>
      </c>
      <c r="AT6" s="185">
        <v>2745</v>
      </c>
      <c r="AU6" s="189">
        <v>3592</v>
      </c>
      <c r="AV6" s="186">
        <v>6337</v>
      </c>
      <c r="AW6" s="188">
        <v>0</v>
      </c>
      <c r="AX6" s="189">
        <v>17097</v>
      </c>
      <c r="AY6" s="189">
        <v>20835</v>
      </c>
      <c r="AZ6" s="189">
        <v>17818</v>
      </c>
      <c r="BA6" s="189">
        <v>17433</v>
      </c>
      <c r="BB6" s="189">
        <v>13502</v>
      </c>
      <c r="BC6" s="190">
        <v>86685</v>
      </c>
      <c r="BD6" s="191">
        <v>93022</v>
      </c>
      <c r="BE6" s="185">
        <v>0</v>
      </c>
      <c r="BF6" s="189">
        <v>0</v>
      </c>
      <c r="BG6" s="186">
        <v>0</v>
      </c>
      <c r="BH6" s="188">
        <v>0</v>
      </c>
      <c r="BI6" s="189">
        <v>21451</v>
      </c>
      <c r="BJ6" s="189">
        <v>20178</v>
      </c>
      <c r="BK6" s="189">
        <v>10698</v>
      </c>
      <c r="BL6" s="189">
        <v>6415</v>
      </c>
      <c r="BM6" s="189">
        <v>3025</v>
      </c>
      <c r="BN6" s="186">
        <v>61767</v>
      </c>
      <c r="BO6" s="191">
        <v>61767</v>
      </c>
      <c r="BP6" s="185">
        <v>1561</v>
      </c>
      <c r="BQ6" s="189">
        <v>2590</v>
      </c>
      <c r="BR6" s="186">
        <v>4151</v>
      </c>
      <c r="BS6" s="188">
        <v>0</v>
      </c>
      <c r="BT6" s="189">
        <v>4293</v>
      </c>
      <c r="BU6" s="189">
        <v>6530</v>
      </c>
      <c r="BV6" s="189">
        <v>3695</v>
      </c>
      <c r="BW6" s="189">
        <v>2397</v>
      </c>
      <c r="BX6" s="189">
        <v>874</v>
      </c>
      <c r="BY6" s="186">
        <v>17789</v>
      </c>
      <c r="BZ6" s="191">
        <v>21940</v>
      </c>
      <c r="CA6" s="185">
        <v>68</v>
      </c>
      <c r="CB6" s="189">
        <v>216</v>
      </c>
      <c r="CC6" s="186">
        <v>284</v>
      </c>
      <c r="CD6" s="188">
        <v>0</v>
      </c>
      <c r="CE6" s="189">
        <v>2209</v>
      </c>
      <c r="CF6" s="189">
        <v>3625</v>
      </c>
      <c r="CG6" s="189">
        <v>4293</v>
      </c>
      <c r="CH6" s="189">
        <v>3128</v>
      </c>
      <c r="CI6" s="189">
        <v>1796</v>
      </c>
      <c r="CJ6" s="186">
        <v>15051</v>
      </c>
      <c r="CK6" s="191">
        <v>15335</v>
      </c>
      <c r="CL6" s="185">
        <v>3</v>
      </c>
      <c r="CM6" s="189">
        <v>31</v>
      </c>
      <c r="CN6" s="186">
        <v>34</v>
      </c>
      <c r="CO6" s="188">
        <v>0</v>
      </c>
      <c r="CP6" s="189">
        <v>214</v>
      </c>
      <c r="CQ6" s="189">
        <v>498</v>
      </c>
      <c r="CR6" s="189">
        <v>593</v>
      </c>
      <c r="CS6" s="189">
        <v>521</v>
      </c>
      <c r="CT6" s="189">
        <v>346</v>
      </c>
      <c r="CU6" s="186">
        <v>2172</v>
      </c>
      <c r="CV6" s="191">
        <v>2206</v>
      </c>
      <c r="CW6" s="185">
        <v>0</v>
      </c>
      <c r="CX6" s="189">
        <v>0</v>
      </c>
      <c r="CY6" s="186">
        <v>0</v>
      </c>
      <c r="CZ6" s="188">
        <v>0</v>
      </c>
      <c r="DA6" s="189">
        <v>0</v>
      </c>
      <c r="DB6" s="189">
        <v>0</v>
      </c>
      <c r="DC6" s="189">
        <v>0</v>
      </c>
      <c r="DD6" s="189">
        <v>0</v>
      </c>
      <c r="DE6" s="189">
        <v>0</v>
      </c>
      <c r="DF6" s="186">
        <v>0</v>
      </c>
      <c r="DG6" s="191">
        <v>0</v>
      </c>
      <c r="DH6" s="185">
        <v>0</v>
      </c>
      <c r="DI6" s="189">
        <v>0</v>
      </c>
      <c r="DJ6" s="186">
        <v>0</v>
      </c>
      <c r="DK6" s="188">
        <v>0</v>
      </c>
      <c r="DL6" s="189">
        <v>1</v>
      </c>
      <c r="DM6" s="189">
        <v>0</v>
      </c>
      <c r="DN6" s="189">
        <v>0</v>
      </c>
      <c r="DO6" s="189">
        <v>1</v>
      </c>
      <c r="DP6" s="189">
        <v>0</v>
      </c>
      <c r="DQ6" s="186">
        <v>2</v>
      </c>
      <c r="DR6" s="191">
        <v>2</v>
      </c>
      <c r="DS6" s="185">
        <v>10007</v>
      </c>
      <c r="DT6" s="189">
        <v>21670</v>
      </c>
      <c r="DU6" s="186">
        <v>31677</v>
      </c>
      <c r="DV6" s="188">
        <v>0</v>
      </c>
      <c r="DW6" s="189">
        <v>25553</v>
      </c>
      <c r="DX6" s="189">
        <v>43467</v>
      </c>
      <c r="DY6" s="189">
        <v>25370</v>
      </c>
      <c r="DZ6" s="189">
        <v>19835</v>
      </c>
      <c r="EA6" s="189">
        <v>12540</v>
      </c>
      <c r="EB6" s="186">
        <v>126765</v>
      </c>
      <c r="EC6" s="191">
        <v>158442</v>
      </c>
      <c r="ED6" s="185">
        <v>1734</v>
      </c>
      <c r="EE6" s="189">
        <v>1340</v>
      </c>
      <c r="EF6" s="186">
        <v>3074</v>
      </c>
      <c r="EG6" s="188">
        <v>0</v>
      </c>
      <c r="EH6" s="189">
        <v>5783</v>
      </c>
      <c r="EI6" s="189">
        <v>5278</v>
      </c>
      <c r="EJ6" s="189">
        <v>4499</v>
      </c>
      <c r="EK6" s="189">
        <v>5073</v>
      </c>
      <c r="EL6" s="189">
        <v>3089</v>
      </c>
      <c r="EM6" s="186">
        <v>23722</v>
      </c>
      <c r="EN6" s="191">
        <v>26796</v>
      </c>
      <c r="EO6" s="185">
        <v>13016</v>
      </c>
      <c r="EP6" s="189">
        <v>26147</v>
      </c>
      <c r="EQ6" s="186">
        <v>39163</v>
      </c>
      <c r="ER6" s="188">
        <v>0</v>
      </c>
      <c r="ES6" s="189">
        <v>55486</v>
      </c>
      <c r="ET6" s="189">
        <v>58725</v>
      </c>
      <c r="EU6" s="189">
        <v>30418</v>
      </c>
      <c r="EV6" s="189">
        <v>21400</v>
      </c>
      <c r="EW6" s="189">
        <v>13073</v>
      </c>
      <c r="EX6" s="186">
        <v>179102</v>
      </c>
      <c r="EY6" s="191">
        <v>218265</v>
      </c>
    </row>
    <row r="7" spans="1:155" ht="19.5" customHeight="1" x14ac:dyDescent="0.2">
      <c r="A7" s="177" t="s">
        <v>5</v>
      </c>
      <c r="B7" s="192">
        <v>0</v>
      </c>
      <c r="C7" s="196">
        <v>0</v>
      </c>
      <c r="D7" s="458">
        <v>0</v>
      </c>
      <c r="E7" s="195">
        <v>0</v>
      </c>
      <c r="F7" s="196">
        <v>6797</v>
      </c>
      <c r="G7" s="196">
        <v>11238</v>
      </c>
      <c r="H7" s="196">
        <v>5331</v>
      </c>
      <c r="I7" s="196">
        <v>3949</v>
      </c>
      <c r="J7" s="196">
        <v>3017</v>
      </c>
      <c r="K7" s="197">
        <v>30332</v>
      </c>
      <c r="L7" s="198">
        <v>30332</v>
      </c>
      <c r="M7" s="192">
        <v>1</v>
      </c>
      <c r="N7" s="196">
        <v>12</v>
      </c>
      <c r="O7" s="193">
        <v>13</v>
      </c>
      <c r="P7" s="195">
        <v>0</v>
      </c>
      <c r="Q7" s="196">
        <v>30</v>
      </c>
      <c r="R7" s="196">
        <v>178</v>
      </c>
      <c r="S7" s="196">
        <v>305</v>
      </c>
      <c r="T7" s="196">
        <v>759</v>
      </c>
      <c r="U7" s="196">
        <v>1483</v>
      </c>
      <c r="V7" s="193">
        <v>2755</v>
      </c>
      <c r="W7" s="198">
        <v>2768</v>
      </c>
      <c r="X7" s="192">
        <v>950</v>
      </c>
      <c r="Y7" s="196">
        <v>2802</v>
      </c>
      <c r="Z7" s="193">
        <v>3752</v>
      </c>
      <c r="AA7" s="195">
        <v>0</v>
      </c>
      <c r="AB7" s="196">
        <v>3863</v>
      </c>
      <c r="AC7" s="196">
        <v>7713</v>
      </c>
      <c r="AD7" s="196">
        <v>4196</v>
      </c>
      <c r="AE7" s="196">
        <v>3574</v>
      </c>
      <c r="AF7" s="196">
        <v>2734</v>
      </c>
      <c r="AG7" s="193">
        <v>22080</v>
      </c>
      <c r="AH7" s="198">
        <v>25832</v>
      </c>
      <c r="AI7" s="192">
        <v>108</v>
      </c>
      <c r="AJ7" s="196">
        <v>341</v>
      </c>
      <c r="AK7" s="193">
        <v>449</v>
      </c>
      <c r="AL7" s="195">
        <v>0</v>
      </c>
      <c r="AM7" s="196">
        <v>251</v>
      </c>
      <c r="AN7" s="196">
        <v>748</v>
      </c>
      <c r="AO7" s="196">
        <v>418</v>
      </c>
      <c r="AP7" s="196">
        <v>368</v>
      </c>
      <c r="AQ7" s="196">
        <v>235</v>
      </c>
      <c r="AR7" s="193">
        <v>2020</v>
      </c>
      <c r="AS7" s="198">
        <v>2469</v>
      </c>
      <c r="AT7" s="192">
        <v>1106</v>
      </c>
      <c r="AU7" s="196">
        <v>1677</v>
      </c>
      <c r="AV7" s="193">
        <v>2783</v>
      </c>
      <c r="AW7" s="195">
        <v>0</v>
      </c>
      <c r="AX7" s="196">
        <v>6155</v>
      </c>
      <c r="AY7" s="196">
        <v>9193</v>
      </c>
      <c r="AZ7" s="196">
        <v>7357</v>
      </c>
      <c r="BA7" s="196">
        <v>7002</v>
      </c>
      <c r="BB7" s="196">
        <v>5557</v>
      </c>
      <c r="BC7" s="197">
        <v>35264</v>
      </c>
      <c r="BD7" s="198">
        <v>38047</v>
      </c>
      <c r="BE7" s="192">
        <v>0</v>
      </c>
      <c r="BF7" s="196">
        <v>0</v>
      </c>
      <c r="BG7" s="193">
        <v>0</v>
      </c>
      <c r="BH7" s="195">
        <v>0</v>
      </c>
      <c r="BI7" s="196">
        <v>6663</v>
      </c>
      <c r="BJ7" s="196">
        <v>8461</v>
      </c>
      <c r="BK7" s="196">
        <v>4072</v>
      </c>
      <c r="BL7" s="196">
        <v>2292</v>
      </c>
      <c r="BM7" s="196">
        <v>1118</v>
      </c>
      <c r="BN7" s="193">
        <v>22606</v>
      </c>
      <c r="BO7" s="198">
        <v>22606</v>
      </c>
      <c r="BP7" s="192">
        <v>699</v>
      </c>
      <c r="BQ7" s="196">
        <v>1194</v>
      </c>
      <c r="BR7" s="193">
        <v>1893</v>
      </c>
      <c r="BS7" s="195">
        <v>0</v>
      </c>
      <c r="BT7" s="196">
        <v>1349</v>
      </c>
      <c r="BU7" s="196">
        <v>3114</v>
      </c>
      <c r="BV7" s="196">
        <v>1720</v>
      </c>
      <c r="BW7" s="196">
        <v>1044</v>
      </c>
      <c r="BX7" s="196">
        <v>406</v>
      </c>
      <c r="BY7" s="193">
        <v>7633</v>
      </c>
      <c r="BZ7" s="198">
        <v>9526</v>
      </c>
      <c r="CA7" s="192">
        <v>20</v>
      </c>
      <c r="CB7" s="196">
        <v>88</v>
      </c>
      <c r="CC7" s="193">
        <v>108</v>
      </c>
      <c r="CD7" s="195">
        <v>0</v>
      </c>
      <c r="CE7" s="196">
        <v>581</v>
      </c>
      <c r="CF7" s="196">
        <v>1267</v>
      </c>
      <c r="CG7" s="196">
        <v>1522</v>
      </c>
      <c r="CH7" s="196">
        <v>1124</v>
      </c>
      <c r="CI7" s="196">
        <v>657</v>
      </c>
      <c r="CJ7" s="193">
        <v>5151</v>
      </c>
      <c r="CK7" s="198">
        <v>5259</v>
      </c>
      <c r="CL7" s="192">
        <v>2</v>
      </c>
      <c r="CM7" s="196">
        <v>23</v>
      </c>
      <c r="CN7" s="193">
        <v>25</v>
      </c>
      <c r="CO7" s="195">
        <v>0</v>
      </c>
      <c r="CP7" s="196">
        <v>98</v>
      </c>
      <c r="CQ7" s="196">
        <v>282</v>
      </c>
      <c r="CR7" s="196">
        <v>324</v>
      </c>
      <c r="CS7" s="196">
        <v>291</v>
      </c>
      <c r="CT7" s="196">
        <v>214</v>
      </c>
      <c r="CU7" s="193">
        <v>1209</v>
      </c>
      <c r="CV7" s="198">
        <v>1234</v>
      </c>
      <c r="CW7" s="192">
        <v>0</v>
      </c>
      <c r="CX7" s="196">
        <v>0</v>
      </c>
      <c r="CY7" s="193">
        <v>0</v>
      </c>
      <c r="CZ7" s="195">
        <v>0</v>
      </c>
      <c r="DA7" s="196">
        <v>0</v>
      </c>
      <c r="DB7" s="196">
        <v>0</v>
      </c>
      <c r="DC7" s="196">
        <v>0</v>
      </c>
      <c r="DD7" s="196">
        <v>0</v>
      </c>
      <c r="DE7" s="196">
        <v>0</v>
      </c>
      <c r="DF7" s="193">
        <v>0</v>
      </c>
      <c r="DG7" s="198">
        <v>0</v>
      </c>
      <c r="DH7" s="192">
        <v>0</v>
      </c>
      <c r="DI7" s="196">
        <v>0</v>
      </c>
      <c r="DJ7" s="193">
        <v>0</v>
      </c>
      <c r="DK7" s="195">
        <v>0</v>
      </c>
      <c r="DL7" s="196">
        <v>0</v>
      </c>
      <c r="DM7" s="196">
        <v>0</v>
      </c>
      <c r="DN7" s="196">
        <v>0</v>
      </c>
      <c r="DO7" s="196">
        <v>0</v>
      </c>
      <c r="DP7" s="196">
        <v>0</v>
      </c>
      <c r="DQ7" s="193">
        <v>0</v>
      </c>
      <c r="DR7" s="198">
        <v>0</v>
      </c>
      <c r="DS7" s="192">
        <v>3276</v>
      </c>
      <c r="DT7" s="196">
        <v>9203</v>
      </c>
      <c r="DU7" s="193">
        <v>12479</v>
      </c>
      <c r="DV7" s="195">
        <v>0</v>
      </c>
      <c r="DW7" s="196">
        <v>7097</v>
      </c>
      <c r="DX7" s="196">
        <v>19288</v>
      </c>
      <c r="DY7" s="196">
        <v>10389</v>
      </c>
      <c r="DZ7" s="196">
        <v>7859</v>
      </c>
      <c r="EA7" s="196">
        <v>5154</v>
      </c>
      <c r="EB7" s="193">
        <v>49787</v>
      </c>
      <c r="EC7" s="198">
        <v>62266</v>
      </c>
      <c r="ED7" s="192">
        <v>723</v>
      </c>
      <c r="EE7" s="196">
        <v>526</v>
      </c>
      <c r="EF7" s="193">
        <v>1249</v>
      </c>
      <c r="EG7" s="195">
        <v>0</v>
      </c>
      <c r="EH7" s="196">
        <v>2374</v>
      </c>
      <c r="EI7" s="196">
        <v>2530</v>
      </c>
      <c r="EJ7" s="196">
        <v>1992</v>
      </c>
      <c r="EK7" s="196">
        <v>2177</v>
      </c>
      <c r="EL7" s="196">
        <v>1280</v>
      </c>
      <c r="EM7" s="193">
        <v>10353</v>
      </c>
      <c r="EN7" s="198">
        <v>11602</v>
      </c>
      <c r="EO7" s="192">
        <v>4662</v>
      </c>
      <c r="EP7" s="196">
        <v>11455</v>
      </c>
      <c r="EQ7" s="193">
        <v>16117</v>
      </c>
      <c r="ER7" s="195">
        <v>0</v>
      </c>
      <c r="ES7" s="196">
        <v>17882</v>
      </c>
      <c r="ET7" s="196">
        <v>26759</v>
      </c>
      <c r="EU7" s="196">
        <v>12643</v>
      </c>
      <c r="EV7" s="196">
        <v>8637</v>
      </c>
      <c r="EW7" s="196">
        <v>5403</v>
      </c>
      <c r="EX7" s="193">
        <v>71324</v>
      </c>
      <c r="EY7" s="198">
        <v>87441</v>
      </c>
    </row>
    <row r="8" spans="1:155" ht="19.5" customHeight="1" x14ac:dyDescent="0.2">
      <c r="A8" s="177" t="s">
        <v>6</v>
      </c>
      <c r="B8" s="192">
        <v>0</v>
      </c>
      <c r="C8" s="196">
        <v>0</v>
      </c>
      <c r="D8" s="458">
        <v>0</v>
      </c>
      <c r="E8" s="195">
        <v>0</v>
      </c>
      <c r="F8" s="196">
        <v>3472</v>
      </c>
      <c r="G8" s="196">
        <v>2957</v>
      </c>
      <c r="H8" s="196">
        <v>1764</v>
      </c>
      <c r="I8" s="196">
        <v>1557</v>
      </c>
      <c r="J8" s="196">
        <v>1164</v>
      </c>
      <c r="K8" s="197">
        <v>10914</v>
      </c>
      <c r="L8" s="198">
        <v>10914</v>
      </c>
      <c r="M8" s="192">
        <v>0</v>
      </c>
      <c r="N8" s="196">
        <v>3</v>
      </c>
      <c r="O8" s="193">
        <v>3</v>
      </c>
      <c r="P8" s="195">
        <v>0</v>
      </c>
      <c r="Q8" s="196">
        <v>21</v>
      </c>
      <c r="R8" s="196">
        <v>66</v>
      </c>
      <c r="S8" s="196">
        <v>117</v>
      </c>
      <c r="T8" s="196">
        <v>286</v>
      </c>
      <c r="U8" s="196">
        <v>523</v>
      </c>
      <c r="V8" s="193">
        <v>1013</v>
      </c>
      <c r="W8" s="198">
        <v>1016</v>
      </c>
      <c r="X8" s="192">
        <v>331</v>
      </c>
      <c r="Y8" s="196">
        <v>709</v>
      </c>
      <c r="Z8" s="193">
        <v>1040</v>
      </c>
      <c r="AA8" s="195">
        <v>0</v>
      </c>
      <c r="AB8" s="196">
        <v>1934</v>
      </c>
      <c r="AC8" s="196">
        <v>1940</v>
      </c>
      <c r="AD8" s="196">
        <v>1186</v>
      </c>
      <c r="AE8" s="196">
        <v>1192</v>
      </c>
      <c r="AF8" s="196">
        <v>932</v>
      </c>
      <c r="AG8" s="193">
        <v>7184</v>
      </c>
      <c r="AH8" s="198">
        <v>8224</v>
      </c>
      <c r="AI8" s="192">
        <v>26</v>
      </c>
      <c r="AJ8" s="196">
        <v>57</v>
      </c>
      <c r="AK8" s="193">
        <v>83</v>
      </c>
      <c r="AL8" s="195">
        <v>0</v>
      </c>
      <c r="AM8" s="196">
        <v>148</v>
      </c>
      <c r="AN8" s="196">
        <v>192</v>
      </c>
      <c r="AO8" s="196">
        <v>122</v>
      </c>
      <c r="AP8" s="196">
        <v>130</v>
      </c>
      <c r="AQ8" s="196">
        <v>72</v>
      </c>
      <c r="AR8" s="193">
        <v>664</v>
      </c>
      <c r="AS8" s="198">
        <v>747</v>
      </c>
      <c r="AT8" s="192">
        <v>464</v>
      </c>
      <c r="AU8" s="196">
        <v>529</v>
      </c>
      <c r="AV8" s="193">
        <v>993</v>
      </c>
      <c r="AW8" s="195">
        <v>0</v>
      </c>
      <c r="AX8" s="196">
        <v>3175</v>
      </c>
      <c r="AY8" s="196">
        <v>3370</v>
      </c>
      <c r="AZ8" s="196">
        <v>2972</v>
      </c>
      <c r="BA8" s="196">
        <v>3091</v>
      </c>
      <c r="BB8" s="196">
        <v>2375</v>
      </c>
      <c r="BC8" s="197">
        <v>14983</v>
      </c>
      <c r="BD8" s="198">
        <v>15976</v>
      </c>
      <c r="BE8" s="192">
        <v>0</v>
      </c>
      <c r="BF8" s="196">
        <v>0</v>
      </c>
      <c r="BG8" s="193">
        <v>0</v>
      </c>
      <c r="BH8" s="195">
        <v>0</v>
      </c>
      <c r="BI8" s="196">
        <v>3715</v>
      </c>
      <c r="BJ8" s="196">
        <v>2631</v>
      </c>
      <c r="BK8" s="196">
        <v>1503</v>
      </c>
      <c r="BL8" s="196">
        <v>992</v>
      </c>
      <c r="BM8" s="196">
        <v>452</v>
      </c>
      <c r="BN8" s="193">
        <v>9293</v>
      </c>
      <c r="BO8" s="198">
        <v>9293</v>
      </c>
      <c r="BP8" s="192">
        <v>98</v>
      </c>
      <c r="BQ8" s="196">
        <v>203</v>
      </c>
      <c r="BR8" s="193">
        <v>301</v>
      </c>
      <c r="BS8" s="195">
        <v>0</v>
      </c>
      <c r="BT8" s="196">
        <v>560</v>
      </c>
      <c r="BU8" s="196">
        <v>735</v>
      </c>
      <c r="BV8" s="196">
        <v>489</v>
      </c>
      <c r="BW8" s="196">
        <v>344</v>
      </c>
      <c r="BX8" s="196">
        <v>113</v>
      </c>
      <c r="BY8" s="193">
        <v>2241</v>
      </c>
      <c r="BZ8" s="198">
        <v>2542</v>
      </c>
      <c r="CA8" s="192">
        <v>9</v>
      </c>
      <c r="CB8" s="196">
        <v>24</v>
      </c>
      <c r="CC8" s="193">
        <v>33</v>
      </c>
      <c r="CD8" s="195">
        <v>0</v>
      </c>
      <c r="CE8" s="196">
        <v>311</v>
      </c>
      <c r="CF8" s="196">
        <v>425</v>
      </c>
      <c r="CG8" s="196">
        <v>532</v>
      </c>
      <c r="CH8" s="196">
        <v>382</v>
      </c>
      <c r="CI8" s="196">
        <v>225</v>
      </c>
      <c r="CJ8" s="193">
        <v>1875</v>
      </c>
      <c r="CK8" s="198">
        <v>1908</v>
      </c>
      <c r="CL8" s="192">
        <v>0</v>
      </c>
      <c r="CM8" s="196">
        <v>1</v>
      </c>
      <c r="CN8" s="193">
        <v>1</v>
      </c>
      <c r="CO8" s="195">
        <v>0</v>
      </c>
      <c r="CP8" s="196">
        <v>31</v>
      </c>
      <c r="CQ8" s="196">
        <v>60</v>
      </c>
      <c r="CR8" s="196">
        <v>76</v>
      </c>
      <c r="CS8" s="196">
        <v>72</v>
      </c>
      <c r="CT8" s="196">
        <v>41</v>
      </c>
      <c r="CU8" s="193">
        <v>280</v>
      </c>
      <c r="CV8" s="198">
        <v>281</v>
      </c>
      <c r="CW8" s="192">
        <v>0</v>
      </c>
      <c r="CX8" s="196">
        <v>0</v>
      </c>
      <c r="CY8" s="193">
        <v>0</v>
      </c>
      <c r="CZ8" s="195">
        <v>0</v>
      </c>
      <c r="DA8" s="196">
        <v>0</v>
      </c>
      <c r="DB8" s="196">
        <v>0</v>
      </c>
      <c r="DC8" s="196">
        <v>0</v>
      </c>
      <c r="DD8" s="196">
        <v>0</v>
      </c>
      <c r="DE8" s="196">
        <v>0</v>
      </c>
      <c r="DF8" s="193">
        <v>0</v>
      </c>
      <c r="DG8" s="198">
        <v>0</v>
      </c>
      <c r="DH8" s="192">
        <v>0</v>
      </c>
      <c r="DI8" s="196">
        <v>0</v>
      </c>
      <c r="DJ8" s="193">
        <v>0</v>
      </c>
      <c r="DK8" s="195">
        <v>0</v>
      </c>
      <c r="DL8" s="196">
        <v>0</v>
      </c>
      <c r="DM8" s="196">
        <v>0</v>
      </c>
      <c r="DN8" s="196">
        <v>0</v>
      </c>
      <c r="DO8" s="196">
        <v>0</v>
      </c>
      <c r="DP8" s="196">
        <v>0</v>
      </c>
      <c r="DQ8" s="193">
        <v>0</v>
      </c>
      <c r="DR8" s="198">
        <v>0</v>
      </c>
      <c r="DS8" s="192">
        <v>1500</v>
      </c>
      <c r="DT8" s="196">
        <v>2708</v>
      </c>
      <c r="DU8" s="193">
        <v>4208</v>
      </c>
      <c r="DV8" s="195">
        <v>0</v>
      </c>
      <c r="DW8" s="196">
        <v>4789</v>
      </c>
      <c r="DX8" s="196">
        <v>5570</v>
      </c>
      <c r="DY8" s="196">
        <v>3661</v>
      </c>
      <c r="DZ8" s="196">
        <v>3156</v>
      </c>
      <c r="EA8" s="196">
        <v>1972</v>
      </c>
      <c r="EB8" s="193">
        <v>19148</v>
      </c>
      <c r="EC8" s="198">
        <v>23356</v>
      </c>
      <c r="ED8" s="192">
        <v>248</v>
      </c>
      <c r="EE8" s="196">
        <v>172</v>
      </c>
      <c r="EF8" s="193">
        <v>420</v>
      </c>
      <c r="EG8" s="195">
        <v>0</v>
      </c>
      <c r="EH8" s="196">
        <v>794</v>
      </c>
      <c r="EI8" s="196">
        <v>677</v>
      </c>
      <c r="EJ8" s="196">
        <v>643</v>
      </c>
      <c r="EK8" s="196">
        <v>776</v>
      </c>
      <c r="EL8" s="196">
        <v>512</v>
      </c>
      <c r="EM8" s="193">
        <v>3402</v>
      </c>
      <c r="EN8" s="198">
        <v>3822</v>
      </c>
      <c r="EO8" s="192">
        <v>1856</v>
      </c>
      <c r="EP8" s="196">
        <v>3243</v>
      </c>
      <c r="EQ8" s="193">
        <v>5099</v>
      </c>
      <c r="ER8" s="195">
        <v>0</v>
      </c>
      <c r="ES8" s="196">
        <v>9420</v>
      </c>
      <c r="ET8" s="196">
        <v>7318</v>
      </c>
      <c r="EU8" s="196">
        <v>4257</v>
      </c>
      <c r="EV8" s="196">
        <v>3316</v>
      </c>
      <c r="EW8" s="196">
        <v>2054</v>
      </c>
      <c r="EX8" s="193">
        <v>26365</v>
      </c>
      <c r="EY8" s="198">
        <v>31464</v>
      </c>
    </row>
    <row r="9" spans="1:155" ht="19.5" customHeight="1" x14ac:dyDescent="0.2">
      <c r="A9" s="177" t="s">
        <v>14</v>
      </c>
      <c r="B9" s="192">
        <v>0</v>
      </c>
      <c r="C9" s="196">
        <v>0</v>
      </c>
      <c r="D9" s="458">
        <v>0</v>
      </c>
      <c r="E9" s="195">
        <v>0</v>
      </c>
      <c r="F9" s="196">
        <v>1150</v>
      </c>
      <c r="G9" s="196">
        <v>1543</v>
      </c>
      <c r="H9" s="196">
        <v>896</v>
      </c>
      <c r="I9" s="196">
        <v>668</v>
      </c>
      <c r="J9" s="196">
        <v>453</v>
      </c>
      <c r="K9" s="197">
        <v>4710</v>
      </c>
      <c r="L9" s="198">
        <v>4710</v>
      </c>
      <c r="M9" s="192">
        <v>0</v>
      </c>
      <c r="N9" s="196">
        <v>1</v>
      </c>
      <c r="O9" s="193">
        <v>1</v>
      </c>
      <c r="P9" s="195">
        <v>0</v>
      </c>
      <c r="Q9" s="196">
        <v>7</v>
      </c>
      <c r="R9" s="196">
        <v>27</v>
      </c>
      <c r="S9" s="196">
        <v>50</v>
      </c>
      <c r="T9" s="196">
        <v>119</v>
      </c>
      <c r="U9" s="196">
        <v>203</v>
      </c>
      <c r="V9" s="193">
        <v>406</v>
      </c>
      <c r="W9" s="198">
        <v>407</v>
      </c>
      <c r="X9" s="192">
        <v>108</v>
      </c>
      <c r="Y9" s="196">
        <v>400</v>
      </c>
      <c r="Z9" s="193">
        <v>508</v>
      </c>
      <c r="AA9" s="195">
        <v>0</v>
      </c>
      <c r="AB9" s="196">
        <v>602</v>
      </c>
      <c r="AC9" s="196">
        <v>979</v>
      </c>
      <c r="AD9" s="196">
        <v>651</v>
      </c>
      <c r="AE9" s="196">
        <v>618</v>
      </c>
      <c r="AF9" s="196">
        <v>403</v>
      </c>
      <c r="AG9" s="193">
        <v>3253</v>
      </c>
      <c r="AH9" s="198">
        <v>3761</v>
      </c>
      <c r="AI9" s="192">
        <v>5</v>
      </c>
      <c r="AJ9" s="196">
        <v>37</v>
      </c>
      <c r="AK9" s="193">
        <v>42</v>
      </c>
      <c r="AL9" s="195">
        <v>0</v>
      </c>
      <c r="AM9" s="196">
        <v>21</v>
      </c>
      <c r="AN9" s="196">
        <v>62</v>
      </c>
      <c r="AO9" s="196">
        <v>60</v>
      </c>
      <c r="AP9" s="196">
        <v>39</v>
      </c>
      <c r="AQ9" s="196">
        <v>29</v>
      </c>
      <c r="AR9" s="193">
        <v>211</v>
      </c>
      <c r="AS9" s="198">
        <v>253</v>
      </c>
      <c r="AT9" s="192">
        <v>199</v>
      </c>
      <c r="AU9" s="196">
        <v>307</v>
      </c>
      <c r="AV9" s="193">
        <v>506</v>
      </c>
      <c r="AW9" s="195">
        <v>0</v>
      </c>
      <c r="AX9" s="196">
        <v>1221</v>
      </c>
      <c r="AY9" s="196">
        <v>1498</v>
      </c>
      <c r="AZ9" s="196">
        <v>1389</v>
      </c>
      <c r="BA9" s="196">
        <v>1259</v>
      </c>
      <c r="BB9" s="196">
        <v>877</v>
      </c>
      <c r="BC9" s="197">
        <v>6244</v>
      </c>
      <c r="BD9" s="198">
        <v>6750</v>
      </c>
      <c r="BE9" s="192">
        <v>0</v>
      </c>
      <c r="BF9" s="196">
        <v>0</v>
      </c>
      <c r="BG9" s="193">
        <v>0</v>
      </c>
      <c r="BH9" s="195">
        <v>0</v>
      </c>
      <c r="BI9" s="196">
        <v>1517</v>
      </c>
      <c r="BJ9" s="196">
        <v>1550</v>
      </c>
      <c r="BK9" s="196">
        <v>1029</v>
      </c>
      <c r="BL9" s="196">
        <v>628</v>
      </c>
      <c r="BM9" s="196">
        <v>274</v>
      </c>
      <c r="BN9" s="193">
        <v>4998</v>
      </c>
      <c r="BO9" s="198">
        <v>4998</v>
      </c>
      <c r="BP9" s="192">
        <v>81</v>
      </c>
      <c r="BQ9" s="196">
        <v>178</v>
      </c>
      <c r="BR9" s="193">
        <v>259</v>
      </c>
      <c r="BS9" s="195">
        <v>0</v>
      </c>
      <c r="BT9" s="196">
        <v>143</v>
      </c>
      <c r="BU9" s="196">
        <v>377</v>
      </c>
      <c r="BV9" s="196">
        <v>219</v>
      </c>
      <c r="BW9" s="196">
        <v>163</v>
      </c>
      <c r="BX9" s="196">
        <v>43</v>
      </c>
      <c r="BY9" s="193">
        <v>945</v>
      </c>
      <c r="BZ9" s="198">
        <v>1204</v>
      </c>
      <c r="CA9" s="192">
        <v>6</v>
      </c>
      <c r="CB9" s="196">
        <v>26</v>
      </c>
      <c r="CC9" s="193">
        <v>32</v>
      </c>
      <c r="CD9" s="195">
        <v>0</v>
      </c>
      <c r="CE9" s="196">
        <v>165</v>
      </c>
      <c r="CF9" s="196">
        <v>286</v>
      </c>
      <c r="CG9" s="196">
        <v>392</v>
      </c>
      <c r="CH9" s="196">
        <v>290</v>
      </c>
      <c r="CI9" s="196">
        <v>140</v>
      </c>
      <c r="CJ9" s="193">
        <v>1273</v>
      </c>
      <c r="CK9" s="198">
        <v>1305</v>
      </c>
      <c r="CL9" s="192">
        <v>0</v>
      </c>
      <c r="CM9" s="196">
        <v>3</v>
      </c>
      <c r="CN9" s="193">
        <v>3</v>
      </c>
      <c r="CO9" s="195">
        <v>0</v>
      </c>
      <c r="CP9" s="196">
        <v>4</v>
      </c>
      <c r="CQ9" s="196">
        <v>8</v>
      </c>
      <c r="CR9" s="196">
        <v>13</v>
      </c>
      <c r="CS9" s="196">
        <v>13</v>
      </c>
      <c r="CT9" s="196">
        <v>5</v>
      </c>
      <c r="CU9" s="193">
        <v>43</v>
      </c>
      <c r="CV9" s="198">
        <v>46</v>
      </c>
      <c r="CW9" s="192">
        <v>0</v>
      </c>
      <c r="CX9" s="196">
        <v>0</v>
      </c>
      <c r="CY9" s="193">
        <v>0</v>
      </c>
      <c r="CZ9" s="195">
        <v>0</v>
      </c>
      <c r="DA9" s="196">
        <v>0</v>
      </c>
      <c r="DB9" s="196">
        <v>0</v>
      </c>
      <c r="DC9" s="196">
        <v>0</v>
      </c>
      <c r="DD9" s="196">
        <v>0</v>
      </c>
      <c r="DE9" s="196">
        <v>0</v>
      </c>
      <c r="DF9" s="193">
        <v>0</v>
      </c>
      <c r="DG9" s="198">
        <v>0</v>
      </c>
      <c r="DH9" s="192">
        <v>0</v>
      </c>
      <c r="DI9" s="196">
        <v>0</v>
      </c>
      <c r="DJ9" s="193">
        <v>0</v>
      </c>
      <c r="DK9" s="195">
        <v>0</v>
      </c>
      <c r="DL9" s="196">
        <v>0</v>
      </c>
      <c r="DM9" s="196">
        <v>0</v>
      </c>
      <c r="DN9" s="196">
        <v>0</v>
      </c>
      <c r="DO9" s="196">
        <v>1</v>
      </c>
      <c r="DP9" s="196">
        <v>0</v>
      </c>
      <c r="DQ9" s="193">
        <v>1</v>
      </c>
      <c r="DR9" s="198">
        <v>1</v>
      </c>
      <c r="DS9" s="192">
        <v>786</v>
      </c>
      <c r="DT9" s="196">
        <v>2182</v>
      </c>
      <c r="DU9" s="193">
        <v>2968</v>
      </c>
      <c r="DV9" s="195">
        <v>0</v>
      </c>
      <c r="DW9" s="196">
        <v>1636</v>
      </c>
      <c r="DX9" s="196">
        <v>3449</v>
      </c>
      <c r="DY9" s="196">
        <v>2134</v>
      </c>
      <c r="DZ9" s="196">
        <v>1650</v>
      </c>
      <c r="EA9" s="196">
        <v>868</v>
      </c>
      <c r="EB9" s="193">
        <v>9737</v>
      </c>
      <c r="EC9" s="198">
        <v>12705</v>
      </c>
      <c r="ED9" s="192">
        <v>134</v>
      </c>
      <c r="EE9" s="196">
        <v>125</v>
      </c>
      <c r="EF9" s="193">
        <v>259</v>
      </c>
      <c r="EG9" s="195">
        <v>0</v>
      </c>
      <c r="EH9" s="196">
        <v>321</v>
      </c>
      <c r="EI9" s="196">
        <v>283</v>
      </c>
      <c r="EJ9" s="196">
        <v>251</v>
      </c>
      <c r="EK9" s="196">
        <v>291</v>
      </c>
      <c r="EL9" s="196">
        <v>151</v>
      </c>
      <c r="EM9" s="193">
        <v>1297</v>
      </c>
      <c r="EN9" s="198">
        <v>1556</v>
      </c>
      <c r="EO9" s="192">
        <v>935</v>
      </c>
      <c r="EP9" s="196">
        <v>2476</v>
      </c>
      <c r="EQ9" s="193">
        <v>3411</v>
      </c>
      <c r="ER9" s="195">
        <v>0</v>
      </c>
      <c r="ES9" s="196">
        <v>3746</v>
      </c>
      <c r="ET9" s="196">
        <v>4491</v>
      </c>
      <c r="EU9" s="196">
        <v>2588</v>
      </c>
      <c r="EV9" s="196">
        <v>1795</v>
      </c>
      <c r="EW9" s="196">
        <v>919</v>
      </c>
      <c r="EX9" s="193">
        <v>13539</v>
      </c>
      <c r="EY9" s="198">
        <v>16950</v>
      </c>
    </row>
    <row r="10" spans="1:155" ht="19.5" customHeight="1" x14ac:dyDescent="0.2">
      <c r="A10" s="177" t="s">
        <v>7</v>
      </c>
      <c r="B10" s="192">
        <v>0</v>
      </c>
      <c r="C10" s="196">
        <v>0</v>
      </c>
      <c r="D10" s="458">
        <v>0</v>
      </c>
      <c r="E10" s="195">
        <v>0</v>
      </c>
      <c r="F10" s="196">
        <v>1539</v>
      </c>
      <c r="G10" s="196">
        <v>1214</v>
      </c>
      <c r="H10" s="196">
        <v>656</v>
      </c>
      <c r="I10" s="196">
        <v>562</v>
      </c>
      <c r="J10" s="196">
        <v>371</v>
      </c>
      <c r="K10" s="197">
        <v>4342</v>
      </c>
      <c r="L10" s="198">
        <v>4342</v>
      </c>
      <c r="M10" s="192">
        <v>1</v>
      </c>
      <c r="N10" s="196">
        <v>0</v>
      </c>
      <c r="O10" s="193">
        <v>1</v>
      </c>
      <c r="P10" s="195">
        <v>0</v>
      </c>
      <c r="Q10" s="196">
        <v>16</v>
      </c>
      <c r="R10" s="196">
        <v>37</v>
      </c>
      <c r="S10" s="196">
        <v>61</v>
      </c>
      <c r="T10" s="196">
        <v>130</v>
      </c>
      <c r="U10" s="196">
        <v>191</v>
      </c>
      <c r="V10" s="193">
        <v>435</v>
      </c>
      <c r="W10" s="198">
        <v>436</v>
      </c>
      <c r="X10" s="192">
        <v>8</v>
      </c>
      <c r="Y10" s="196">
        <v>23</v>
      </c>
      <c r="Z10" s="193">
        <v>31</v>
      </c>
      <c r="AA10" s="195">
        <v>0</v>
      </c>
      <c r="AB10" s="196">
        <v>435</v>
      </c>
      <c r="AC10" s="196">
        <v>491</v>
      </c>
      <c r="AD10" s="196">
        <v>314</v>
      </c>
      <c r="AE10" s="196">
        <v>322</v>
      </c>
      <c r="AF10" s="196">
        <v>267</v>
      </c>
      <c r="AG10" s="193">
        <v>1829</v>
      </c>
      <c r="AH10" s="198">
        <v>1860</v>
      </c>
      <c r="AI10" s="192">
        <v>4</v>
      </c>
      <c r="AJ10" s="196">
        <v>7</v>
      </c>
      <c r="AK10" s="193">
        <v>11</v>
      </c>
      <c r="AL10" s="195">
        <v>0</v>
      </c>
      <c r="AM10" s="196">
        <v>62</v>
      </c>
      <c r="AN10" s="196">
        <v>77</v>
      </c>
      <c r="AO10" s="196">
        <v>43</v>
      </c>
      <c r="AP10" s="196">
        <v>57</v>
      </c>
      <c r="AQ10" s="196">
        <v>37</v>
      </c>
      <c r="AR10" s="193">
        <v>276</v>
      </c>
      <c r="AS10" s="198">
        <v>287</v>
      </c>
      <c r="AT10" s="192">
        <v>134</v>
      </c>
      <c r="AU10" s="196">
        <v>102</v>
      </c>
      <c r="AV10" s="193">
        <v>236</v>
      </c>
      <c r="AW10" s="195">
        <v>0</v>
      </c>
      <c r="AX10" s="196">
        <v>1103</v>
      </c>
      <c r="AY10" s="196">
        <v>1038</v>
      </c>
      <c r="AZ10" s="196">
        <v>941</v>
      </c>
      <c r="BA10" s="196">
        <v>975</v>
      </c>
      <c r="BB10" s="196">
        <v>644</v>
      </c>
      <c r="BC10" s="197">
        <v>4701</v>
      </c>
      <c r="BD10" s="198">
        <v>4937</v>
      </c>
      <c r="BE10" s="192">
        <v>0</v>
      </c>
      <c r="BF10" s="196">
        <v>0</v>
      </c>
      <c r="BG10" s="193">
        <v>0</v>
      </c>
      <c r="BH10" s="195">
        <v>0</v>
      </c>
      <c r="BI10" s="196">
        <v>1736</v>
      </c>
      <c r="BJ10" s="196">
        <v>1176</v>
      </c>
      <c r="BK10" s="196">
        <v>543</v>
      </c>
      <c r="BL10" s="196">
        <v>353</v>
      </c>
      <c r="BM10" s="196">
        <v>161</v>
      </c>
      <c r="BN10" s="193">
        <v>3969</v>
      </c>
      <c r="BO10" s="198">
        <v>3969</v>
      </c>
      <c r="BP10" s="192">
        <v>18</v>
      </c>
      <c r="BQ10" s="196">
        <v>40</v>
      </c>
      <c r="BR10" s="193">
        <v>58</v>
      </c>
      <c r="BS10" s="195">
        <v>0</v>
      </c>
      <c r="BT10" s="196">
        <v>248</v>
      </c>
      <c r="BU10" s="196">
        <v>231</v>
      </c>
      <c r="BV10" s="196">
        <v>121</v>
      </c>
      <c r="BW10" s="196">
        <v>77</v>
      </c>
      <c r="BX10" s="196">
        <v>23</v>
      </c>
      <c r="BY10" s="193">
        <v>700</v>
      </c>
      <c r="BZ10" s="198">
        <v>758</v>
      </c>
      <c r="CA10" s="192">
        <v>1</v>
      </c>
      <c r="CB10" s="196">
        <v>1</v>
      </c>
      <c r="CC10" s="193">
        <v>2</v>
      </c>
      <c r="CD10" s="195">
        <v>0</v>
      </c>
      <c r="CE10" s="196">
        <v>215</v>
      </c>
      <c r="CF10" s="196">
        <v>295</v>
      </c>
      <c r="CG10" s="196">
        <v>271</v>
      </c>
      <c r="CH10" s="196">
        <v>200</v>
      </c>
      <c r="CI10" s="196">
        <v>127</v>
      </c>
      <c r="CJ10" s="193">
        <v>1108</v>
      </c>
      <c r="CK10" s="198">
        <v>1110</v>
      </c>
      <c r="CL10" s="192">
        <v>0</v>
      </c>
      <c r="CM10" s="196">
        <v>0</v>
      </c>
      <c r="CN10" s="193">
        <v>0</v>
      </c>
      <c r="CO10" s="195">
        <v>0</v>
      </c>
      <c r="CP10" s="196">
        <v>5</v>
      </c>
      <c r="CQ10" s="196">
        <v>17</v>
      </c>
      <c r="CR10" s="196">
        <v>17</v>
      </c>
      <c r="CS10" s="196">
        <v>10</v>
      </c>
      <c r="CT10" s="196">
        <v>11</v>
      </c>
      <c r="CU10" s="193">
        <v>60</v>
      </c>
      <c r="CV10" s="198">
        <v>60</v>
      </c>
      <c r="CW10" s="192">
        <v>0</v>
      </c>
      <c r="CX10" s="196">
        <v>0</v>
      </c>
      <c r="CY10" s="193">
        <v>0</v>
      </c>
      <c r="CZ10" s="195">
        <v>0</v>
      </c>
      <c r="DA10" s="196">
        <v>0</v>
      </c>
      <c r="DB10" s="196">
        <v>0</v>
      </c>
      <c r="DC10" s="196">
        <v>0</v>
      </c>
      <c r="DD10" s="196">
        <v>0</v>
      </c>
      <c r="DE10" s="196">
        <v>0</v>
      </c>
      <c r="DF10" s="193">
        <v>0</v>
      </c>
      <c r="DG10" s="198">
        <v>0</v>
      </c>
      <c r="DH10" s="192">
        <v>0</v>
      </c>
      <c r="DI10" s="196">
        <v>0</v>
      </c>
      <c r="DJ10" s="193">
        <v>0</v>
      </c>
      <c r="DK10" s="195">
        <v>0</v>
      </c>
      <c r="DL10" s="196">
        <v>0</v>
      </c>
      <c r="DM10" s="196">
        <v>0</v>
      </c>
      <c r="DN10" s="196">
        <v>0</v>
      </c>
      <c r="DO10" s="196">
        <v>0</v>
      </c>
      <c r="DP10" s="196">
        <v>0</v>
      </c>
      <c r="DQ10" s="193">
        <v>0</v>
      </c>
      <c r="DR10" s="198">
        <v>0</v>
      </c>
      <c r="DS10" s="192">
        <v>289</v>
      </c>
      <c r="DT10" s="196">
        <v>620</v>
      </c>
      <c r="DU10" s="193">
        <v>909</v>
      </c>
      <c r="DV10" s="195">
        <v>0</v>
      </c>
      <c r="DW10" s="196">
        <v>1896</v>
      </c>
      <c r="DX10" s="196">
        <v>2264</v>
      </c>
      <c r="DY10" s="196">
        <v>1275</v>
      </c>
      <c r="DZ10" s="196">
        <v>1011</v>
      </c>
      <c r="EA10" s="196">
        <v>620</v>
      </c>
      <c r="EB10" s="193">
        <v>7066</v>
      </c>
      <c r="EC10" s="198">
        <v>7975</v>
      </c>
      <c r="ED10" s="192">
        <v>103</v>
      </c>
      <c r="EE10" s="196">
        <v>53</v>
      </c>
      <c r="EF10" s="193">
        <v>156</v>
      </c>
      <c r="EG10" s="195">
        <v>0</v>
      </c>
      <c r="EH10" s="196">
        <v>468</v>
      </c>
      <c r="EI10" s="196">
        <v>263</v>
      </c>
      <c r="EJ10" s="196">
        <v>249</v>
      </c>
      <c r="EK10" s="196">
        <v>291</v>
      </c>
      <c r="EL10" s="196">
        <v>146</v>
      </c>
      <c r="EM10" s="193">
        <v>1417</v>
      </c>
      <c r="EN10" s="198">
        <v>1573</v>
      </c>
      <c r="EO10" s="192">
        <v>327</v>
      </c>
      <c r="EP10" s="196">
        <v>669</v>
      </c>
      <c r="EQ10" s="193">
        <v>996</v>
      </c>
      <c r="ER10" s="195">
        <v>0</v>
      </c>
      <c r="ES10" s="196">
        <v>4303</v>
      </c>
      <c r="ET10" s="196">
        <v>3115</v>
      </c>
      <c r="EU10" s="196">
        <v>1573</v>
      </c>
      <c r="EV10" s="196">
        <v>1114</v>
      </c>
      <c r="EW10" s="196">
        <v>655</v>
      </c>
      <c r="EX10" s="193">
        <v>10760</v>
      </c>
      <c r="EY10" s="198">
        <v>11756</v>
      </c>
    </row>
    <row r="11" spans="1:155" ht="19.5" customHeight="1" x14ac:dyDescent="0.2">
      <c r="A11" s="177" t="s">
        <v>8</v>
      </c>
      <c r="B11" s="192">
        <v>0</v>
      </c>
      <c r="C11" s="196">
        <v>0</v>
      </c>
      <c r="D11" s="458">
        <v>0</v>
      </c>
      <c r="E11" s="195">
        <v>0</v>
      </c>
      <c r="F11" s="196">
        <v>482</v>
      </c>
      <c r="G11" s="196">
        <v>587</v>
      </c>
      <c r="H11" s="196">
        <v>356</v>
      </c>
      <c r="I11" s="196">
        <v>289</v>
      </c>
      <c r="J11" s="196">
        <v>237</v>
      </c>
      <c r="K11" s="197">
        <v>1951</v>
      </c>
      <c r="L11" s="198">
        <v>1951</v>
      </c>
      <c r="M11" s="192">
        <v>0</v>
      </c>
      <c r="N11" s="196">
        <v>1</v>
      </c>
      <c r="O11" s="193">
        <v>1</v>
      </c>
      <c r="P11" s="195">
        <v>0</v>
      </c>
      <c r="Q11" s="196">
        <v>7</v>
      </c>
      <c r="R11" s="196">
        <v>16</v>
      </c>
      <c r="S11" s="196">
        <v>24</v>
      </c>
      <c r="T11" s="196">
        <v>52</v>
      </c>
      <c r="U11" s="196">
        <v>94</v>
      </c>
      <c r="V11" s="193">
        <v>193</v>
      </c>
      <c r="W11" s="198">
        <v>194</v>
      </c>
      <c r="X11" s="192">
        <v>47</v>
      </c>
      <c r="Y11" s="196">
        <v>74</v>
      </c>
      <c r="Z11" s="193">
        <v>121</v>
      </c>
      <c r="AA11" s="195">
        <v>0</v>
      </c>
      <c r="AB11" s="196">
        <v>251</v>
      </c>
      <c r="AC11" s="196">
        <v>357</v>
      </c>
      <c r="AD11" s="196">
        <v>231</v>
      </c>
      <c r="AE11" s="196">
        <v>208</v>
      </c>
      <c r="AF11" s="196">
        <v>198</v>
      </c>
      <c r="AG11" s="193">
        <v>1245</v>
      </c>
      <c r="AH11" s="198">
        <v>1366</v>
      </c>
      <c r="AI11" s="192">
        <v>5</v>
      </c>
      <c r="AJ11" s="196">
        <v>17</v>
      </c>
      <c r="AK11" s="193">
        <v>22</v>
      </c>
      <c r="AL11" s="195">
        <v>0</v>
      </c>
      <c r="AM11" s="196">
        <v>38</v>
      </c>
      <c r="AN11" s="196">
        <v>90</v>
      </c>
      <c r="AO11" s="196">
        <v>66</v>
      </c>
      <c r="AP11" s="196">
        <v>35</v>
      </c>
      <c r="AQ11" s="196">
        <v>30</v>
      </c>
      <c r="AR11" s="193">
        <v>259</v>
      </c>
      <c r="AS11" s="198">
        <v>281</v>
      </c>
      <c r="AT11" s="192">
        <v>79</v>
      </c>
      <c r="AU11" s="196">
        <v>48</v>
      </c>
      <c r="AV11" s="193">
        <v>127</v>
      </c>
      <c r="AW11" s="195">
        <v>0</v>
      </c>
      <c r="AX11" s="196">
        <v>443</v>
      </c>
      <c r="AY11" s="196">
        <v>522</v>
      </c>
      <c r="AZ11" s="196">
        <v>511</v>
      </c>
      <c r="BA11" s="196">
        <v>482</v>
      </c>
      <c r="BB11" s="196">
        <v>373</v>
      </c>
      <c r="BC11" s="197">
        <v>2331</v>
      </c>
      <c r="BD11" s="198">
        <v>2458</v>
      </c>
      <c r="BE11" s="192">
        <v>0</v>
      </c>
      <c r="BF11" s="196">
        <v>0</v>
      </c>
      <c r="BG11" s="193">
        <v>0</v>
      </c>
      <c r="BH11" s="195">
        <v>0</v>
      </c>
      <c r="BI11" s="196">
        <v>606</v>
      </c>
      <c r="BJ11" s="196">
        <v>620</v>
      </c>
      <c r="BK11" s="196">
        <v>359</v>
      </c>
      <c r="BL11" s="196">
        <v>202</v>
      </c>
      <c r="BM11" s="196">
        <v>130</v>
      </c>
      <c r="BN11" s="193">
        <v>1917</v>
      </c>
      <c r="BO11" s="198">
        <v>1917</v>
      </c>
      <c r="BP11" s="192">
        <v>58</v>
      </c>
      <c r="BQ11" s="196">
        <v>65</v>
      </c>
      <c r="BR11" s="193">
        <v>123</v>
      </c>
      <c r="BS11" s="195">
        <v>0</v>
      </c>
      <c r="BT11" s="196">
        <v>122</v>
      </c>
      <c r="BU11" s="196">
        <v>161</v>
      </c>
      <c r="BV11" s="196">
        <v>94</v>
      </c>
      <c r="BW11" s="196">
        <v>56</v>
      </c>
      <c r="BX11" s="196">
        <v>17</v>
      </c>
      <c r="BY11" s="193">
        <v>450</v>
      </c>
      <c r="BZ11" s="198">
        <v>573</v>
      </c>
      <c r="CA11" s="192">
        <v>2</v>
      </c>
      <c r="CB11" s="196">
        <v>9</v>
      </c>
      <c r="CC11" s="193">
        <v>11</v>
      </c>
      <c r="CD11" s="195">
        <v>0</v>
      </c>
      <c r="CE11" s="196">
        <v>79</v>
      </c>
      <c r="CF11" s="196">
        <v>151</v>
      </c>
      <c r="CG11" s="196">
        <v>186</v>
      </c>
      <c r="CH11" s="196">
        <v>121</v>
      </c>
      <c r="CI11" s="196">
        <v>63</v>
      </c>
      <c r="CJ11" s="193">
        <v>600</v>
      </c>
      <c r="CK11" s="198">
        <v>611</v>
      </c>
      <c r="CL11" s="192">
        <v>0</v>
      </c>
      <c r="CM11" s="196">
        <v>0</v>
      </c>
      <c r="CN11" s="193">
        <v>0</v>
      </c>
      <c r="CO11" s="195">
        <v>0</v>
      </c>
      <c r="CP11" s="196">
        <v>1</v>
      </c>
      <c r="CQ11" s="196">
        <v>14</v>
      </c>
      <c r="CR11" s="196">
        <v>9</v>
      </c>
      <c r="CS11" s="196">
        <v>0</v>
      </c>
      <c r="CT11" s="196">
        <v>2</v>
      </c>
      <c r="CU11" s="193">
        <v>26</v>
      </c>
      <c r="CV11" s="198">
        <v>26</v>
      </c>
      <c r="CW11" s="192">
        <v>0</v>
      </c>
      <c r="CX11" s="196">
        <v>0</v>
      </c>
      <c r="CY11" s="193">
        <v>0</v>
      </c>
      <c r="CZ11" s="195">
        <v>0</v>
      </c>
      <c r="DA11" s="196">
        <v>0</v>
      </c>
      <c r="DB11" s="196">
        <v>0</v>
      </c>
      <c r="DC11" s="196">
        <v>0</v>
      </c>
      <c r="DD11" s="196">
        <v>0</v>
      </c>
      <c r="DE11" s="196">
        <v>0</v>
      </c>
      <c r="DF11" s="193">
        <v>0</v>
      </c>
      <c r="DG11" s="198">
        <v>0</v>
      </c>
      <c r="DH11" s="192">
        <v>0</v>
      </c>
      <c r="DI11" s="196">
        <v>0</v>
      </c>
      <c r="DJ11" s="193">
        <v>0</v>
      </c>
      <c r="DK11" s="195">
        <v>0</v>
      </c>
      <c r="DL11" s="196">
        <v>0</v>
      </c>
      <c r="DM11" s="196">
        <v>0</v>
      </c>
      <c r="DN11" s="196">
        <v>0</v>
      </c>
      <c r="DO11" s="196">
        <v>0</v>
      </c>
      <c r="DP11" s="196">
        <v>0</v>
      </c>
      <c r="DQ11" s="193">
        <v>0</v>
      </c>
      <c r="DR11" s="198">
        <v>0</v>
      </c>
      <c r="DS11" s="192">
        <v>360</v>
      </c>
      <c r="DT11" s="196">
        <v>538</v>
      </c>
      <c r="DU11" s="193">
        <v>898</v>
      </c>
      <c r="DV11" s="195">
        <v>0</v>
      </c>
      <c r="DW11" s="196">
        <v>888</v>
      </c>
      <c r="DX11" s="196">
        <v>1428</v>
      </c>
      <c r="DY11" s="196">
        <v>851</v>
      </c>
      <c r="DZ11" s="196">
        <v>573</v>
      </c>
      <c r="EA11" s="196">
        <v>403</v>
      </c>
      <c r="EB11" s="193">
        <v>4143</v>
      </c>
      <c r="EC11" s="198">
        <v>5041</v>
      </c>
      <c r="ED11" s="192">
        <v>58</v>
      </c>
      <c r="EE11" s="196">
        <v>21</v>
      </c>
      <c r="EF11" s="193">
        <v>79</v>
      </c>
      <c r="EG11" s="195">
        <v>0</v>
      </c>
      <c r="EH11" s="196">
        <v>151</v>
      </c>
      <c r="EI11" s="196">
        <v>105</v>
      </c>
      <c r="EJ11" s="196">
        <v>99</v>
      </c>
      <c r="EK11" s="196">
        <v>132</v>
      </c>
      <c r="EL11" s="196">
        <v>75</v>
      </c>
      <c r="EM11" s="193">
        <v>562</v>
      </c>
      <c r="EN11" s="198">
        <v>641</v>
      </c>
      <c r="EO11" s="192">
        <v>444</v>
      </c>
      <c r="EP11" s="196">
        <v>616</v>
      </c>
      <c r="EQ11" s="193">
        <v>1060</v>
      </c>
      <c r="ER11" s="195">
        <v>0</v>
      </c>
      <c r="ES11" s="196">
        <v>1739</v>
      </c>
      <c r="ET11" s="196">
        <v>1857</v>
      </c>
      <c r="EU11" s="196">
        <v>1011</v>
      </c>
      <c r="EV11" s="196">
        <v>623</v>
      </c>
      <c r="EW11" s="196">
        <v>424</v>
      </c>
      <c r="EX11" s="193">
        <v>5654</v>
      </c>
      <c r="EY11" s="198">
        <v>6714</v>
      </c>
    </row>
    <row r="12" spans="1:155" ht="19.5" customHeight="1" x14ac:dyDescent="0.2">
      <c r="A12" s="177" t="s">
        <v>9</v>
      </c>
      <c r="B12" s="192">
        <v>0</v>
      </c>
      <c r="C12" s="196">
        <v>0</v>
      </c>
      <c r="D12" s="458">
        <v>0</v>
      </c>
      <c r="E12" s="195">
        <v>0</v>
      </c>
      <c r="F12" s="196">
        <v>618</v>
      </c>
      <c r="G12" s="196">
        <v>531</v>
      </c>
      <c r="H12" s="196">
        <v>362</v>
      </c>
      <c r="I12" s="196">
        <v>353</v>
      </c>
      <c r="J12" s="196">
        <v>247</v>
      </c>
      <c r="K12" s="197">
        <v>2111</v>
      </c>
      <c r="L12" s="198">
        <v>2111</v>
      </c>
      <c r="M12" s="192">
        <v>0</v>
      </c>
      <c r="N12" s="196">
        <v>0</v>
      </c>
      <c r="O12" s="193">
        <v>0</v>
      </c>
      <c r="P12" s="195">
        <v>0</v>
      </c>
      <c r="Q12" s="196">
        <v>7</v>
      </c>
      <c r="R12" s="196">
        <v>11</v>
      </c>
      <c r="S12" s="196">
        <v>19</v>
      </c>
      <c r="T12" s="196">
        <v>55</v>
      </c>
      <c r="U12" s="196">
        <v>101</v>
      </c>
      <c r="V12" s="193">
        <v>193</v>
      </c>
      <c r="W12" s="198">
        <v>193</v>
      </c>
      <c r="X12" s="192">
        <v>27</v>
      </c>
      <c r="Y12" s="196">
        <v>64</v>
      </c>
      <c r="Z12" s="193">
        <v>91</v>
      </c>
      <c r="AA12" s="195">
        <v>0</v>
      </c>
      <c r="AB12" s="196">
        <v>331</v>
      </c>
      <c r="AC12" s="196">
        <v>292</v>
      </c>
      <c r="AD12" s="196">
        <v>215</v>
      </c>
      <c r="AE12" s="196">
        <v>241</v>
      </c>
      <c r="AF12" s="196">
        <v>185</v>
      </c>
      <c r="AG12" s="193">
        <v>1264</v>
      </c>
      <c r="AH12" s="198">
        <v>1355</v>
      </c>
      <c r="AI12" s="192">
        <v>4</v>
      </c>
      <c r="AJ12" s="196">
        <v>12</v>
      </c>
      <c r="AK12" s="193">
        <v>16</v>
      </c>
      <c r="AL12" s="195">
        <v>0</v>
      </c>
      <c r="AM12" s="196">
        <v>56</v>
      </c>
      <c r="AN12" s="196">
        <v>61</v>
      </c>
      <c r="AO12" s="196">
        <v>54</v>
      </c>
      <c r="AP12" s="196">
        <v>48</v>
      </c>
      <c r="AQ12" s="196">
        <v>48</v>
      </c>
      <c r="AR12" s="193">
        <v>267</v>
      </c>
      <c r="AS12" s="198">
        <v>283</v>
      </c>
      <c r="AT12" s="192">
        <v>81</v>
      </c>
      <c r="AU12" s="196">
        <v>65</v>
      </c>
      <c r="AV12" s="193">
        <v>146</v>
      </c>
      <c r="AW12" s="195">
        <v>0</v>
      </c>
      <c r="AX12" s="196">
        <v>502</v>
      </c>
      <c r="AY12" s="196">
        <v>520</v>
      </c>
      <c r="AZ12" s="196">
        <v>576</v>
      </c>
      <c r="BA12" s="196">
        <v>540</v>
      </c>
      <c r="BB12" s="196">
        <v>403</v>
      </c>
      <c r="BC12" s="197">
        <v>2541</v>
      </c>
      <c r="BD12" s="198">
        <v>2687</v>
      </c>
      <c r="BE12" s="192">
        <v>0</v>
      </c>
      <c r="BF12" s="196">
        <v>0</v>
      </c>
      <c r="BG12" s="193">
        <v>0</v>
      </c>
      <c r="BH12" s="195">
        <v>0</v>
      </c>
      <c r="BI12" s="196">
        <v>566</v>
      </c>
      <c r="BJ12" s="196">
        <v>414</v>
      </c>
      <c r="BK12" s="196">
        <v>236</v>
      </c>
      <c r="BL12" s="196">
        <v>171</v>
      </c>
      <c r="BM12" s="196">
        <v>64</v>
      </c>
      <c r="BN12" s="193">
        <v>1451</v>
      </c>
      <c r="BO12" s="198">
        <v>1451</v>
      </c>
      <c r="BP12" s="192">
        <v>45</v>
      </c>
      <c r="BQ12" s="196">
        <v>61</v>
      </c>
      <c r="BR12" s="193">
        <v>106</v>
      </c>
      <c r="BS12" s="195">
        <v>0</v>
      </c>
      <c r="BT12" s="196">
        <v>124</v>
      </c>
      <c r="BU12" s="196">
        <v>133</v>
      </c>
      <c r="BV12" s="196">
        <v>76</v>
      </c>
      <c r="BW12" s="196">
        <v>77</v>
      </c>
      <c r="BX12" s="196">
        <v>26</v>
      </c>
      <c r="BY12" s="193">
        <v>436</v>
      </c>
      <c r="BZ12" s="198">
        <v>542</v>
      </c>
      <c r="CA12" s="192">
        <v>1</v>
      </c>
      <c r="CB12" s="196">
        <v>1</v>
      </c>
      <c r="CC12" s="193">
        <v>2</v>
      </c>
      <c r="CD12" s="195">
        <v>0</v>
      </c>
      <c r="CE12" s="196">
        <v>57</v>
      </c>
      <c r="CF12" s="196">
        <v>96</v>
      </c>
      <c r="CG12" s="196">
        <v>117</v>
      </c>
      <c r="CH12" s="196">
        <v>97</v>
      </c>
      <c r="CI12" s="196">
        <v>60</v>
      </c>
      <c r="CJ12" s="193">
        <v>427</v>
      </c>
      <c r="CK12" s="198">
        <v>429</v>
      </c>
      <c r="CL12" s="192">
        <v>0</v>
      </c>
      <c r="CM12" s="196">
        <v>0</v>
      </c>
      <c r="CN12" s="193">
        <v>0</v>
      </c>
      <c r="CO12" s="195">
        <v>0</v>
      </c>
      <c r="CP12" s="196">
        <v>8</v>
      </c>
      <c r="CQ12" s="196">
        <v>12</v>
      </c>
      <c r="CR12" s="196">
        <v>28</v>
      </c>
      <c r="CS12" s="196">
        <v>22</v>
      </c>
      <c r="CT12" s="196">
        <v>11</v>
      </c>
      <c r="CU12" s="193">
        <v>81</v>
      </c>
      <c r="CV12" s="198">
        <v>81</v>
      </c>
      <c r="CW12" s="192">
        <v>0</v>
      </c>
      <c r="CX12" s="196">
        <v>0</v>
      </c>
      <c r="CY12" s="193">
        <v>0</v>
      </c>
      <c r="CZ12" s="195">
        <v>0</v>
      </c>
      <c r="DA12" s="196">
        <v>0</v>
      </c>
      <c r="DB12" s="196">
        <v>0</v>
      </c>
      <c r="DC12" s="196">
        <v>0</v>
      </c>
      <c r="DD12" s="196">
        <v>0</v>
      </c>
      <c r="DE12" s="196">
        <v>0</v>
      </c>
      <c r="DF12" s="193">
        <v>0</v>
      </c>
      <c r="DG12" s="198">
        <v>0</v>
      </c>
      <c r="DH12" s="192">
        <v>0</v>
      </c>
      <c r="DI12" s="196">
        <v>0</v>
      </c>
      <c r="DJ12" s="193">
        <v>0</v>
      </c>
      <c r="DK12" s="195">
        <v>0</v>
      </c>
      <c r="DL12" s="196">
        <v>0</v>
      </c>
      <c r="DM12" s="196">
        <v>0</v>
      </c>
      <c r="DN12" s="196">
        <v>0</v>
      </c>
      <c r="DO12" s="196">
        <v>0</v>
      </c>
      <c r="DP12" s="196">
        <v>0</v>
      </c>
      <c r="DQ12" s="193">
        <v>0</v>
      </c>
      <c r="DR12" s="198">
        <v>0</v>
      </c>
      <c r="DS12" s="192">
        <v>330</v>
      </c>
      <c r="DT12" s="196">
        <v>464</v>
      </c>
      <c r="DU12" s="193">
        <v>794</v>
      </c>
      <c r="DV12" s="195">
        <v>0</v>
      </c>
      <c r="DW12" s="196">
        <v>896</v>
      </c>
      <c r="DX12" s="196">
        <v>970</v>
      </c>
      <c r="DY12" s="196">
        <v>638</v>
      </c>
      <c r="DZ12" s="196">
        <v>553</v>
      </c>
      <c r="EA12" s="196">
        <v>377</v>
      </c>
      <c r="EB12" s="193">
        <v>3434</v>
      </c>
      <c r="EC12" s="198">
        <v>4228</v>
      </c>
      <c r="ED12" s="192">
        <v>57</v>
      </c>
      <c r="EE12" s="196">
        <v>28</v>
      </c>
      <c r="EF12" s="193">
        <v>85</v>
      </c>
      <c r="EG12" s="195">
        <v>0</v>
      </c>
      <c r="EH12" s="196">
        <v>182</v>
      </c>
      <c r="EI12" s="196">
        <v>155</v>
      </c>
      <c r="EJ12" s="196">
        <v>152</v>
      </c>
      <c r="EK12" s="196">
        <v>156</v>
      </c>
      <c r="EL12" s="196">
        <v>106</v>
      </c>
      <c r="EM12" s="193">
        <v>751</v>
      </c>
      <c r="EN12" s="198">
        <v>836</v>
      </c>
      <c r="EO12" s="192">
        <v>382</v>
      </c>
      <c r="EP12" s="196">
        <v>526</v>
      </c>
      <c r="EQ12" s="193">
        <v>908</v>
      </c>
      <c r="ER12" s="195">
        <v>0</v>
      </c>
      <c r="ES12" s="196">
        <v>1645</v>
      </c>
      <c r="ET12" s="196">
        <v>1281</v>
      </c>
      <c r="EU12" s="196">
        <v>768</v>
      </c>
      <c r="EV12" s="196">
        <v>607</v>
      </c>
      <c r="EW12" s="196">
        <v>390</v>
      </c>
      <c r="EX12" s="193">
        <v>4691</v>
      </c>
      <c r="EY12" s="198">
        <v>5599</v>
      </c>
    </row>
    <row r="13" spans="1:155" ht="19.5" customHeight="1" x14ac:dyDescent="0.2">
      <c r="A13" s="177" t="s">
        <v>10</v>
      </c>
      <c r="B13" s="192">
        <v>0</v>
      </c>
      <c r="C13" s="196">
        <v>0</v>
      </c>
      <c r="D13" s="458">
        <v>0</v>
      </c>
      <c r="E13" s="195">
        <v>0</v>
      </c>
      <c r="F13" s="196">
        <v>1298</v>
      </c>
      <c r="G13" s="196">
        <v>690</v>
      </c>
      <c r="H13" s="196">
        <v>426</v>
      </c>
      <c r="I13" s="196">
        <v>399</v>
      </c>
      <c r="J13" s="196">
        <v>315</v>
      </c>
      <c r="K13" s="197">
        <v>3128</v>
      </c>
      <c r="L13" s="198">
        <v>3128</v>
      </c>
      <c r="M13" s="192">
        <v>0</v>
      </c>
      <c r="N13" s="196">
        <v>0</v>
      </c>
      <c r="O13" s="193">
        <v>0</v>
      </c>
      <c r="P13" s="195">
        <v>0</v>
      </c>
      <c r="Q13" s="196">
        <v>12</v>
      </c>
      <c r="R13" s="196">
        <v>22</v>
      </c>
      <c r="S13" s="196">
        <v>27</v>
      </c>
      <c r="T13" s="196">
        <v>91</v>
      </c>
      <c r="U13" s="196">
        <v>141</v>
      </c>
      <c r="V13" s="193">
        <v>293</v>
      </c>
      <c r="W13" s="198">
        <v>293</v>
      </c>
      <c r="X13" s="192">
        <v>150</v>
      </c>
      <c r="Y13" s="196">
        <v>302</v>
      </c>
      <c r="Z13" s="193">
        <v>452</v>
      </c>
      <c r="AA13" s="195">
        <v>0</v>
      </c>
      <c r="AB13" s="196">
        <v>719</v>
      </c>
      <c r="AC13" s="196">
        <v>491</v>
      </c>
      <c r="AD13" s="196">
        <v>319</v>
      </c>
      <c r="AE13" s="196">
        <v>285</v>
      </c>
      <c r="AF13" s="196">
        <v>253</v>
      </c>
      <c r="AG13" s="193">
        <v>2067</v>
      </c>
      <c r="AH13" s="198">
        <v>2519</v>
      </c>
      <c r="AI13" s="192">
        <v>21</v>
      </c>
      <c r="AJ13" s="196">
        <v>50</v>
      </c>
      <c r="AK13" s="193">
        <v>71</v>
      </c>
      <c r="AL13" s="195">
        <v>0</v>
      </c>
      <c r="AM13" s="196">
        <v>102</v>
      </c>
      <c r="AN13" s="196">
        <v>96</v>
      </c>
      <c r="AO13" s="196">
        <v>63</v>
      </c>
      <c r="AP13" s="196">
        <v>59</v>
      </c>
      <c r="AQ13" s="196">
        <v>53</v>
      </c>
      <c r="AR13" s="193">
        <v>373</v>
      </c>
      <c r="AS13" s="198">
        <v>444</v>
      </c>
      <c r="AT13" s="192">
        <v>187</v>
      </c>
      <c r="AU13" s="196">
        <v>286</v>
      </c>
      <c r="AV13" s="193">
        <v>473</v>
      </c>
      <c r="AW13" s="195">
        <v>0</v>
      </c>
      <c r="AX13" s="196">
        <v>1223</v>
      </c>
      <c r="AY13" s="196">
        <v>999</v>
      </c>
      <c r="AZ13" s="196">
        <v>807</v>
      </c>
      <c r="BA13" s="196">
        <v>789</v>
      </c>
      <c r="BB13" s="196">
        <v>712</v>
      </c>
      <c r="BC13" s="197">
        <v>4530</v>
      </c>
      <c r="BD13" s="198">
        <v>5003</v>
      </c>
      <c r="BE13" s="192">
        <v>0</v>
      </c>
      <c r="BF13" s="196">
        <v>0</v>
      </c>
      <c r="BG13" s="193">
        <v>0</v>
      </c>
      <c r="BH13" s="195">
        <v>0</v>
      </c>
      <c r="BI13" s="196">
        <v>1532</v>
      </c>
      <c r="BJ13" s="196">
        <v>844</v>
      </c>
      <c r="BK13" s="196">
        <v>433</v>
      </c>
      <c r="BL13" s="196">
        <v>232</v>
      </c>
      <c r="BM13" s="196">
        <v>119</v>
      </c>
      <c r="BN13" s="193">
        <v>3160</v>
      </c>
      <c r="BO13" s="198">
        <v>3160</v>
      </c>
      <c r="BP13" s="192">
        <v>73</v>
      </c>
      <c r="BQ13" s="196">
        <v>92</v>
      </c>
      <c r="BR13" s="193">
        <v>165</v>
      </c>
      <c r="BS13" s="195">
        <v>0</v>
      </c>
      <c r="BT13" s="196">
        <v>241</v>
      </c>
      <c r="BU13" s="196">
        <v>169</v>
      </c>
      <c r="BV13" s="196">
        <v>90</v>
      </c>
      <c r="BW13" s="196">
        <v>60</v>
      </c>
      <c r="BX13" s="196">
        <v>23</v>
      </c>
      <c r="BY13" s="193">
        <v>583</v>
      </c>
      <c r="BZ13" s="198">
        <v>748</v>
      </c>
      <c r="CA13" s="192">
        <v>10</v>
      </c>
      <c r="CB13" s="196">
        <v>22</v>
      </c>
      <c r="CC13" s="193">
        <v>32</v>
      </c>
      <c r="CD13" s="195">
        <v>0</v>
      </c>
      <c r="CE13" s="196">
        <v>185</v>
      </c>
      <c r="CF13" s="196">
        <v>174</v>
      </c>
      <c r="CG13" s="196">
        <v>194</v>
      </c>
      <c r="CH13" s="196">
        <v>123</v>
      </c>
      <c r="CI13" s="196">
        <v>91</v>
      </c>
      <c r="CJ13" s="193">
        <v>767</v>
      </c>
      <c r="CK13" s="198">
        <v>799</v>
      </c>
      <c r="CL13" s="192">
        <v>0</v>
      </c>
      <c r="CM13" s="196">
        <v>1</v>
      </c>
      <c r="CN13" s="193">
        <v>1</v>
      </c>
      <c r="CO13" s="195">
        <v>0</v>
      </c>
      <c r="CP13" s="196">
        <v>12</v>
      </c>
      <c r="CQ13" s="196">
        <v>21</v>
      </c>
      <c r="CR13" s="196">
        <v>26</v>
      </c>
      <c r="CS13" s="196">
        <v>9</v>
      </c>
      <c r="CT13" s="196">
        <v>6</v>
      </c>
      <c r="CU13" s="193">
        <v>74</v>
      </c>
      <c r="CV13" s="198">
        <v>75</v>
      </c>
      <c r="CW13" s="192">
        <v>0</v>
      </c>
      <c r="CX13" s="196">
        <v>0</v>
      </c>
      <c r="CY13" s="193">
        <v>0</v>
      </c>
      <c r="CZ13" s="195">
        <v>0</v>
      </c>
      <c r="DA13" s="196">
        <v>0</v>
      </c>
      <c r="DB13" s="196">
        <v>0</v>
      </c>
      <c r="DC13" s="196">
        <v>0</v>
      </c>
      <c r="DD13" s="196">
        <v>0</v>
      </c>
      <c r="DE13" s="196">
        <v>0</v>
      </c>
      <c r="DF13" s="193">
        <v>0</v>
      </c>
      <c r="DG13" s="198">
        <v>0</v>
      </c>
      <c r="DH13" s="192">
        <v>0</v>
      </c>
      <c r="DI13" s="196">
        <v>0</v>
      </c>
      <c r="DJ13" s="193">
        <v>0</v>
      </c>
      <c r="DK13" s="195">
        <v>0</v>
      </c>
      <c r="DL13" s="196">
        <v>0</v>
      </c>
      <c r="DM13" s="196">
        <v>0</v>
      </c>
      <c r="DN13" s="196">
        <v>0</v>
      </c>
      <c r="DO13" s="196">
        <v>0</v>
      </c>
      <c r="DP13" s="196">
        <v>0</v>
      </c>
      <c r="DQ13" s="193">
        <v>0</v>
      </c>
      <c r="DR13" s="198">
        <v>0</v>
      </c>
      <c r="DS13" s="192">
        <v>918</v>
      </c>
      <c r="DT13" s="196">
        <v>1232</v>
      </c>
      <c r="DU13" s="193">
        <v>2150</v>
      </c>
      <c r="DV13" s="195">
        <v>0</v>
      </c>
      <c r="DW13" s="196">
        <v>1895</v>
      </c>
      <c r="DX13" s="196">
        <v>1550</v>
      </c>
      <c r="DY13" s="196">
        <v>978</v>
      </c>
      <c r="DZ13" s="196">
        <v>762</v>
      </c>
      <c r="EA13" s="196">
        <v>539</v>
      </c>
      <c r="EB13" s="193">
        <v>5724</v>
      </c>
      <c r="EC13" s="198">
        <v>7874</v>
      </c>
      <c r="ED13" s="192">
        <v>78</v>
      </c>
      <c r="EE13" s="196">
        <v>97</v>
      </c>
      <c r="EF13" s="193">
        <v>175</v>
      </c>
      <c r="EG13" s="195">
        <v>0</v>
      </c>
      <c r="EH13" s="196">
        <v>261</v>
      </c>
      <c r="EI13" s="196">
        <v>195</v>
      </c>
      <c r="EJ13" s="196">
        <v>196</v>
      </c>
      <c r="EK13" s="196">
        <v>184</v>
      </c>
      <c r="EL13" s="196">
        <v>156</v>
      </c>
      <c r="EM13" s="193">
        <v>992</v>
      </c>
      <c r="EN13" s="198">
        <v>1167</v>
      </c>
      <c r="EO13" s="192">
        <v>1091</v>
      </c>
      <c r="EP13" s="196">
        <v>1445</v>
      </c>
      <c r="EQ13" s="193">
        <v>2536</v>
      </c>
      <c r="ER13" s="195">
        <v>0</v>
      </c>
      <c r="ES13" s="196">
        <v>3348</v>
      </c>
      <c r="ET13" s="196">
        <v>1879</v>
      </c>
      <c r="EU13" s="196">
        <v>1052</v>
      </c>
      <c r="EV13" s="196">
        <v>776</v>
      </c>
      <c r="EW13" s="196">
        <v>516</v>
      </c>
      <c r="EX13" s="193">
        <v>7571</v>
      </c>
      <c r="EY13" s="198">
        <v>10107</v>
      </c>
    </row>
    <row r="14" spans="1:155" ht="19.5" customHeight="1" x14ac:dyDescent="0.2">
      <c r="A14" s="177" t="s">
        <v>11</v>
      </c>
      <c r="B14" s="192">
        <v>0</v>
      </c>
      <c r="C14" s="196">
        <v>0</v>
      </c>
      <c r="D14" s="458">
        <v>0</v>
      </c>
      <c r="E14" s="195">
        <v>0</v>
      </c>
      <c r="F14" s="196">
        <v>551</v>
      </c>
      <c r="G14" s="196">
        <v>331</v>
      </c>
      <c r="H14" s="196">
        <v>239</v>
      </c>
      <c r="I14" s="196">
        <v>213</v>
      </c>
      <c r="J14" s="196">
        <v>152</v>
      </c>
      <c r="K14" s="197">
        <v>1486</v>
      </c>
      <c r="L14" s="198">
        <v>1486</v>
      </c>
      <c r="M14" s="192">
        <v>0</v>
      </c>
      <c r="N14" s="196">
        <v>0</v>
      </c>
      <c r="O14" s="193">
        <v>0</v>
      </c>
      <c r="P14" s="195">
        <v>0</v>
      </c>
      <c r="Q14" s="196">
        <v>5</v>
      </c>
      <c r="R14" s="196">
        <v>12</v>
      </c>
      <c r="S14" s="196">
        <v>21</v>
      </c>
      <c r="T14" s="196">
        <v>45</v>
      </c>
      <c r="U14" s="196">
        <v>64</v>
      </c>
      <c r="V14" s="193">
        <v>147</v>
      </c>
      <c r="W14" s="198">
        <v>147</v>
      </c>
      <c r="X14" s="192">
        <v>55</v>
      </c>
      <c r="Y14" s="196">
        <v>72</v>
      </c>
      <c r="Z14" s="193">
        <v>127</v>
      </c>
      <c r="AA14" s="195">
        <v>0</v>
      </c>
      <c r="AB14" s="196">
        <v>306</v>
      </c>
      <c r="AC14" s="196">
        <v>196</v>
      </c>
      <c r="AD14" s="196">
        <v>180</v>
      </c>
      <c r="AE14" s="196">
        <v>166</v>
      </c>
      <c r="AF14" s="196">
        <v>152</v>
      </c>
      <c r="AG14" s="193">
        <v>1000</v>
      </c>
      <c r="AH14" s="198">
        <v>1127</v>
      </c>
      <c r="AI14" s="192">
        <v>6</v>
      </c>
      <c r="AJ14" s="196">
        <v>10</v>
      </c>
      <c r="AK14" s="193">
        <v>16</v>
      </c>
      <c r="AL14" s="195">
        <v>0</v>
      </c>
      <c r="AM14" s="196">
        <v>35</v>
      </c>
      <c r="AN14" s="196">
        <v>27</v>
      </c>
      <c r="AO14" s="196">
        <v>17</v>
      </c>
      <c r="AP14" s="196">
        <v>25</v>
      </c>
      <c r="AQ14" s="196">
        <v>5</v>
      </c>
      <c r="AR14" s="193">
        <v>109</v>
      </c>
      <c r="AS14" s="198">
        <v>125</v>
      </c>
      <c r="AT14" s="192">
        <v>59</v>
      </c>
      <c r="AU14" s="196">
        <v>51</v>
      </c>
      <c r="AV14" s="193">
        <v>110</v>
      </c>
      <c r="AW14" s="195">
        <v>0</v>
      </c>
      <c r="AX14" s="196">
        <v>461</v>
      </c>
      <c r="AY14" s="196">
        <v>420</v>
      </c>
      <c r="AZ14" s="196">
        <v>371</v>
      </c>
      <c r="BA14" s="196">
        <v>391</v>
      </c>
      <c r="BB14" s="196">
        <v>290</v>
      </c>
      <c r="BC14" s="197">
        <v>1933</v>
      </c>
      <c r="BD14" s="198">
        <v>2043</v>
      </c>
      <c r="BE14" s="192">
        <v>0</v>
      </c>
      <c r="BF14" s="196">
        <v>0</v>
      </c>
      <c r="BG14" s="193">
        <v>0</v>
      </c>
      <c r="BH14" s="195">
        <v>0</v>
      </c>
      <c r="BI14" s="196">
        <v>766</v>
      </c>
      <c r="BJ14" s="196">
        <v>395</v>
      </c>
      <c r="BK14" s="196">
        <v>244</v>
      </c>
      <c r="BL14" s="196">
        <v>155</v>
      </c>
      <c r="BM14" s="196">
        <v>89</v>
      </c>
      <c r="BN14" s="193">
        <v>1649</v>
      </c>
      <c r="BO14" s="198">
        <v>1649</v>
      </c>
      <c r="BP14" s="192">
        <v>83</v>
      </c>
      <c r="BQ14" s="196">
        <v>59</v>
      </c>
      <c r="BR14" s="193">
        <v>142</v>
      </c>
      <c r="BS14" s="195">
        <v>0</v>
      </c>
      <c r="BT14" s="196">
        <v>211</v>
      </c>
      <c r="BU14" s="196">
        <v>114</v>
      </c>
      <c r="BV14" s="196">
        <v>77</v>
      </c>
      <c r="BW14" s="196">
        <v>51</v>
      </c>
      <c r="BX14" s="196">
        <v>21</v>
      </c>
      <c r="BY14" s="193">
        <v>474</v>
      </c>
      <c r="BZ14" s="198">
        <v>616</v>
      </c>
      <c r="CA14" s="192">
        <v>2</v>
      </c>
      <c r="CB14" s="196">
        <v>10</v>
      </c>
      <c r="CC14" s="193">
        <v>12</v>
      </c>
      <c r="CD14" s="195">
        <v>0</v>
      </c>
      <c r="CE14" s="196">
        <v>103</v>
      </c>
      <c r="CF14" s="196">
        <v>116</v>
      </c>
      <c r="CG14" s="196">
        <v>111</v>
      </c>
      <c r="CH14" s="196">
        <v>87</v>
      </c>
      <c r="CI14" s="196">
        <v>47</v>
      </c>
      <c r="CJ14" s="193">
        <v>464</v>
      </c>
      <c r="CK14" s="198">
        <v>476</v>
      </c>
      <c r="CL14" s="192">
        <v>0</v>
      </c>
      <c r="CM14" s="196">
        <v>0</v>
      </c>
      <c r="CN14" s="193">
        <v>0</v>
      </c>
      <c r="CO14" s="195">
        <v>0</v>
      </c>
      <c r="CP14" s="196">
        <v>6</v>
      </c>
      <c r="CQ14" s="196">
        <v>8</v>
      </c>
      <c r="CR14" s="196">
        <v>13</v>
      </c>
      <c r="CS14" s="196">
        <v>11</v>
      </c>
      <c r="CT14" s="196">
        <v>7</v>
      </c>
      <c r="CU14" s="193">
        <v>45</v>
      </c>
      <c r="CV14" s="198">
        <v>45</v>
      </c>
      <c r="CW14" s="192">
        <v>0</v>
      </c>
      <c r="CX14" s="196">
        <v>0</v>
      </c>
      <c r="CY14" s="193">
        <v>0</v>
      </c>
      <c r="CZ14" s="195">
        <v>0</v>
      </c>
      <c r="DA14" s="196">
        <v>0</v>
      </c>
      <c r="DB14" s="196">
        <v>0</v>
      </c>
      <c r="DC14" s="196">
        <v>0</v>
      </c>
      <c r="DD14" s="196">
        <v>0</v>
      </c>
      <c r="DE14" s="196">
        <v>0</v>
      </c>
      <c r="DF14" s="193">
        <v>0</v>
      </c>
      <c r="DG14" s="198">
        <v>0</v>
      </c>
      <c r="DH14" s="192">
        <v>0</v>
      </c>
      <c r="DI14" s="196">
        <v>0</v>
      </c>
      <c r="DJ14" s="193">
        <v>0</v>
      </c>
      <c r="DK14" s="195">
        <v>0</v>
      </c>
      <c r="DL14" s="196">
        <v>0</v>
      </c>
      <c r="DM14" s="196">
        <v>0</v>
      </c>
      <c r="DN14" s="196">
        <v>0</v>
      </c>
      <c r="DO14" s="196">
        <v>0</v>
      </c>
      <c r="DP14" s="196">
        <v>0</v>
      </c>
      <c r="DQ14" s="193">
        <v>0</v>
      </c>
      <c r="DR14" s="198">
        <v>0</v>
      </c>
      <c r="DS14" s="192">
        <v>382</v>
      </c>
      <c r="DT14" s="196">
        <v>445</v>
      </c>
      <c r="DU14" s="193">
        <v>827</v>
      </c>
      <c r="DV14" s="195">
        <v>0</v>
      </c>
      <c r="DW14" s="196">
        <v>1018</v>
      </c>
      <c r="DX14" s="196">
        <v>798</v>
      </c>
      <c r="DY14" s="196">
        <v>558</v>
      </c>
      <c r="DZ14" s="196">
        <v>451</v>
      </c>
      <c r="EA14" s="196">
        <v>276</v>
      </c>
      <c r="EB14" s="193">
        <v>3101</v>
      </c>
      <c r="EC14" s="198">
        <v>3928</v>
      </c>
      <c r="ED14" s="192">
        <v>43</v>
      </c>
      <c r="EE14" s="196">
        <v>33</v>
      </c>
      <c r="EF14" s="193">
        <v>76</v>
      </c>
      <c r="EG14" s="195">
        <v>0</v>
      </c>
      <c r="EH14" s="196">
        <v>198</v>
      </c>
      <c r="EI14" s="196">
        <v>146</v>
      </c>
      <c r="EJ14" s="196">
        <v>117</v>
      </c>
      <c r="EK14" s="196">
        <v>150</v>
      </c>
      <c r="EL14" s="196">
        <v>80</v>
      </c>
      <c r="EM14" s="193">
        <v>691</v>
      </c>
      <c r="EN14" s="198">
        <v>767</v>
      </c>
      <c r="EO14" s="192">
        <v>481</v>
      </c>
      <c r="EP14" s="196">
        <v>527</v>
      </c>
      <c r="EQ14" s="193">
        <v>1008</v>
      </c>
      <c r="ER14" s="195">
        <v>0</v>
      </c>
      <c r="ES14" s="196">
        <v>1924</v>
      </c>
      <c r="ET14" s="196">
        <v>1052</v>
      </c>
      <c r="EU14" s="196">
        <v>674</v>
      </c>
      <c r="EV14" s="196">
        <v>466</v>
      </c>
      <c r="EW14" s="196">
        <v>283</v>
      </c>
      <c r="EX14" s="193">
        <v>4399</v>
      </c>
      <c r="EY14" s="198">
        <v>5407</v>
      </c>
    </row>
    <row r="15" spans="1:155" ht="19.5" customHeight="1" x14ac:dyDescent="0.2">
      <c r="A15" s="177" t="s">
        <v>12</v>
      </c>
      <c r="B15" s="192">
        <v>0</v>
      </c>
      <c r="C15" s="196">
        <v>0</v>
      </c>
      <c r="D15" s="458">
        <v>0</v>
      </c>
      <c r="E15" s="195">
        <v>0</v>
      </c>
      <c r="F15" s="196">
        <v>500</v>
      </c>
      <c r="G15" s="196">
        <v>435</v>
      </c>
      <c r="H15" s="196">
        <v>292</v>
      </c>
      <c r="I15" s="196">
        <v>278</v>
      </c>
      <c r="J15" s="196">
        <v>193</v>
      </c>
      <c r="K15" s="197">
        <v>1698</v>
      </c>
      <c r="L15" s="198">
        <v>1698</v>
      </c>
      <c r="M15" s="192">
        <v>0</v>
      </c>
      <c r="N15" s="196">
        <v>5</v>
      </c>
      <c r="O15" s="193">
        <v>5</v>
      </c>
      <c r="P15" s="195">
        <v>0</v>
      </c>
      <c r="Q15" s="196">
        <v>2</v>
      </c>
      <c r="R15" s="196">
        <v>19</v>
      </c>
      <c r="S15" s="196">
        <v>17</v>
      </c>
      <c r="T15" s="196">
        <v>62</v>
      </c>
      <c r="U15" s="196">
        <v>83</v>
      </c>
      <c r="V15" s="193">
        <v>183</v>
      </c>
      <c r="W15" s="198">
        <v>188</v>
      </c>
      <c r="X15" s="192">
        <v>117</v>
      </c>
      <c r="Y15" s="196">
        <v>196</v>
      </c>
      <c r="Z15" s="193">
        <v>313</v>
      </c>
      <c r="AA15" s="195">
        <v>0</v>
      </c>
      <c r="AB15" s="196">
        <v>282</v>
      </c>
      <c r="AC15" s="196">
        <v>304</v>
      </c>
      <c r="AD15" s="196">
        <v>197</v>
      </c>
      <c r="AE15" s="196">
        <v>215</v>
      </c>
      <c r="AF15" s="196">
        <v>155</v>
      </c>
      <c r="AG15" s="193">
        <v>1153</v>
      </c>
      <c r="AH15" s="198">
        <v>1466</v>
      </c>
      <c r="AI15" s="192">
        <v>4</v>
      </c>
      <c r="AJ15" s="196">
        <v>18</v>
      </c>
      <c r="AK15" s="193">
        <v>22</v>
      </c>
      <c r="AL15" s="195">
        <v>0</v>
      </c>
      <c r="AM15" s="196">
        <v>11</v>
      </c>
      <c r="AN15" s="196">
        <v>42</v>
      </c>
      <c r="AO15" s="196">
        <v>26</v>
      </c>
      <c r="AP15" s="196">
        <v>20</v>
      </c>
      <c r="AQ15" s="196">
        <v>18</v>
      </c>
      <c r="AR15" s="193">
        <v>117</v>
      </c>
      <c r="AS15" s="198">
        <v>139</v>
      </c>
      <c r="AT15" s="192">
        <v>69</v>
      </c>
      <c r="AU15" s="196">
        <v>104</v>
      </c>
      <c r="AV15" s="193">
        <v>173</v>
      </c>
      <c r="AW15" s="195">
        <v>0</v>
      </c>
      <c r="AX15" s="196">
        <v>334</v>
      </c>
      <c r="AY15" s="196">
        <v>340</v>
      </c>
      <c r="AZ15" s="196">
        <v>328</v>
      </c>
      <c r="BA15" s="196">
        <v>409</v>
      </c>
      <c r="BB15" s="196">
        <v>314</v>
      </c>
      <c r="BC15" s="197">
        <v>1725</v>
      </c>
      <c r="BD15" s="198">
        <v>1898</v>
      </c>
      <c r="BE15" s="192">
        <v>0</v>
      </c>
      <c r="BF15" s="196">
        <v>0</v>
      </c>
      <c r="BG15" s="193">
        <v>0</v>
      </c>
      <c r="BH15" s="195">
        <v>0</v>
      </c>
      <c r="BI15" s="196">
        <v>569</v>
      </c>
      <c r="BJ15" s="196">
        <v>407</v>
      </c>
      <c r="BK15" s="196">
        <v>273</v>
      </c>
      <c r="BL15" s="196">
        <v>198</v>
      </c>
      <c r="BM15" s="196">
        <v>75</v>
      </c>
      <c r="BN15" s="193">
        <v>1522</v>
      </c>
      <c r="BO15" s="198">
        <v>1522</v>
      </c>
      <c r="BP15" s="192">
        <v>133</v>
      </c>
      <c r="BQ15" s="196">
        <v>129</v>
      </c>
      <c r="BR15" s="193">
        <v>262</v>
      </c>
      <c r="BS15" s="195">
        <v>0</v>
      </c>
      <c r="BT15" s="196">
        <v>124</v>
      </c>
      <c r="BU15" s="196">
        <v>163</v>
      </c>
      <c r="BV15" s="196">
        <v>105</v>
      </c>
      <c r="BW15" s="196">
        <v>83</v>
      </c>
      <c r="BX15" s="196">
        <v>29</v>
      </c>
      <c r="BY15" s="193">
        <v>504</v>
      </c>
      <c r="BZ15" s="198">
        <v>766</v>
      </c>
      <c r="CA15" s="192">
        <v>4</v>
      </c>
      <c r="CB15" s="196">
        <v>8</v>
      </c>
      <c r="CC15" s="193">
        <v>12</v>
      </c>
      <c r="CD15" s="195">
        <v>0</v>
      </c>
      <c r="CE15" s="196">
        <v>93</v>
      </c>
      <c r="CF15" s="196">
        <v>101</v>
      </c>
      <c r="CG15" s="196">
        <v>123</v>
      </c>
      <c r="CH15" s="196">
        <v>92</v>
      </c>
      <c r="CI15" s="196">
        <v>43</v>
      </c>
      <c r="CJ15" s="193">
        <v>452</v>
      </c>
      <c r="CK15" s="198">
        <v>464</v>
      </c>
      <c r="CL15" s="192">
        <v>1</v>
      </c>
      <c r="CM15" s="196">
        <v>0</v>
      </c>
      <c r="CN15" s="193">
        <v>1</v>
      </c>
      <c r="CO15" s="195">
        <v>0</v>
      </c>
      <c r="CP15" s="196">
        <v>2</v>
      </c>
      <c r="CQ15" s="196">
        <v>3</v>
      </c>
      <c r="CR15" s="196">
        <v>4</v>
      </c>
      <c r="CS15" s="196">
        <v>7</v>
      </c>
      <c r="CT15" s="196">
        <v>1</v>
      </c>
      <c r="CU15" s="193">
        <v>17</v>
      </c>
      <c r="CV15" s="198">
        <v>18</v>
      </c>
      <c r="CW15" s="192">
        <v>0</v>
      </c>
      <c r="CX15" s="196">
        <v>0</v>
      </c>
      <c r="CY15" s="193">
        <v>0</v>
      </c>
      <c r="CZ15" s="195">
        <v>0</v>
      </c>
      <c r="DA15" s="196">
        <v>0</v>
      </c>
      <c r="DB15" s="196">
        <v>0</v>
      </c>
      <c r="DC15" s="196">
        <v>0</v>
      </c>
      <c r="DD15" s="196">
        <v>0</v>
      </c>
      <c r="DE15" s="196">
        <v>0</v>
      </c>
      <c r="DF15" s="193">
        <v>0</v>
      </c>
      <c r="DG15" s="198">
        <v>0</v>
      </c>
      <c r="DH15" s="192">
        <v>0</v>
      </c>
      <c r="DI15" s="196">
        <v>0</v>
      </c>
      <c r="DJ15" s="193">
        <v>0</v>
      </c>
      <c r="DK15" s="195">
        <v>0</v>
      </c>
      <c r="DL15" s="196">
        <v>0</v>
      </c>
      <c r="DM15" s="196">
        <v>0</v>
      </c>
      <c r="DN15" s="196">
        <v>0</v>
      </c>
      <c r="DO15" s="196">
        <v>0</v>
      </c>
      <c r="DP15" s="196">
        <v>0</v>
      </c>
      <c r="DQ15" s="193">
        <v>0</v>
      </c>
      <c r="DR15" s="198">
        <v>0</v>
      </c>
      <c r="DS15" s="192">
        <v>483</v>
      </c>
      <c r="DT15" s="196">
        <v>787</v>
      </c>
      <c r="DU15" s="193">
        <v>1270</v>
      </c>
      <c r="DV15" s="195">
        <v>0</v>
      </c>
      <c r="DW15" s="196">
        <v>514</v>
      </c>
      <c r="DX15" s="196">
        <v>920</v>
      </c>
      <c r="DY15" s="196">
        <v>654</v>
      </c>
      <c r="DZ15" s="196">
        <v>558</v>
      </c>
      <c r="EA15" s="196">
        <v>327</v>
      </c>
      <c r="EB15" s="193">
        <v>2973</v>
      </c>
      <c r="EC15" s="198">
        <v>4243</v>
      </c>
      <c r="ED15" s="192">
        <v>41</v>
      </c>
      <c r="EE15" s="196">
        <v>46</v>
      </c>
      <c r="EF15" s="193">
        <v>87</v>
      </c>
      <c r="EG15" s="195">
        <v>0</v>
      </c>
      <c r="EH15" s="196">
        <v>113</v>
      </c>
      <c r="EI15" s="196">
        <v>93</v>
      </c>
      <c r="EJ15" s="196">
        <v>85</v>
      </c>
      <c r="EK15" s="196">
        <v>130</v>
      </c>
      <c r="EL15" s="196">
        <v>76</v>
      </c>
      <c r="EM15" s="193">
        <v>497</v>
      </c>
      <c r="EN15" s="198">
        <v>584</v>
      </c>
      <c r="EO15" s="192">
        <v>666</v>
      </c>
      <c r="EP15" s="196">
        <v>937</v>
      </c>
      <c r="EQ15" s="193">
        <v>1603</v>
      </c>
      <c r="ER15" s="195">
        <v>0</v>
      </c>
      <c r="ES15" s="196">
        <v>1433</v>
      </c>
      <c r="ET15" s="196">
        <v>1177</v>
      </c>
      <c r="EU15" s="196">
        <v>743</v>
      </c>
      <c r="EV15" s="196">
        <v>562</v>
      </c>
      <c r="EW15" s="196">
        <v>323</v>
      </c>
      <c r="EX15" s="193">
        <v>4238</v>
      </c>
      <c r="EY15" s="198">
        <v>5841</v>
      </c>
    </row>
    <row r="16" spans="1:155" ht="19.5" customHeight="1" x14ac:dyDescent="0.2">
      <c r="A16" s="177" t="s">
        <v>13</v>
      </c>
      <c r="B16" s="192">
        <v>0</v>
      </c>
      <c r="C16" s="196">
        <v>0</v>
      </c>
      <c r="D16" s="458">
        <v>0</v>
      </c>
      <c r="E16" s="195">
        <v>0</v>
      </c>
      <c r="F16" s="196">
        <v>217</v>
      </c>
      <c r="G16" s="196">
        <v>228</v>
      </c>
      <c r="H16" s="196">
        <v>143</v>
      </c>
      <c r="I16" s="196">
        <v>109</v>
      </c>
      <c r="J16" s="196">
        <v>102</v>
      </c>
      <c r="K16" s="197">
        <v>799</v>
      </c>
      <c r="L16" s="198">
        <v>799</v>
      </c>
      <c r="M16" s="192">
        <v>1</v>
      </c>
      <c r="N16" s="196">
        <v>0</v>
      </c>
      <c r="O16" s="193">
        <v>1</v>
      </c>
      <c r="P16" s="195">
        <v>0</v>
      </c>
      <c r="Q16" s="196">
        <v>0</v>
      </c>
      <c r="R16" s="196">
        <v>1</v>
      </c>
      <c r="S16" s="196">
        <v>7</v>
      </c>
      <c r="T16" s="196">
        <v>16</v>
      </c>
      <c r="U16" s="196">
        <v>32</v>
      </c>
      <c r="V16" s="193">
        <v>56</v>
      </c>
      <c r="W16" s="198">
        <v>57</v>
      </c>
      <c r="X16" s="192">
        <v>8</v>
      </c>
      <c r="Y16" s="196">
        <v>24</v>
      </c>
      <c r="Z16" s="193">
        <v>32</v>
      </c>
      <c r="AA16" s="195">
        <v>0</v>
      </c>
      <c r="AB16" s="196">
        <v>96</v>
      </c>
      <c r="AC16" s="196">
        <v>146</v>
      </c>
      <c r="AD16" s="196">
        <v>85</v>
      </c>
      <c r="AE16" s="196">
        <v>85</v>
      </c>
      <c r="AF16" s="196">
        <v>70</v>
      </c>
      <c r="AG16" s="193">
        <v>482</v>
      </c>
      <c r="AH16" s="198">
        <v>514</v>
      </c>
      <c r="AI16" s="192">
        <v>4</v>
      </c>
      <c r="AJ16" s="196">
        <v>4</v>
      </c>
      <c r="AK16" s="193">
        <v>8</v>
      </c>
      <c r="AL16" s="195">
        <v>0</v>
      </c>
      <c r="AM16" s="196">
        <v>17</v>
      </c>
      <c r="AN16" s="196">
        <v>23</v>
      </c>
      <c r="AO16" s="196">
        <v>12</v>
      </c>
      <c r="AP16" s="196">
        <v>13</v>
      </c>
      <c r="AQ16" s="196">
        <v>10</v>
      </c>
      <c r="AR16" s="193">
        <v>75</v>
      </c>
      <c r="AS16" s="198">
        <v>83</v>
      </c>
      <c r="AT16" s="192">
        <v>26</v>
      </c>
      <c r="AU16" s="196">
        <v>31</v>
      </c>
      <c r="AV16" s="193">
        <v>57</v>
      </c>
      <c r="AW16" s="195">
        <v>0</v>
      </c>
      <c r="AX16" s="196">
        <v>169</v>
      </c>
      <c r="AY16" s="196">
        <v>182</v>
      </c>
      <c r="AZ16" s="196">
        <v>167</v>
      </c>
      <c r="BA16" s="196">
        <v>165</v>
      </c>
      <c r="BB16" s="196">
        <v>143</v>
      </c>
      <c r="BC16" s="197">
        <v>826</v>
      </c>
      <c r="BD16" s="198">
        <v>883</v>
      </c>
      <c r="BE16" s="192">
        <v>0</v>
      </c>
      <c r="BF16" s="196">
        <v>0</v>
      </c>
      <c r="BG16" s="193">
        <v>0</v>
      </c>
      <c r="BH16" s="195">
        <v>0</v>
      </c>
      <c r="BI16" s="196">
        <v>178</v>
      </c>
      <c r="BJ16" s="196">
        <v>196</v>
      </c>
      <c r="BK16" s="196">
        <v>106</v>
      </c>
      <c r="BL16" s="196">
        <v>62</v>
      </c>
      <c r="BM16" s="196">
        <v>25</v>
      </c>
      <c r="BN16" s="193">
        <v>567</v>
      </c>
      <c r="BO16" s="198">
        <v>567</v>
      </c>
      <c r="BP16" s="192">
        <v>10</v>
      </c>
      <c r="BQ16" s="196">
        <v>25</v>
      </c>
      <c r="BR16" s="193">
        <v>35</v>
      </c>
      <c r="BS16" s="195">
        <v>0</v>
      </c>
      <c r="BT16" s="196">
        <v>33</v>
      </c>
      <c r="BU16" s="196">
        <v>44</v>
      </c>
      <c r="BV16" s="196">
        <v>29</v>
      </c>
      <c r="BW16" s="196">
        <v>28</v>
      </c>
      <c r="BX16" s="196">
        <v>9</v>
      </c>
      <c r="BY16" s="193">
        <v>143</v>
      </c>
      <c r="BZ16" s="198">
        <v>178</v>
      </c>
      <c r="CA16" s="192">
        <v>0</v>
      </c>
      <c r="CB16" s="196">
        <v>0</v>
      </c>
      <c r="CC16" s="193">
        <v>0</v>
      </c>
      <c r="CD16" s="195">
        <v>0</v>
      </c>
      <c r="CE16" s="196">
        <v>21</v>
      </c>
      <c r="CF16" s="196">
        <v>33</v>
      </c>
      <c r="CG16" s="196">
        <v>50</v>
      </c>
      <c r="CH16" s="196">
        <v>38</v>
      </c>
      <c r="CI16" s="196">
        <v>24</v>
      </c>
      <c r="CJ16" s="193">
        <v>166</v>
      </c>
      <c r="CK16" s="198">
        <v>166</v>
      </c>
      <c r="CL16" s="192">
        <v>0</v>
      </c>
      <c r="CM16" s="196">
        <v>0</v>
      </c>
      <c r="CN16" s="193">
        <v>0</v>
      </c>
      <c r="CO16" s="195">
        <v>0</v>
      </c>
      <c r="CP16" s="196">
        <v>5</v>
      </c>
      <c r="CQ16" s="196">
        <v>3</v>
      </c>
      <c r="CR16" s="196">
        <v>10</v>
      </c>
      <c r="CS16" s="196">
        <v>4</v>
      </c>
      <c r="CT16" s="196">
        <v>0</v>
      </c>
      <c r="CU16" s="193">
        <v>22</v>
      </c>
      <c r="CV16" s="198">
        <v>22</v>
      </c>
      <c r="CW16" s="192">
        <v>0</v>
      </c>
      <c r="CX16" s="196">
        <v>0</v>
      </c>
      <c r="CY16" s="193">
        <v>0</v>
      </c>
      <c r="CZ16" s="195">
        <v>0</v>
      </c>
      <c r="DA16" s="196">
        <v>0</v>
      </c>
      <c r="DB16" s="196">
        <v>0</v>
      </c>
      <c r="DC16" s="196">
        <v>0</v>
      </c>
      <c r="DD16" s="196">
        <v>0</v>
      </c>
      <c r="DE16" s="196">
        <v>0</v>
      </c>
      <c r="DF16" s="193">
        <v>0</v>
      </c>
      <c r="DG16" s="198">
        <v>0</v>
      </c>
      <c r="DH16" s="192">
        <v>0</v>
      </c>
      <c r="DI16" s="196">
        <v>0</v>
      </c>
      <c r="DJ16" s="193">
        <v>0</v>
      </c>
      <c r="DK16" s="195">
        <v>0</v>
      </c>
      <c r="DL16" s="196">
        <v>0</v>
      </c>
      <c r="DM16" s="196">
        <v>0</v>
      </c>
      <c r="DN16" s="196">
        <v>0</v>
      </c>
      <c r="DO16" s="196">
        <v>0</v>
      </c>
      <c r="DP16" s="196">
        <v>0</v>
      </c>
      <c r="DQ16" s="193">
        <v>0</v>
      </c>
      <c r="DR16" s="198">
        <v>0</v>
      </c>
      <c r="DS16" s="192">
        <v>66</v>
      </c>
      <c r="DT16" s="196">
        <v>162</v>
      </c>
      <c r="DU16" s="193">
        <v>228</v>
      </c>
      <c r="DV16" s="195">
        <v>0</v>
      </c>
      <c r="DW16" s="196">
        <v>231</v>
      </c>
      <c r="DX16" s="196">
        <v>398</v>
      </c>
      <c r="DY16" s="196">
        <v>228</v>
      </c>
      <c r="DZ16" s="196">
        <v>188</v>
      </c>
      <c r="EA16" s="196">
        <v>132</v>
      </c>
      <c r="EB16" s="193">
        <v>1177</v>
      </c>
      <c r="EC16" s="198">
        <v>1405</v>
      </c>
      <c r="ED16" s="192">
        <v>23</v>
      </c>
      <c r="EE16" s="196">
        <v>21</v>
      </c>
      <c r="EF16" s="193">
        <v>44</v>
      </c>
      <c r="EG16" s="195">
        <v>0</v>
      </c>
      <c r="EH16" s="196">
        <v>83</v>
      </c>
      <c r="EI16" s="196">
        <v>66</v>
      </c>
      <c r="EJ16" s="196">
        <v>64</v>
      </c>
      <c r="EK16" s="196">
        <v>71</v>
      </c>
      <c r="EL16" s="196">
        <v>48</v>
      </c>
      <c r="EM16" s="193">
        <v>332</v>
      </c>
      <c r="EN16" s="198">
        <v>376</v>
      </c>
      <c r="EO16" s="192">
        <v>84</v>
      </c>
      <c r="EP16" s="196">
        <v>193</v>
      </c>
      <c r="EQ16" s="193">
        <v>277</v>
      </c>
      <c r="ER16" s="195">
        <v>0</v>
      </c>
      <c r="ES16" s="196">
        <v>519</v>
      </c>
      <c r="ET16" s="196">
        <v>559</v>
      </c>
      <c r="EU16" s="196">
        <v>306</v>
      </c>
      <c r="EV16" s="196">
        <v>214</v>
      </c>
      <c r="EW16" s="196">
        <v>157</v>
      </c>
      <c r="EX16" s="193">
        <v>1755</v>
      </c>
      <c r="EY16" s="198">
        <v>2032</v>
      </c>
    </row>
    <row r="17" spans="1:155" ht="19.5" customHeight="1" x14ac:dyDescent="0.2">
      <c r="A17" s="177" t="s">
        <v>15</v>
      </c>
      <c r="B17" s="192">
        <v>0</v>
      </c>
      <c r="C17" s="196">
        <v>0</v>
      </c>
      <c r="D17" s="458">
        <v>0</v>
      </c>
      <c r="E17" s="195">
        <v>0</v>
      </c>
      <c r="F17" s="196">
        <v>112</v>
      </c>
      <c r="G17" s="196">
        <v>151</v>
      </c>
      <c r="H17" s="196">
        <v>65</v>
      </c>
      <c r="I17" s="196">
        <v>44</v>
      </c>
      <c r="J17" s="196">
        <v>50</v>
      </c>
      <c r="K17" s="197">
        <v>422</v>
      </c>
      <c r="L17" s="198">
        <v>422</v>
      </c>
      <c r="M17" s="192">
        <v>0</v>
      </c>
      <c r="N17" s="196">
        <v>0</v>
      </c>
      <c r="O17" s="193">
        <v>0</v>
      </c>
      <c r="P17" s="195">
        <v>0</v>
      </c>
      <c r="Q17" s="196">
        <v>1</v>
      </c>
      <c r="R17" s="196">
        <v>5</v>
      </c>
      <c r="S17" s="196">
        <v>10</v>
      </c>
      <c r="T17" s="196">
        <v>17</v>
      </c>
      <c r="U17" s="196">
        <v>35</v>
      </c>
      <c r="V17" s="193">
        <v>68</v>
      </c>
      <c r="W17" s="198">
        <v>68</v>
      </c>
      <c r="X17" s="192">
        <v>3</v>
      </c>
      <c r="Y17" s="196">
        <v>7</v>
      </c>
      <c r="Z17" s="193">
        <v>10</v>
      </c>
      <c r="AA17" s="195">
        <v>0</v>
      </c>
      <c r="AB17" s="196">
        <v>39</v>
      </c>
      <c r="AC17" s="196">
        <v>70</v>
      </c>
      <c r="AD17" s="196">
        <v>39</v>
      </c>
      <c r="AE17" s="196">
        <v>41</v>
      </c>
      <c r="AF17" s="196">
        <v>39</v>
      </c>
      <c r="AG17" s="193">
        <v>228</v>
      </c>
      <c r="AH17" s="198">
        <v>238</v>
      </c>
      <c r="AI17" s="192">
        <v>1</v>
      </c>
      <c r="AJ17" s="196">
        <v>1</v>
      </c>
      <c r="AK17" s="193">
        <v>2</v>
      </c>
      <c r="AL17" s="195">
        <v>0</v>
      </c>
      <c r="AM17" s="196">
        <v>6</v>
      </c>
      <c r="AN17" s="196">
        <v>11</v>
      </c>
      <c r="AO17" s="196">
        <v>7</v>
      </c>
      <c r="AP17" s="196">
        <v>4</v>
      </c>
      <c r="AQ17" s="196">
        <v>9</v>
      </c>
      <c r="AR17" s="193">
        <v>37</v>
      </c>
      <c r="AS17" s="198">
        <v>39</v>
      </c>
      <c r="AT17" s="192">
        <v>8</v>
      </c>
      <c r="AU17" s="196">
        <v>15</v>
      </c>
      <c r="AV17" s="193">
        <v>23</v>
      </c>
      <c r="AW17" s="195">
        <v>0</v>
      </c>
      <c r="AX17" s="196">
        <v>116</v>
      </c>
      <c r="AY17" s="196">
        <v>94</v>
      </c>
      <c r="AZ17" s="196">
        <v>107</v>
      </c>
      <c r="BA17" s="196">
        <v>88</v>
      </c>
      <c r="BB17" s="196">
        <v>63</v>
      </c>
      <c r="BC17" s="197">
        <v>468</v>
      </c>
      <c r="BD17" s="198">
        <v>491</v>
      </c>
      <c r="BE17" s="192">
        <v>0</v>
      </c>
      <c r="BF17" s="196">
        <v>0</v>
      </c>
      <c r="BG17" s="193">
        <v>0</v>
      </c>
      <c r="BH17" s="195">
        <v>0</v>
      </c>
      <c r="BI17" s="196">
        <v>111</v>
      </c>
      <c r="BJ17" s="196">
        <v>147</v>
      </c>
      <c r="BK17" s="196">
        <v>65</v>
      </c>
      <c r="BL17" s="196">
        <v>26</v>
      </c>
      <c r="BM17" s="196">
        <v>7</v>
      </c>
      <c r="BN17" s="193">
        <v>356</v>
      </c>
      <c r="BO17" s="198">
        <v>356</v>
      </c>
      <c r="BP17" s="192">
        <v>0</v>
      </c>
      <c r="BQ17" s="196">
        <v>6</v>
      </c>
      <c r="BR17" s="193">
        <v>6</v>
      </c>
      <c r="BS17" s="195">
        <v>0</v>
      </c>
      <c r="BT17" s="196">
        <v>36</v>
      </c>
      <c r="BU17" s="196">
        <v>40</v>
      </c>
      <c r="BV17" s="196">
        <v>22</v>
      </c>
      <c r="BW17" s="196">
        <v>10</v>
      </c>
      <c r="BX17" s="196">
        <v>4</v>
      </c>
      <c r="BY17" s="193">
        <v>112</v>
      </c>
      <c r="BZ17" s="198">
        <v>118</v>
      </c>
      <c r="CA17" s="192">
        <v>1</v>
      </c>
      <c r="CB17" s="196">
        <v>1</v>
      </c>
      <c r="CC17" s="193">
        <v>2</v>
      </c>
      <c r="CD17" s="195">
        <v>0</v>
      </c>
      <c r="CE17" s="196">
        <v>16</v>
      </c>
      <c r="CF17" s="196">
        <v>30</v>
      </c>
      <c r="CG17" s="196">
        <v>46</v>
      </c>
      <c r="CH17" s="196">
        <v>30</v>
      </c>
      <c r="CI17" s="196">
        <v>21</v>
      </c>
      <c r="CJ17" s="193">
        <v>143</v>
      </c>
      <c r="CK17" s="198">
        <v>145</v>
      </c>
      <c r="CL17" s="192">
        <v>0</v>
      </c>
      <c r="CM17" s="196">
        <v>1</v>
      </c>
      <c r="CN17" s="193">
        <v>1</v>
      </c>
      <c r="CO17" s="195">
        <v>0</v>
      </c>
      <c r="CP17" s="196">
        <v>0</v>
      </c>
      <c r="CQ17" s="196">
        <v>4</v>
      </c>
      <c r="CR17" s="196">
        <v>3</v>
      </c>
      <c r="CS17" s="196">
        <v>2</v>
      </c>
      <c r="CT17" s="196">
        <v>1</v>
      </c>
      <c r="CU17" s="193">
        <v>10</v>
      </c>
      <c r="CV17" s="198">
        <v>11</v>
      </c>
      <c r="CW17" s="192">
        <v>0</v>
      </c>
      <c r="CX17" s="196">
        <v>0</v>
      </c>
      <c r="CY17" s="193">
        <v>0</v>
      </c>
      <c r="CZ17" s="195">
        <v>0</v>
      </c>
      <c r="DA17" s="196">
        <v>0</v>
      </c>
      <c r="DB17" s="196">
        <v>0</v>
      </c>
      <c r="DC17" s="196">
        <v>0</v>
      </c>
      <c r="DD17" s="196">
        <v>0</v>
      </c>
      <c r="DE17" s="196">
        <v>0</v>
      </c>
      <c r="DF17" s="193">
        <v>0</v>
      </c>
      <c r="DG17" s="198">
        <v>0</v>
      </c>
      <c r="DH17" s="192">
        <v>0</v>
      </c>
      <c r="DI17" s="196">
        <v>0</v>
      </c>
      <c r="DJ17" s="193">
        <v>0</v>
      </c>
      <c r="DK17" s="195">
        <v>0</v>
      </c>
      <c r="DL17" s="196">
        <v>0</v>
      </c>
      <c r="DM17" s="196">
        <v>0</v>
      </c>
      <c r="DN17" s="196">
        <v>0</v>
      </c>
      <c r="DO17" s="196">
        <v>0</v>
      </c>
      <c r="DP17" s="196">
        <v>0</v>
      </c>
      <c r="DQ17" s="193">
        <v>0</v>
      </c>
      <c r="DR17" s="198">
        <v>0</v>
      </c>
      <c r="DS17" s="192">
        <v>62</v>
      </c>
      <c r="DT17" s="196">
        <v>146</v>
      </c>
      <c r="DU17" s="193">
        <v>208</v>
      </c>
      <c r="DV17" s="195">
        <v>0</v>
      </c>
      <c r="DW17" s="196">
        <v>203</v>
      </c>
      <c r="DX17" s="196">
        <v>357</v>
      </c>
      <c r="DY17" s="196">
        <v>175</v>
      </c>
      <c r="DZ17" s="196">
        <v>115</v>
      </c>
      <c r="EA17" s="196">
        <v>76</v>
      </c>
      <c r="EB17" s="193">
        <v>926</v>
      </c>
      <c r="EC17" s="198">
        <v>1134</v>
      </c>
      <c r="ED17" s="192">
        <v>16</v>
      </c>
      <c r="EE17" s="196">
        <v>16</v>
      </c>
      <c r="EF17" s="193">
        <v>32</v>
      </c>
      <c r="EG17" s="195">
        <v>0</v>
      </c>
      <c r="EH17" s="196">
        <v>55</v>
      </c>
      <c r="EI17" s="196">
        <v>34</v>
      </c>
      <c r="EJ17" s="196">
        <v>36</v>
      </c>
      <c r="EK17" s="196">
        <v>40</v>
      </c>
      <c r="EL17" s="196">
        <v>18</v>
      </c>
      <c r="EM17" s="193">
        <v>183</v>
      </c>
      <c r="EN17" s="198">
        <v>215</v>
      </c>
      <c r="EO17" s="192">
        <v>65</v>
      </c>
      <c r="EP17" s="196">
        <v>147</v>
      </c>
      <c r="EQ17" s="193">
        <v>212</v>
      </c>
      <c r="ER17" s="195">
        <v>0</v>
      </c>
      <c r="ES17" s="196">
        <v>385</v>
      </c>
      <c r="ET17" s="196">
        <v>482</v>
      </c>
      <c r="EU17" s="196">
        <v>212</v>
      </c>
      <c r="EV17" s="196">
        <v>134</v>
      </c>
      <c r="EW17" s="196">
        <v>84</v>
      </c>
      <c r="EX17" s="193">
        <v>1297</v>
      </c>
      <c r="EY17" s="198">
        <v>1509</v>
      </c>
    </row>
    <row r="18" spans="1:155" ht="19.5" customHeight="1" x14ac:dyDescent="0.2">
      <c r="A18" s="177" t="s">
        <v>16</v>
      </c>
      <c r="B18" s="192">
        <v>0</v>
      </c>
      <c r="C18" s="196">
        <v>0</v>
      </c>
      <c r="D18" s="458">
        <v>0</v>
      </c>
      <c r="E18" s="195">
        <v>0</v>
      </c>
      <c r="F18" s="196">
        <v>210</v>
      </c>
      <c r="G18" s="196">
        <v>316</v>
      </c>
      <c r="H18" s="196">
        <v>172</v>
      </c>
      <c r="I18" s="196">
        <v>130</v>
      </c>
      <c r="J18" s="196">
        <v>89</v>
      </c>
      <c r="K18" s="197">
        <v>917</v>
      </c>
      <c r="L18" s="198">
        <v>917</v>
      </c>
      <c r="M18" s="192">
        <v>0</v>
      </c>
      <c r="N18" s="196">
        <v>0</v>
      </c>
      <c r="O18" s="193">
        <v>0</v>
      </c>
      <c r="P18" s="195">
        <v>0</v>
      </c>
      <c r="Q18" s="196">
        <v>1</v>
      </c>
      <c r="R18" s="196">
        <v>7</v>
      </c>
      <c r="S18" s="196">
        <v>13</v>
      </c>
      <c r="T18" s="196">
        <v>31</v>
      </c>
      <c r="U18" s="196">
        <v>42</v>
      </c>
      <c r="V18" s="193">
        <v>94</v>
      </c>
      <c r="W18" s="198">
        <v>94</v>
      </c>
      <c r="X18" s="192">
        <v>26</v>
      </c>
      <c r="Y18" s="196">
        <v>58</v>
      </c>
      <c r="Z18" s="193">
        <v>84</v>
      </c>
      <c r="AA18" s="195">
        <v>0</v>
      </c>
      <c r="AB18" s="196">
        <v>146</v>
      </c>
      <c r="AC18" s="196">
        <v>262</v>
      </c>
      <c r="AD18" s="196">
        <v>164</v>
      </c>
      <c r="AE18" s="196">
        <v>149</v>
      </c>
      <c r="AF18" s="196">
        <v>99</v>
      </c>
      <c r="AG18" s="193">
        <v>820</v>
      </c>
      <c r="AH18" s="198">
        <v>904</v>
      </c>
      <c r="AI18" s="192">
        <v>0</v>
      </c>
      <c r="AJ18" s="196">
        <v>4</v>
      </c>
      <c r="AK18" s="193">
        <v>4</v>
      </c>
      <c r="AL18" s="195">
        <v>0</v>
      </c>
      <c r="AM18" s="196">
        <v>5</v>
      </c>
      <c r="AN18" s="196">
        <v>17</v>
      </c>
      <c r="AO18" s="196">
        <v>14</v>
      </c>
      <c r="AP18" s="196">
        <v>12</v>
      </c>
      <c r="AQ18" s="196">
        <v>7</v>
      </c>
      <c r="AR18" s="193">
        <v>55</v>
      </c>
      <c r="AS18" s="198">
        <v>59</v>
      </c>
      <c r="AT18" s="192">
        <v>45</v>
      </c>
      <c r="AU18" s="196">
        <v>17</v>
      </c>
      <c r="AV18" s="193">
        <v>62</v>
      </c>
      <c r="AW18" s="195">
        <v>0</v>
      </c>
      <c r="AX18" s="196">
        <v>204</v>
      </c>
      <c r="AY18" s="196">
        <v>267</v>
      </c>
      <c r="AZ18" s="196">
        <v>239</v>
      </c>
      <c r="BA18" s="196">
        <v>243</v>
      </c>
      <c r="BB18" s="196">
        <v>196</v>
      </c>
      <c r="BC18" s="197">
        <v>1149</v>
      </c>
      <c r="BD18" s="198">
        <v>1211</v>
      </c>
      <c r="BE18" s="192">
        <v>0</v>
      </c>
      <c r="BF18" s="196">
        <v>0</v>
      </c>
      <c r="BG18" s="193">
        <v>0</v>
      </c>
      <c r="BH18" s="195">
        <v>0</v>
      </c>
      <c r="BI18" s="196">
        <v>336</v>
      </c>
      <c r="BJ18" s="196">
        <v>402</v>
      </c>
      <c r="BK18" s="196">
        <v>252</v>
      </c>
      <c r="BL18" s="196">
        <v>151</v>
      </c>
      <c r="BM18" s="196">
        <v>82</v>
      </c>
      <c r="BN18" s="193">
        <v>1223</v>
      </c>
      <c r="BO18" s="198">
        <v>1223</v>
      </c>
      <c r="BP18" s="192">
        <v>55</v>
      </c>
      <c r="BQ18" s="196">
        <v>88</v>
      </c>
      <c r="BR18" s="193">
        <v>143</v>
      </c>
      <c r="BS18" s="195">
        <v>0</v>
      </c>
      <c r="BT18" s="196">
        <v>171</v>
      </c>
      <c r="BU18" s="196">
        <v>263</v>
      </c>
      <c r="BV18" s="196">
        <v>113</v>
      </c>
      <c r="BW18" s="196">
        <v>65</v>
      </c>
      <c r="BX18" s="196">
        <v>23</v>
      </c>
      <c r="BY18" s="193">
        <v>635</v>
      </c>
      <c r="BZ18" s="198">
        <v>778</v>
      </c>
      <c r="CA18" s="192">
        <v>0</v>
      </c>
      <c r="CB18" s="196">
        <v>1</v>
      </c>
      <c r="CC18" s="193">
        <v>1</v>
      </c>
      <c r="CD18" s="195">
        <v>0</v>
      </c>
      <c r="CE18" s="196">
        <v>38</v>
      </c>
      <c r="CF18" s="196">
        <v>76</v>
      </c>
      <c r="CG18" s="196">
        <v>92</v>
      </c>
      <c r="CH18" s="196">
        <v>48</v>
      </c>
      <c r="CI18" s="196">
        <v>32</v>
      </c>
      <c r="CJ18" s="193">
        <v>286</v>
      </c>
      <c r="CK18" s="198">
        <v>287</v>
      </c>
      <c r="CL18" s="192">
        <v>0</v>
      </c>
      <c r="CM18" s="196">
        <v>0</v>
      </c>
      <c r="CN18" s="193">
        <v>0</v>
      </c>
      <c r="CO18" s="195">
        <v>0</v>
      </c>
      <c r="CP18" s="196">
        <v>2</v>
      </c>
      <c r="CQ18" s="196">
        <v>5</v>
      </c>
      <c r="CR18" s="196">
        <v>8</v>
      </c>
      <c r="CS18" s="196">
        <v>11</v>
      </c>
      <c r="CT18" s="196">
        <v>4</v>
      </c>
      <c r="CU18" s="193">
        <v>30</v>
      </c>
      <c r="CV18" s="198">
        <v>30</v>
      </c>
      <c r="CW18" s="192">
        <v>0</v>
      </c>
      <c r="CX18" s="196">
        <v>0</v>
      </c>
      <c r="CY18" s="193">
        <v>0</v>
      </c>
      <c r="CZ18" s="195">
        <v>0</v>
      </c>
      <c r="DA18" s="196">
        <v>0</v>
      </c>
      <c r="DB18" s="196">
        <v>0</v>
      </c>
      <c r="DC18" s="196">
        <v>0</v>
      </c>
      <c r="DD18" s="196">
        <v>0</v>
      </c>
      <c r="DE18" s="196">
        <v>0</v>
      </c>
      <c r="DF18" s="193">
        <v>0</v>
      </c>
      <c r="DG18" s="198">
        <v>0</v>
      </c>
      <c r="DH18" s="192">
        <v>0</v>
      </c>
      <c r="DI18" s="196">
        <v>0</v>
      </c>
      <c r="DJ18" s="193">
        <v>0</v>
      </c>
      <c r="DK18" s="195">
        <v>0</v>
      </c>
      <c r="DL18" s="196">
        <v>0</v>
      </c>
      <c r="DM18" s="196">
        <v>0</v>
      </c>
      <c r="DN18" s="196">
        <v>0</v>
      </c>
      <c r="DO18" s="196">
        <v>0</v>
      </c>
      <c r="DP18" s="196">
        <v>0</v>
      </c>
      <c r="DQ18" s="193">
        <v>0</v>
      </c>
      <c r="DR18" s="198">
        <v>0</v>
      </c>
      <c r="DS18" s="192">
        <v>153</v>
      </c>
      <c r="DT18" s="196">
        <v>303</v>
      </c>
      <c r="DU18" s="193">
        <v>456</v>
      </c>
      <c r="DV18" s="195">
        <v>0</v>
      </c>
      <c r="DW18" s="196">
        <v>406</v>
      </c>
      <c r="DX18" s="196">
        <v>865</v>
      </c>
      <c r="DY18" s="196">
        <v>502</v>
      </c>
      <c r="DZ18" s="196">
        <v>344</v>
      </c>
      <c r="EA18" s="196">
        <v>214</v>
      </c>
      <c r="EB18" s="193">
        <v>2331</v>
      </c>
      <c r="EC18" s="198">
        <v>2787</v>
      </c>
      <c r="ED18" s="192">
        <v>35</v>
      </c>
      <c r="EE18" s="196">
        <v>13</v>
      </c>
      <c r="EF18" s="193">
        <v>48</v>
      </c>
      <c r="EG18" s="195">
        <v>0</v>
      </c>
      <c r="EH18" s="196">
        <v>97</v>
      </c>
      <c r="EI18" s="196">
        <v>95</v>
      </c>
      <c r="EJ18" s="196">
        <v>80</v>
      </c>
      <c r="EK18" s="196">
        <v>109</v>
      </c>
      <c r="EL18" s="196">
        <v>81</v>
      </c>
      <c r="EM18" s="193">
        <v>462</v>
      </c>
      <c r="EN18" s="198">
        <v>510</v>
      </c>
      <c r="EO18" s="192">
        <v>210</v>
      </c>
      <c r="EP18" s="196">
        <v>374</v>
      </c>
      <c r="EQ18" s="193">
        <v>584</v>
      </c>
      <c r="ER18" s="195">
        <v>0</v>
      </c>
      <c r="ES18" s="196">
        <v>883</v>
      </c>
      <c r="ET18" s="196">
        <v>1145</v>
      </c>
      <c r="EU18" s="196">
        <v>593</v>
      </c>
      <c r="EV18" s="196">
        <v>371</v>
      </c>
      <c r="EW18" s="196">
        <v>214</v>
      </c>
      <c r="EX18" s="193">
        <v>3206</v>
      </c>
      <c r="EY18" s="198">
        <v>3790</v>
      </c>
    </row>
    <row r="19" spans="1:155" ht="19.5" customHeight="1" x14ac:dyDescent="0.2">
      <c r="A19" s="177" t="s">
        <v>17</v>
      </c>
      <c r="B19" s="192">
        <v>0</v>
      </c>
      <c r="C19" s="196">
        <v>0</v>
      </c>
      <c r="D19" s="458">
        <v>0</v>
      </c>
      <c r="E19" s="195">
        <v>0</v>
      </c>
      <c r="F19" s="196">
        <v>252</v>
      </c>
      <c r="G19" s="196">
        <v>437</v>
      </c>
      <c r="H19" s="196">
        <v>262</v>
      </c>
      <c r="I19" s="196">
        <v>192</v>
      </c>
      <c r="J19" s="196">
        <v>158</v>
      </c>
      <c r="K19" s="197">
        <v>1301</v>
      </c>
      <c r="L19" s="198">
        <v>1301</v>
      </c>
      <c r="M19" s="192">
        <v>0</v>
      </c>
      <c r="N19" s="196">
        <v>1</v>
      </c>
      <c r="O19" s="193">
        <v>1</v>
      </c>
      <c r="P19" s="195">
        <v>0</v>
      </c>
      <c r="Q19" s="196">
        <v>2</v>
      </c>
      <c r="R19" s="196">
        <v>16</v>
      </c>
      <c r="S19" s="196">
        <v>22</v>
      </c>
      <c r="T19" s="196">
        <v>45</v>
      </c>
      <c r="U19" s="196">
        <v>79</v>
      </c>
      <c r="V19" s="193">
        <v>164</v>
      </c>
      <c r="W19" s="198">
        <v>165</v>
      </c>
      <c r="X19" s="192">
        <v>37</v>
      </c>
      <c r="Y19" s="196">
        <v>93</v>
      </c>
      <c r="Z19" s="193">
        <v>130</v>
      </c>
      <c r="AA19" s="195">
        <v>0</v>
      </c>
      <c r="AB19" s="196">
        <v>157</v>
      </c>
      <c r="AC19" s="196">
        <v>297</v>
      </c>
      <c r="AD19" s="196">
        <v>176</v>
      </c>
      <c r="AE19" s="196">
        <v>166</v>
      </c>
      <c r="AF19" s="196">
        <v>147</v>
      </c>
      <c r="AG19" s="193">
        <v>943</v>
      </c>
      <c r="AH19" s="198">
        <v>1073</v>
      </c>
      <c r="AI19" s="192">
        <v>2</v>
      </c>
      <c r="AJ19" s="196">
        <v>7</v>
      </c>
      <c r="AK19" s="193">
        <v>9</v>
      </c>
      <c r="AL19" s="195">
        <v>0</v>
      </c>
      <c r="AM19" s="196">
        <v>4</v>
      </c>
      <c r="AN19" s="196">
        <v>29</v>
      </c>
      <c r="AO19" s="196">
        <v>21</v>
      </c>
      <c r="AP19" s="196">
        <v>12</v>
      </c>
      <c r="AQ19" s="196">
        <v>9</v>
      </c>
      <c r="AR19" s="193">
        <v>75</v>
      </c>
      <c r="AS19" s="198">
        <v>84</v>
      </c>
      <c r="AT19" s="192">
        <v>30</v>
      </c>
      <c r="AU19" s="196">
        <v>51</v>
      </c>
      <c r="AV19" s="193">
        <v>81</v>
      </c>
      <c r="AW19" s="195">
        <v>0</v>
      </c>
      <c r="AX19" s="196">
        <v>246</v>
      </c>
      <c r="AY19" s="196">
        <v>395</v>
      </c>
      <c r="AZ19" s="196">
        <v>336</v>
      </c>
      <c r="BA19" s="196">
        <v>347</v>
      </c>
      <c r="BB19" s="196">
        <v>279</v>
      </c>
      <c r="BC19" s="197">
        <v>1603</v>
      </c>
      <c r="BD19" s="198">
        <v>1684</v>
      </c>
      <c r="BE19" s="192">
        <v>0</v>
      </c>
      <c r="BF19" s="196">
        <v>0</v>
      </c>
      <c r="BG19" s="193">
        <v>0</v>
      </c>
      <c r="BH19" s="195">
        <v>0</v>
      </c>
      <c r="BI19" s="196">
        <v>354</v>
      </c>
      <c r="BJ19" s="196">
        <v>538</v>
      </c>
      <c r="BK19" s="196">
        <v>315</v>
      </c>
      <c r="BL19" s="196">
        <v>173</v>
      </c>
      <c r="BM19" s="196">
        <v>87</v>
      </c>
      <c r="BN19" s="193">
        <v>1467</v>
      </c>
      <c r="BO19" s="198">
        <v>1467</v>
      </c>
      <c r="BP19" s="192">
        <v>27</v>
      </c>
      <c r="BQ19" s="196">
        <v>70</v>
      </c>
      <c r="BR19" s="193">
        <v>97</v>
      </c>
      <c r="BS19" s="195">
        <v>0</v>
      </c>
      <c r="BT19" s="196">
        <v>77</v>
      </c>
      <c r="BU19" s="196">
        <v>166</v>
      </c>
      <c r="BV19" s="196">
        <v>84</v>
      </c>
      <c r="BW19" s="196">
        <v>48</v>
      </c>
      <c r="BX19" s="196">
        <v>21</v>
      </c>
      <c r="BY19" s="193">
        <v>396</v>
      </c>
      <c r="BZ19" s="198">
        <v>493</v>
      </c>
      <c r="CA19" s="192">
        <v>2</v>
      </c>
      <c r="CB19" s="196">
        <v>0</v>
      </c>
      <c r="CC19" s="193">
        <v>2</v>
      </c>
      <c r="CD19" s="195">
        <v>0</v>
      </c>
      <c r="CE19" s="196">
        <v>55</v>
      </c>
      <c r="CF19" s="196">
        <v>87</v>
      </c>
      <c r="CG19" s="196">
        <v>99</v>
      </c>
      <c r="CH19" s="196">
        <v>88</v>
      </c>
      <c r="CI19" s="196">
        <v>47</v>
      </c>
      <c r="CJ19" s="193">
        <v>376</v>
      </c>
      <c r="CK19" s="198">
        <v>378</v>
      </c>
      <c r="CL19" s="192">
        <v>0</v>
      </c>
      <c r="CM19" s="196">
        <v>0</v>
      </c>
      <c r="CN19" s="193">
        <v>0</v>
      </c>
      <c r="CO19" s="195">
        <v>0</v>
      </c>
      <c r="CP19" s="196">
        <v>5</v>
      </c>
      <c r="CQ19" s="196">
        <v>12</v>
      </c>
      <c r="CR19" s="196">
        <v>7</v>
      </c>
      <c r="CS19" s="196">
        <v>9</v>
      </c>
      <c r="CT19" s="196">
        <v>10</v>
      </c>
      <c r="CU19" s="193">
        <v>43</v>
      </c>
      <c r="CV19" s="198">
        <v>43</v>
      </c>
      <c r="CW19" s="192">
        <v>0</v>
      </c>
      <c r="CX19" s="196">
        <v>0</v>
      </c>
      <c r="CY19" s="193">
        <v>0</v>
      </c>
      <c r="CZ19" s="195">
        <v>0</v>
      </c>
      <c r="DA19" s="196">
        <v>0</v>
      </c>
      <c r="DB19" s="196">
        <v>0</v>
      </c>
      <c r="DC19" s="196">
        <v>0</v>
      </c>
      <c r="DD19" s="196">
        <v>0</v>
      </c>
      <c r="DE19" s="196">
        <v>0</v>
      </c>
      <c r="DF19" s="193">
        <v>0</v>
      </c>
      <c r="DG19" s="198">
        <v>0</v>
      </c>
      <c r="DH19" s="192">
        <v>0</v>
      </c>
      <c r="DI19" s="196">
        <v>0</v>
      </c>
      <c r="DJ19" s="193">
        <v>0</v>
      </c>
      <c r="DK19" s="195">
        <v>0</v>
      </c>
      <c r="DL19" s="196">
        <v>0</v>
      </c>
      <c r="DM19" s="196">
        <v>0</v>
      </c>
      <c r="DN19" s="196">
        <v>0</v>
      </c>
      <c r="DO19" s="196">
        <v>0</v>
      </c>
      <c r="DP19" s="196">
        <v>0</v>
      </c>
      <c r="DQ19" s="193">
        <v>0</v>
      </c>
      <c r="DR19" s="198">
        <v>0</v>
      </c>
      <c r="DS19" s="192">
        <v>203</v>
      </c>
      <c r="DT19" s="196">
        <v>478</v>
      </c>
      <c r="DU19" s="193">
        <v>681</v>
      </c>
      <c r="DV19" s="195">
        <v>0</v>
      </c>
      <c r="DW19" s="196">
        <v>420</v>
      </c>
      <c r="DX19" s="196">
        <v>1071</v>
      </c>
      <c r="DY19" s="196">
        <v>631</v>
      </c>
      <c r="DZ19" s="196">
        <v>527</v>
      </c>
      <c r="EA19" s="196">
        <v>324</v>
      </c>
      <c r="EB19" s="193">
        <v>2973</v>
      </c>
      <c r="EC19" s="198">
        <v>3654</v>
      </c>
      <c r="ED19" s="192">
        <v>26</v>
      </c>
      <c r="EE19" s="196">
        <v>35</v>
      </c>
      <c r="EF19" s="193">
        <v>61</v>
      </c>
      <c r="EG19" s="195">
        <v>0</v>
      </c>
      <c r="EH19" s="196">
        <v>92</v>
      </c>
      <c r="EI19" s="196">
        <v>82</v>
      </c>
      <c r="EJ19" s="196">
        <v>82</v>
      </c>
      <c r="EK19" s="196">
        <v>86</v>
      </c>
      <c r="EL19" s="196">
        <v>48</v>
      </c>
      <c r="EM19" s="193">
        <v>390</v>
      </c>
      <c r="EN19" s="198">
        <v>451</v>
      </c>
      <c r="EO19" s="192">
        <v>246</v>
      </c>
      <c r="EP19" s="196">
        <v>555</v>
      </c>
      <c r="EQ19" s="193">
        <v>801</v>
      </c>
      <c r="ER19" s="195">
        <v>0</v>
      </c>
      <c r="ES19" s="196">
        <v>955</v>
      </c>
      <c r="ET19" s="196">
        <v>1415</v>
      </c>
      <c r="EU19" s="196">
        <v>771</v>
      </c>
      <c r="EV19" s="196">
        <v>544</v>
      </c>
      <c r="EW19" s="196">
        <v>332</v>
      </c>
      <c r="EX19" s="193">
        <v>4017</v>
      </c>
      <c r="EY19" s="198">
        <v>4818</v>
      </c>
    </row>
    <row r="20" spans="1:155" ht="19.5" customHeight="1" x14ac:dyDescent="0.2">
      <c r="A20" s="177" t="s">
        <v>18</v>
      </c>
      <c r="B20" s="192">
        <v>0</v>
      </c>
      <c r="C20" s="196">
        <v>0</v>
      </c>
      <c r="D20" s="458">
        <v>0</v>
      </c>
      <c r="E20" s="195">
        <v>0</v>
      </c>
      <c r="F20" s="196">
        <v>497</v>
      </c>
      <c r="G20" s="196">
        <v>495</v>
      </c>
      <c r="H20" s="196">
        <v>259</v>
      </c>
      <c r="I20" s="196">
        <v>218</v>
      </c>
      <c r="J20" s="196">
        <v>151</v>
      </c>
      <c r="K20" s="197">
        <v>1620</v>
      </c>
      <c r="L20" s="198">
        <v>1620</v>
      </c>
      <c r="M20" s="192">
        <v>0</v>
      </c>
      <c r="N20" s="196">
        <v>1</v>
      </c>
      <c r="O20" s="193">
        <v>1</v>
      </c>
      <c r="P20" s="195">
        <v>0</v>
      </c>
      <c r="Q20" s="196">
        <v>2</v>
      </c>
      <c r="R20" s="196">
        <v>18</v>
      </c>
      <c r="S20" s="196">
        <v>15</v>
      </c>
      <c r="T20" s="196">
        <v>47</v>
      </c>
      <c r="U20" s="196">
        <v>78</v>
      </c>
      <c r="V20" s="193">
        <v>160</v>
      </c>
      <c r="W20" s="198">
        <v>161</v>
      </c>
      <c r="X20" s="192">
        <v>40</v>
      </c>
      <c r="Y20" s="196">
        <v>112</v>
      </c>
      <c r="Z20" s="193">
        <v>152</v>
      </c>
      <c r="AA20" s="195">
        <v>0</v>
      </c>
      <c r="AB20" s="196">
        <v>322</v>
      </c>
      <c r="AC20" s="196">
        <v>330</v>
      </c>
      <c r="AD20" s="196">
        <v>216</v>
      </c>
      <c r="AE20" s="196">
        <v>182</v>
      </c>
      <c r="AF20" s="196">
        <v>140</v>
      </c>
      <c r="AG20" s="193">
        <v>1190</v>
      </c>
      <c r="AH20" s="198">
        <v>1342</v>
      </c>
      <c r="AI20" s="192">
        <v>6</v>
      </c>
      <c r="AJ20" s="196">
        <v>8</v>
      </c>
      <c r="AK20" s="193">
        <v>14</v>
      </c>
      <c r="AL20" s="195">
        <v>0</v>
      </c>
      <c r="AM20" s="196">
        <v>34</v>
      </c>
      <c r="AN20" s="196">
        <v>42</v>
      </c>
      <c r="AO20" s="196">
        <v>24</v>
      </c>
      <c r="AP20" s="196">
        <v>24</v>
      </c>
      <c r="AQ20" s="196">
        <v>12</v>
      </c>
      <c r="AR20" s="193">
        <v>136</v>
      </c>
      <c r="AS20" s="198">
        <v>150</v>
      </c>
      <c r="AT20" s="192">
        <v>56</v>
      </c>
      <c r="AU20" s="196">
        <v>65</v>
      </c>
      <c r="AV20" s="193">
        <v>121</v>
      </c>
      <c r="AW20" s="195">
        <v>0</v>
      </c>
      <c r="AX20" s="196">
        <v>415</v>
      </c>
      <c r="AY20" s="196">
        <v>504</v>
      </c>
      <c r="AZ20" s="196">
        <v>459</v>
      </c>
      <c r="BA20" s="196">
        <v>403</v>
      </c>
      <c r="BB20" s="196">
        <v>334</v>
      </c>
      <c r="BC20" s="197">
        <v>2115</v>
      </c>
      <c r="BD20" s="198">
        <v>2236</v>
      </c>
      <c r="BE20" s="192">
        <v>0</v>
      </c>
      <c r="BF20" s="196">
        <v>0</v>
      </c>
      <c r="BG20" s="193">
        <v>0</v>
      </c>
      <c r="BH20" s="195">
        <v>0</v>
      </c>
      <c r="BI20" s="196">
        <v>599</v>
      </c>
      <c r="BJ20" s="196">
        <v>580</v>
      </c>
      <c r="BK20" s="196">
        <v>311</v>
      </c>
      <c r="BL20" s="196">
        <v>187</v>
      </c>
      <c r="BM20" s="196">
        <v>82</v>
      </c>
      <c r="BN20" s="193">
        <v>1759</v>
      </c>
      <c r="BO20" s="198">
        <v>1759</v>
      </c>
      <c r="BP20" s="192">
        <v>46</v>
      </c>
      <c r="BQ20" s="196">
        <v>84</v>
      </c>
      <c r="BR20" s="193">
        <v>130</v>
      </c>
      <c r="BS20" s="195">
        <v>0</v>
      </c>
      <c r="BT20" s="196">
        <v>175</v>
      </c>
      <c r="BU20" s="196">
        <v>174</v>
      </c>
      <c r="BV20" s="196">
        <v>99</v>
      </c>
      <c r="BW20" s="196">
        <v>64</v>
      </c>
      <c r="BX20" s="196">
        <v>21</v>
      </c>
      <c r="BY20" s="193">
        <v>533</v>
      </c>
      <c r="BZ20" s="198">
        <v>663</v>
      </c>
      <c r="CA20" s="192">
        <v>1</v>
      </c>
      <c r="CB20" s="196">
        <v>3</v>
      </c>
      <c r="CC20" s="193">
        <v>4</v>
      </c>
      <c r="CD20" s="195">
        <v>0</v>
      </c>
      <c r="CE20" s="196">
        <v>49</v>
      </c>
      <c r="CF20" s="196">
        <v>100</v>
      </c>
      <c r="CG20" s="196">
        <v>126</v>
      </c>
      <c r="CH20" s="196">
        <v>104</v>
      </c>
      <c r="CI20" s="196">
        <v>60</v>
      </c>
      <c r="CJ20" s="193">
        <v>439</v>
      </c>
      <c r="CK20" s="198">
        <v>443</v>
      </c>
      <c r="CL20" s="192">
        <v>0</v>
      </c>
      <c r="CM20" s="196">
        <v>0</v>
      </c>
      <c r="CN20" s="193">
        <v>0</v>
      </c>
      <c r="CO20" s="195">
        <v>0</v>
      </c>
      <c r="CP20" s="196">
        <v>1</v>
      </c>
      <c r="CQ20" s="196">
        <v>1</v>
      </c>
      <c r="CR20" s="196">
        <v>4</v>
      </c>
      <c r="CS20" s="196">
        <v>3</v>
      </c>
      <c r="CT20" s="196">
        <v>4</v>
      </c>
      <c r="CU20" s="193">
        <v>13</v>
      </c>
      <c r="CV20" s="198">
        <v>13</v>
      </c>
      <c r="CW20" s="192">
        <v>0</v>
      </c>
      <c r="CX20" s="196">
        <v>0</v>
      </c>
      <c r="CY20" s="193">
        <v>0</v>
      </c>
      <c r="CZ20" s="195">
        <v>0</v>
      </c>
      <c r="DA20" s="196">
        <v>0</v>
      </c>
      <c r="DB20" s="196">
        <v>0</v>
      </c>
      <c r="DC20" s="196">
        <v>0</v>
      </c>
      <c r="DD20" s="196">
        <v>0</v>
      </c>
      <c r="DE20" s="196">
        <v>0</v>
      </c>
      <c r="DF20" s="193">
        <v>0</v>
      </c>
      <c r="DG20" s="198">
        <v>0</v>
      </c>
      <c r="DH20" s="192">
        <v>0</v>
      </c>
      <c r="DI20" s="196">
        <v>0</v>
      </c>
      <c r="DJ20" s="193">
        <v>0</v>
      </c>
      <c r="DK20" s="195">
        <v>0</v>
      </c>
      <c r="DL20" s="196">
        <v>0</v>
      </c>
      <c r="DM20" s="196">
        <v>0</v>
      </c>
      <c r="DN20" s="196">
        <v>0</v>
      </c>
      <c r="DO20" s="196">
        <v>0</v>
      </c>
      <c r="DP20" s="196">
        <v>0</v>
      </c>
      <c r="DQ20" s="193">
        <v>0</v>
      </c>
      <c r="DR20" s="198">
        <v>0</v>
      </c>
      <c r="DS20" s="192">
        <v>222</v>
      </c>
      <c r="DT20" s="196">
        <v>496</v>
      </c>
      <c r="DU20" s="193">
        <v>718</v>
      </c>
      <c r="DV20" s="195">
        <v>0</v>
      </c>
      <c r="DW20" s="196">
        <v>769</v>
      </c>
      <c r="DX20" s="196">
        <v>1048</v>
      </c>
      <c r="DY20" s="196">
        <v>629</v>
      </c>
      <c r="DZ20" s="196">
        <v>502</v>
      </c>
      <c r="EA20" s="196">
        <v>297</v>
      </c>
      <c r="EB20" s="193">
        <v>3245</v>
      </c>
      <c r="EC20" s="198">
        <v>3963</v>
      </c>
      <c r="ED20" s="192">
        <v>24</v>
      </c>
      <c r="EE20" s="196">
        <v>16</v>
      </c>
      <c r="EF20" s="193">
        <v>40</v>
      </c>
      <c r="EG20" s="195">
        <v>0</v>
      </c>
      <c r="EH20" s="196">
        <v>118</v>
      </c>
      <c r="EI20" s="196">
        <v>101</v>
      </c>
      <c r="EJ20" s="196">
        <v>103</v>
      </c>
      <c r="EK20" s="196">
        <v>81</v>
      </c>
      <c r="EL20" s="196">
        <v>73</v>
      </c>
      <c r="EM20" s="193">
        <v>476</v>
      </c>
      <c r="EN20" s="198">
        <v>516</v>
      </c>
      <c r="EO20" s="192">
        <v>274</v>
      </c>
      <c r="EP20" s="196">
        <v>612</v>
      </c>
      <c r="EQ20" s="193">
        <v>886</v>
      </c>
      <c r="ER20" s="195">
        <v>0</v>
      </c>
      <c r="ES20" s="196">
        <v>1565</v>
      </c>
      <c r="ET20" s="196">
        <v>1447</v>
      </c>
      <c r="EU20" s="196">
        <v>744</v>
      </c>
      <c r="EV20" s="196">
        <v>534</v>
      </c>
      <c r="EW20" s="196">
        <v>304</v>
      </c>
      <c r="EX20" s="193">
        <v>4594</v>
      </c>
      <c r="EY20" s="198">
        <v>5480</v>
      </c>
    </row>
    <row r="21" spans="1:155" ht="19.5" customHeight="1" x14ac:dyDescent="0.2">
      <c r="A21" s="177" t="s">
        <v>19</v>
      </c>
      <c r="B21" s="192">
        <v>0</v>
      </c>
      <c r="C21" s="196">
        <v>0</v>
      </c>
      <c r="D21" s="458">
        <v>0</v>
      </c>
      <c r="E21" s="195">
        <v>0</v>
      </c>
      <c r="F21" s="196">
        <v>185</v>
      </c>
      <c r="G21" s="196">
        <v>169</v>
      </c>
      <c r="H21" s="196">
        <v>115</v>
      </c>
      <c r="I21" s="196">
        <v>77</v>
      </c>
      <c r="J21" s="196">
        <v>51</v>
      </c>
      <c r="K21" s="197">
        <v>597</v>
      </c>
      <c r="L21" s="198">
        <v>597</v>
      </c>
      <c r="M21" s="192">
        <v>0</v>
      </c>
      <c r="N21" s="196">
        <v>1</v>
      </c>
      <c r="O21" s="193">
        <v>1</v>
      </c>
      <c r="P21" s="195">
        <v>0</v>
      </c>
      <c r="Q21" s="196">
        <v>2</v>
      </c>
      <c r="R21" s="196">
        <v>8</v>
      </c>
      <c r="S21" s="196">
        <v>13</v>
      </c>
      <c r="T21" s="196">
        <v>19</v>
      </c>
      <c r="U21" s="196">
        <v>26</v>
      </c>
      <c r="V21" s="193">
        <v>68</v>
      </c>
      <c r="W21" s="198">
        <v>69</v>
      </c>
      <c r="X21" s="192">
        <v>29</v>
      </c>
      <c r="Y21" s="196">
        <v>53</v>
      </c>
      <c r="Z21" s="193">
        <v>82</v>
      </c>
      <c r="AA21" s="195">
        <v>0</v>
      </c>
      <c r="AB21" s="196">
        <v>143</v>
      </c>
      <c r="AC21" s="196">
        <v>132</v>
      </c>
      <c r="AD21" s="196">
        <v>95</v>
      </c>
      <c r="AE21" s="196">
        <v>74</v>
      </c>
      <c r="AF21" s="196">
        <v>57</v>
      </c>
      <c r="AG21" s="193">
        <v>501</v>
      </c>
      <c r="AH21" s="198">
        <v>583</v>
      </c>
      <c r="AI21" s="192">
        <v>5</v>
      </c>
      <c r="AJ21" s="196">
        <v>11</v>
      </c>
      <c r="AK21" s="193">
        <v>16</v>
      </c>
      <c r="AL21" s="195">
        <v>0</v>
      </c>
      <c r="AM21" s="196">
        <v>22</v>
      </c>
      <c r="AN21" s="196">
        <v>12</v>
      </c>
      <c r="AO21" s="196">
        <v>11</v>
      </c>
      <c r="AP21" s="196">
        <v>8</v>
      </c>
      <c r="AQ21" s="196">
        <v>2</v>
      </c>
      <c r="AR21" s="193">
        <v>55</v>
      </c>
      <c r="AS21" s="198">
        <v>71</v>
      </c>
      <c r="AT21" s="192">
        <v>37</v>
      </c>
      <c r="AU21" s="196">
        <v>32</v>
      </c>
      <c r="AV21" s="193">
        <v>69</v>
      </c>
      <c r="AW21" s="195">
        <v>0</v>
      </c>
      <c r="AX21" s="196">
        <v>167</v>
      </c>
      <c r="AY21" s="196">
        <v>199</v>
      </c>
      <c r="AZ21" s="196">
        <v>165</v>
      </c>
      <c r="BA21" s="196">
        <v>156</v>
      </c>
      <c r="BB21" s="196">
        <v>126</v>
      </c>
      <c r="BC21" s="197">
        <v>813</v>
      </c>
      <c r="BD21" s="198">
        <v>882</v>
      </c>
      <c r="BE21" s="192">
        <v>0</v>
      </c>
      <c r="BF21" s="196">
        <v>0</v>
      </c>
      <c r="BG21" s="193">
        <v>0</v>
      </c>
      <c r="BH21" s="195">
        <v>0</v>
      </c>
      <c r="BI21" s="196">
        <v>261</v>
      </c>
      <c r="BJ21" s="196">
        <v>239</v>
      </c>
      <c r="BK21" s="196">
        <v>122</v>
      </c>
      <c r="BL21" s="196">
        <v>63</v>
      </c>
      <c r="BM21" s="196">
        <v>36</v>
      </c>
      <c r="BN21" s="193">
        <v>721</v>
      </c>
      <c r="BO21" s="198">
        <v>721</v>
      </c>
      <c r="BP21" s="192">
        <v>17</v>
      </c>
      <c r="BQ21" s="196">
        <v>40</v>
      </c>
      <c r="BR21" s="193">
        <v>57</v>
      </c>
      <c r="BS21" s="195">
        <v>0</v>
      </c>
      <c r="BT21" s="196">
        <v>90</v>
      </c>
      <c r="BU21" s="196">
        <v>94</v>
      </c>
      <c r="BV21" s="196">
        <v>62</v>
      </c>
      <c r="BW21" s="196">
        <v>33</v>
      </c>
      <c r="BX21" s="196">
        <v>11</v>
      </c>
      <c r="BY21" s="193">
        <v>290</v>
      </c>
      <c r="BZ21" s="198">
        <v>347</v>
      </c>
      <c r="CA21" s="192">
        <v>0</v>
      </c>
      <c r="CB21" s="196">
        <v>4</v>
      </c>
      <c r="CC21" s="193">
        <v>4</v>
      </c>
      <c r="CD21" s="195">
        <v>0</v>
      </c>
      <c r="CE21" s="196">
        <v>24</v>
      </c>
      <c r="CF21" s="196">
        <v>59</v>
      </c>
      <c r="CG21" s="196">
        <v>53</v>
      </c>
      <c r="CH21" s="196">
        <v>19</v>
      </c>
      <c r="CI21" s="196">
        <v>14</v>
      </c>
      <c r="CJ21" s="193">
        <v>169</v>
      </c>
      <c r="CK21" s="198">
        <v>173</v>
      </c>
      <c r="CL21" s="192">
        <v>0</v>
      </c>
      <c r="CM21" s="196">
        <v>0</v>
      </c>
      <c r="CN21" s="193">
        <v>0</v>
      </c>
      <c r="CO21" s="195">
        <v>0</v>
      </c>
      <c r="CP21" s="196">
        <v>9</v>
      </c>
      <c r="CQ21" s="196">
        <v>7</v>
      </c>
      <c r="CR21" s="196">
        <v>7</v>
      </c>
      <c r="CS21" s="196">
        <v>12</v>
      </c>
      <c r="CT21" s="196">
        <v>5</v>
      </c>
      <c r="CU21" s="193">
        <v>40</v>
      </c>
      <c r="CV21" s="198">
        <v>40</v>
      </c>
      <c r="CW21" s="192">
        <v>0</v>
      </c>
      <c r="CX21" s="196">
        <v>0</v>
      </c>
      <c r="CY21" s="193">
        <v>0</v>
      </c>
      <c r="CZ21" s="195">
        <v>0</v>
      </c>
      <c r="DA21" s="196">
        <v>0</v>
      </c>
      <c r="DB21" s="196">
        <v>0</v>
      </c>
      <c r="DC21" s="196">
        <v>0</v>
      </c>
      <c r="DD21" s="196">
        <v>0</v>
      </c>
      <c r="DE21" s="196">
        <v>0</v>
      </c>
      <c r="DF21" s="193">
        <v>0</v>
      </c>
      <c r="DG21" s="198">
        <v>0</v>
      </c>
      <c r="DH21" s="192">
        <v>0</v>
      </c>
      <c r="DI21" s="196">
        <v>0</v>
      </c>
      <c r="DJ21" s="193">
        <v>0</v>
      </c>
      <c r="DK21" s="195">
        <v>0</v>
      </c>
      <c r="DL21" s="196">
        <v>0</v>
      </c>
      <c r="DM21" s="196">
        <v>0</v>
      </c>
      <c r="DN21" s="196">
        <v>0</v>
      </c>
      <c r="DO21" s="196">
        <v>0</v>
      </c>
      <c r="DP21" s="196">
        <v>0</v>
      </c>
      <c r="DQ21" s="193">
        <v>0</v>
      </c>
      <c r="DR21" s="198">
        <v>0</v>
      </c>
      <c r="DS21" s="192">
        <v>86</v>
      </c>
      <c r="DT21" s="196">
        <v>221</v>
      </c>
      <c r="DU21" s="193">
        <v>307</v>
      </c>
      <c r="DV21" s="195">
        <v>0</v>
      </c>
      <c r="DW21" s="196">
        <v>389</v>
      </c>
      <c r="DX21" s="196">
        <v>445</v>
      </c>
      <c r="DY21" s="196">
        <v>289</v>
      </c>
      <c r="DZ21" s="196">
        <v>185</v>
      </c>
      <c r="EA21" s="196">
        <v>131</v>
      </c>
      <c r="EB21" s="193">
        <v>1439</v>
      </c>
      <c r="EC21" s="198">
        <v>1746</v>
      </c>
      <c r="ED21" s="192">
        <v>14</v>
      </c>
      <c r="EE21" s="196">
        <v>18</v>
      </c>
      <c r="EF21" s="193">
        <v>32</v>
      </c>
      <c r="EG21" s="195">
        <v>0</v>
      </c>
      <c r="EH21" s="196">
        <v>65</v>
      </c>
      <c r="EI21" s="196">
        <v>45</v>
      </c>
      <c r="EJ21" s="196">
        <v>45</v>
      </c>
      <c r="EK21" s="196">
        <v>50</v>
      </c>
      <c r="EL21" s="196">
        <v>28</v>
      </c>
      <c r="EM21" s="193">
        <v>233</v>
      </c>
      <c r="EN21" s="198">
        <v>265</v>
      </c>
      <c r="EO21" s="192">
        <v>126</v>
      </c>
      <c r="EP21" s="196">
        <v>269</v>
      </c>
      <c r="EQ21" s="193">
        <v>395</v>
      </c>
      <c r="ER21" s="195">
        <v>0</v>
      </c>
      <c r="ES21" s="196">
        <v>682</v>
      </c>
      <c r="ET21" s="196">
        <v>601</v>
      </c>
      <c r="EU21" s="196">
        <v>322</v>
      </c>
      <c r="EV21" s="196">
        <v>178</v>
      </c>
      <c r="EW21" s="196">
        <v>110</v>
      </c>
      <c r="EX21" s="193">
        <v>1893</v>
      </c>
      <c r="EY21" s="198">
        <v>2288</v>
      </c>
    </row>
    <row r="22" spans="1:155" ht="19.5" customHeight="1" x14ac:dyDescent="0.2">
      <c r="A22" s="177" t="s">
        <v>20</v>
      </c>
      <c r="B22" s="192">
        <v>0</v>
      </c>
      <c r="C22" s="196">
        <v>0</v>
      </c>
      <c r="D22" s="458">
        <v>0</v>
      </c>
      <c r="E22" s="195">
        <v>0</v>
      </c>
      <c r="F22" s="196">
        <v>258</v>
      </c>
      <c r="G22" s="196">
        <v>175</v>
      </c>
      <c r="H22" s="196">
        <v>110</v>
      </c>
      <c r="I22" s="196">
        <v>80</v>
      </c>
      <c r="J22" s="196">
        <v>55</v>
      </c>
      <c r="K22" s="197">
        <v>678</v>
      </c>
      <c r="L22" s="198">
        <v>678</v>
      </c>
      <c r="M22" s="192">
        <v>0</v>
      </c>
      <c r="N22" s="196">
        <v>1</v>
      </c>
      <c r="O22" s="193">
        <v>1</v>
      </c>
      <c r="P22" s="195">
        <v>0</v>
      </c>
      <c r="Q22" s="196">
        <v>1</v>
      </c>
      <c r="R22" s="196">
        <v>8</v>
      </c>
      <c r="S22" s="196">
        <v>8</v>
      </c>
      <c r="T22" s="196">
        <v>27</v>
      </c>
      <c r="U22" s="196">
        <v>35</v>
      </c>
      <c r="V22" s="193">
        <v>79</v>
      </c>
      <c r="W22" s="198">
        <v>80</v>
      </c>
      <c r="X22" s="192">
        <v>34</v>
      </c>
      <c r="Y22" s="196">
        <v>85</v>
      </c>
      <c r="Z22" s="193">
        <v>119</v>
      </c>
      <c r="AA22" s="195">
        <v>0</v>
      </c>
      <c r="AB22" s="196">
        <v>243</v>
      </c>
      <c r="AC22" s="196">
        <v>149</v>
      </c>
      <c r="AD22" s="196">
        <v>99</v>
      </c>
      <c r="AE22" s="196">
        <v>85</v>
      </c>
      <c r="AF22" s="196">
        <v>44</v>
      </c>
      <c r="AG22" s="193">
        <v>620</v>
      </c>
      <c r="AH22" s="198">
        <v>739</v>
      </c>
      <c r="AI22" s="192">
        <v>10</v>
      </c>
      <c r="AJ22" s="196">
        <v>35</v>
      </c>
      <c r="AK22" s="193">
        <v>45</v>
      </c>
      <c r="AL22" s="195">
        <v>0</v>
      </c>
      <c r="AM22" s="196">
        <v>45</v>
      </c>
      <c r="AN22" s="196">
        <v>50</v>
      </c>
      <c r="AO22" s="196">
        <v>32</v>
      </c>
      <c r="AP22" s="196">
        <v>24</v>
      </c>
      <c r="AQ22" s="196">
        <v>9</v>
      </c>
      <c r="AR22" s="193">
        <v>160</v>
      </c>
      <c r="AS22" s="198">
        <v>205</v>
      </c>
      <c r="AT22" s="192">
        <v>16</v>
      </c>
      <c r="AU22" s="196">
        <v>53</v>
      </c>
      <c r="AV22" s="193">
        <v>69</v>
      </c>
      <c r="AW22" s="195">
        <v>0</v>
      </c>
      <c r="AX22" s="196">
        <v>231</v>
      </c>
      <c r="AY22" s="196">
        <v>217</v>
      </c>
      <c r="AZ22" s="196">
        <v>173</v>
      </c>
      <c r="BA22" s="196">
        <v>210</v>
      </c>
      <c r="BB22" s="196">
        <v>118</v>
      </c>
      <c r="BC22" s="197">
        <v>949</v>
      </c>
      <c r="BD22" s="198">
        <v>1018</v>
      </c>
      <c r="BE22" s="192">
        <v>0</v>
      </c>
      <c r="BF22" s="196">
        <v>0</v>
      </c>
      <c r="BG22" s="193">
        <v>0</v>
      </c>
      <c r="BH22" s="195">
        <v>0</v>
      </c>
      <c r="BI22" s="196">
        <v>306</v>
      </c>
      <c r="BJ22" s="196">
        <v>182</v>
      </c>
      <c r="BK22" s="196">
        <v>133</v>
      </c>
      <c r="BL22" s="196">
        <v>62</v>
      </c>
      <c r="BM22" s="196">
        <v>27</v>
      </c>
      <c r="BN22" s="193">
        <v>710</v>
      </c>
      <c r="BO22" s="198">
        <v>710</v>
      </c>
      <c r="BP22" s="192">
        <v>20</v>
      </c>
      <c r="BQ22" s="196">
        <v>55</v>
      </c>
      <c r="BR22" s="193">
        <v>75</v>
      </c>
      <c r="BS22" s="195">
        <v>0</v>
      </c>
      <c r="BT22" s="196">
        <v>186</v>
      </c>
      <c r="BU22" s="196">
        <v>106</v>
      </c>
      <c r="BV22" s="196">
        <v>64</v>
      </c>
      <c r="BW22" s="196">
        <v>38</v>
      </c>
      <c r="BX22" s="196">
        <v>11</v>
      </c>
      <c r="BY22" s="193">
        <v>405</v>
      </c>
      <c r="BZ22" s="198">
        <v>480</v>
      </c>
      <c r="CA22" s="192">
        <v>2</v>
      </c>
      <c r="CB22" s="196">
        <v>4</v>
      </c>
      <c r="CC22" s="193">
        <v>6</v>
      </c>
      <c r="CD22" s="195">
        <v>0</v>
      </c>
      <c r="CE22" s="196">
        <v>52</v>
      </c>
      <c r="CF22" s="196">
        <v>48</v>
      </c>
      <c r="CG22" s="196">
        <v>76</v>
      </c>
      <c r="CH22" s="196">
        <v>49</v>
      </c>
      <c r="CI22" s="196">
        <v>26</v>
      </c>
      <c r="CJ22" s="193">
        <v>251</v>
      </c>
      <c r="CK22" s="198">
        <v>257</v>
      </c>
      <c r="CL22" s="192">
        <v>0</v>
      </c>
      <c r="CM22" s="196">
        <v>1</v>
      </c>
      <c r="CN22" s="193">
        <v>1</v>
      </c>
      <c r="CO22" s="195">
        <v>0</v>
      </c>
      <c r="CP22" s="196">
        <v>3</v>
      </c>
      <c r="CQ22" s="196">
        <v>8</v>
      </c>
      <c r="CR22" s="196">
        <v>11</v>
      </c>
      <c r="CS22" s="196">
        <v>6</v>
      </c>
      <c r="CT22" s="196">
        <v>3</v>
      </c>
      <c r="CU22" s="193">
        <v>31</v>
      </c>
      <c r="CV22" s="198">
        <v>32</v>
      </c>
      <c r="CW22" s="192">
        <v>0</v>
      </c>
      <c r="CX22" s="196">
        <v>0</v>
      </c>
      <c r="CY22" s="193">
        <v>0</v>
      </c>
      <c r="CZ22" s="195">
        <v>0</v>
      </c>
      <c r="DA22" s="196">
        <v>0</v>
      </c>
      <c r="DB22" s="196">
        <v>0</v>
      </c>
      <c r="DC22" s="196">
        <v>0</v>
      </c>
      <c r="DD22" s="196">
        <v>0</v>
      </c>
      <c r="DE22" s="196">
        <v>0</v>
      </c>
      <c r="DF22" s="193">
        <v>0</v>
      </c>
      <c r="DG22" s="198">
        <v>0</v>
      </c>
      <c r="DH22" s="192">
        <v>0</v>
      </c>
      <c r="DI22" s="196">
        <v>0</v>
      </c>
      <c r="DJ22" s="193">
        <v>0</v>
      </c>
      <c r="DK22" s="195">
        <v>0</v>
      </c>
      <c r="DL22" s="196">
        <v>0</v>
      </c>
      <c r="DM22" s="196">
        <v>0</v>
      </c>
      <c r="DN22" s="196">
        <v>0</v>
      </c>
      <c r="DO22" s="196">
        <v>0</v>
      </c>
      <c r="DP22" s="196">
        <v>0</v>
      </c>
      <c r="DQ22" s="193">
        <v>0</v>
      </c>
      <c r="DR22" s="198">
        <v>0</v>
      </c>
      <c r="DS22" s="192">
        <v>136</v>
      </c>
      <c r="DT22" s="196">
        <v>307</v>
      </c>
      <c r="DU22" s="193">
        <v>443</v>
      </c>
      <c r="DV22" s="195">
        <v>0</v>
      </c>
      <c r="DW22" s="196">
        <v>513</v>
      </c>
      <c r="DX22" s="196">
        <v>417</v>
      </c>
      <c r="DY22" s="196">
        <v>278</v>
      </c>
      <c r="DZ22" s="196">
        <v>212</v>
      </c>
      <c r="EA22" s="196">
        <v>100</v>
      </c>
      <c r="EB22" s="193">
        <v>1520</v>
      </c>
      <c r="EC22" s="198">
        <v>1963</v>
      </c>
      <c r="ED22" s="192">
        <v>8</v>
      </c>
      <c r="EE22" s="196">
        <v>30</v>
      </c>
      <c r="EF22" s="193">
        <v>38</v>
      </c>
      <c r="EG22" s="195">
        <v>0</v>
      </c>
      <c r="EH22" s="196">
        <v>69</v>
      </c>
      <c r="EI22" s="196">
        <v>68</v>
      </c>
      <c r="EJ22" s="196">
        <v>45</v>
      </c>
      <c r="EK22" s="196">
        <v>74</v>
      </c>
      <c r="EL22" s="196">
        <v>31</v>
      </c>
      <c r="EM22" s="193">
        <v>287</v>
      </c>
      <c r="EN22" s="198">
        <v>325</v>
      </c>
      <c r="EO22" s="192">
        <v>189</v>
      </c>
      <c r="EP22" s="196">
        <v>412</v>
      </c>
      <c r="EQ22" s="193">
        <v>601</v>
      </c>
      <c r="ER22" s="195">
        <v>0</v>
      </c>
      <c r="ES22" s="196">
        <v>983</v>
      </c>
      <c r="ET22" s="196">
        <v>557</v>
      </c>
      <c r="EU22" s="196">
        <v>349</v>
      </c>
      <c r="EV22" s="196">
        <v>234</v>
      </c>
      <c r="EW22" s="196">
        <v>115</v>
      </c>
      <c r="EX22" s="193">
        <v>2238</v>
      </c>
      <c r="EY22" s="198">
        <v>2839</v>
      </c>
    </row>
    <row r="23" spans="1:155" ht="19.5" customHeight="1" x14ac:dyDescent="0.2">
      <c r="A23" s="177" t="s">
        <v>21</v>
      </c>
      <c r="B23" s="192">
        <v>0</v>
      </c>
      <c r="C23" s="196">
        <v>0</v>
      </c>
      <c r="D23" s="458">
        <v>0</v>
      </c>
      <c r="E23" s="195">
        <v>0</v>
      </c>
      <c r="F23" s="196">
        <v>256</v>
      </c>
      <c r="G23" s="196">
        <v>330</v>
      </c>
      <c r="H23" s="196">
        <v>160</v>
      </c>
      <c r="I23" s="196">
        <v>122</v>
      </c>
      <c r="J23" s="196">
        <v>88</v>
      </c>
      <c r="K23" s="197">
        <v>956</v>
      </c>
      <c r="L23" s="198">
        <v>956</v>
      </c>
      <c r="M23" s="192">
        <v>0</v>
      </c>
      <c r="N23" s="196">
        <v>0</v>
      </c>
      <c r="O23" s="193">
        <v>0</v>
      </c>
      <c r="P23" s="195">
        <v>0</v>
      </c>
      <c r="Q23" s="196">
        <v>2</v>
      </c>
      <c r="R23" s="196">
        <v>6</v>
      </c>
      <c r="S23" s="196">
        <v>11</v>
      </c>
      <c r="T23" s="196">
        <v>27</v>
      </c>
      <c r="U23" s="196">
        <v>45</v>
      </c>
      <c r="V23" s="193">
        <v>91</v>
      </c>
      <c r="W23" s="198">
        <v>91</v>
      </c>
      <c r="X23" s="192">
        <v>49</v>
      </c>
      <c r="Y23" s="196">
        <v>87</v>
      </c>
      <c r="Z23" s="193">
        <v>136</v>
      </c>
      <c r="AA23" s="195">
        <v>0</v>
      </c>
      <c r="AB23" s="196">
        <v>191</v>
      </c>
      <c r="AC23" s="196">
        <v>249</v>
      </c>
      <c r="AD23" s="196">
        <v>135</v>
      </c>
      <c r="AE23" s="196">
        <v>124</v>
      </c>
      <c r="AF23" s="196">
        <v>64</v>
      </c>
      <c r="AG23" s="193">
        <v>763</v>
      </c>
      <c r="AH23" s="198">
        <v>899</v>
      </c>
      <c r="AI23" s="192">
        <v>13</v>
      </c>
      <c r="AJ23" s="196">
        <v>24</v>
      </c>
      <c r="AK23" s="193">
        <v>37</v>
      </c>
      <c r="AL23" s="195">
        <v>0</v>
      </c>
      <c r="AM23" s="196">
        <v>21</v>
      </c>
      <c r="AN23" s="196">
        <v>34</v>
      </c>
      <c r="AO23" s="196">
        <v>12</v>
      </c>
      <c r="AP23" s="196">
        <v>16</v>
      </c>
      <c r="AQ23" s="196">
        <v>9</v>
      </c>
      <c r="AR23" s="193">
        <v>92</v>
      </c>
      <c r="AS23" s="198">
        <v>129</v>
      </c>
      <c r="AT23" s="192">
        <v>39</v>
      </c>
      <c r="AU23" s="196">
        <v>39</v>
      </c>
      <c r="AV23" s="193">
        <v>78</v>
      </c>
      <c r="AW23" s="195">
        <v>0</v>
      </c>
      <c r="AX23" s="196">
        <v>214</v>
      </c>
      <c r="AY23" s="196">
        <v>313</v>
      </c>
      <c r="AZ23" s="196">
        <v>241</v>
      </c>
      <c r="BA23" s="196">
        <v>208</v>
      </c>
      <c r="BB23" s="196">
        <v>169</v>
      </c>
      <c r="BC23" s="197">
        <v>1145</v>
      </c>
      <c r="BD23" s="198">
        <v>1223</v>
      </c>
      <c r="BE23" s="192">
        <v>0</v>
      </c>
      <c r="BF23" s="196">
        <v>0</v>
      </c>
      <c r="BG23" s="193">
        <v>0</v>
      </c>
      <c r="BH23" s="195">
        <v>0</v>
      </c>
      <c r="BI23" s="196">
        <v>259</v>
      </c>
      <c r="BJ23" s="196">
        <v>348</v>
      </c>
      <c r="BK23" s="196">
        <v>158</v>
      </c>
      <c r="BL23" s="196">
        <v>108</v>
      </c>
      <c r="BM23" s="196">
        <v>36</v>
      </c>
      <c r="BN23" s="193">
        <v>909</v>
      </c>
      <c r="BO23" s="198">
        <v>909</v>
      </c>
      <c r="BP23" s="192">
        <v>28</v>
      </c>
      <c r="BQ23" s="196">
        <v>50</v>
      </c>
      <c r="BR23" s="193">
        <v>78</v>
      </c>
      <c r="BS23" s="195">
        <v>0</v>
      </c>
      <c r="BT23" s="196">
        <v>50</v>
      </c>
      <c r="BU23" s="196">
        <v>71</v>
      </c>
      <c r="BV23" s="196">
        <v>36</v>
      </c>
      <c r="BW23" s="196">
        <v>14</v>
      </c>
      <c r="BX23" s="196">
        <v>11</v>
      </c>
      <c r="BY23" s="193">
        <v>182</v>
      </c>
      <c r="BZ23" s="198">
        <v>260</v>
      </c>
      <c r="CA23" s="192">
        <v>0</v>
      </c>
      <c r="CB23" s="196">
        <v>4</v>
      </c>
      <c r="CC23" s="193">
        <v>4</v>
      </c>
      <c r="CD23" s="195">
        <v>0</v>
      </c>
      <c r="CE23" s="196">
        <v>24</v>
      </c>
      <c r="CF23" s="196">
        <v>55</v>
      </c>
      <c r="CG23" s="196">
        <v>66</v>
      </c>
      <c r="CH23" s="196">
        <v>64</v>
      </c>
      <c r="CI23" s="196">
        <v>31</v>
      </c>
      <c r="CJ23" s="193">
        <v>240</v>
      </c>
      <c r="CK23" s="198">
        <v>244</v>
      </c>
      <c r="CL23" s="192">
        <v>0</v>
      </c>
      <c r="CM23" s="196">
        <v>0</v>
      </c>
      <c r="CN23" s="193">
        <v>0</v>
      </c>
      <c r="CO23" s="195">
        <v>0</v>
      </c>
      <c r="CP23" s="196">
        <v>0</v>
      </c>
      <c r="CQ23" s="196">
        <v>4</v>
      </c>
      <c r="CR23" s="196">
        <v>3</v>
      </c>
      <c r="CS23" s="196">
        <v>2</v>
      </c>
      <c r="CT23" s="196">
        <v>3</v>
      </c>
      <c r="CU23" s="193">
        <v>12</v>
      </c>
      <c r="CV23" s="198">
        <v>12</v>
      </c>
      <c r="CW23" s="192">
        <v>0</v>
      </c>
      <c r="CX23" s="196">
        <v>0</v>
      </c>
      <c r="CY23" s="193">
        <v>0</v>
      </c>
      <c r="CZ23" s="195">
        <v>0</v>
      </c>
      <c r="DA23" s="196">
        <v>0</v>
      </c>
      <c r="DB23" s="196">
        <v>0</v>
      </c>
      <c r="DC23" s="196">
        <v>0</v>
      </c>
      <c r="DD23" s="196">
        <v>0</v>
      </c>
      <c r="DE23" s="196">
        <v>0</v>
      </c>
      <c r="DF23" s="193">
        <v>0</v>
      </c>
      <c r="DG23" s="198">
        <v>0</v>
      </c>
      <c r="DH23" s="192">
        <v>0</v>
      </c>
      <c r="DI23" s="196">
        <v>0</v>
      </c>
      <c r="DJ23" s="193">
        <v>0</v>
      </c>
      <c r="DK23" s="195">
        <v>0</v>
      </c>
      <c r="DL23" s="196">
        <v>0</v>
      </c>
      <c r="DM23" s="196">
        <v>0</v>
      </c>
      <c r="DN23" s="196">
        <v>0</v>
      </c>
      <c r="DO23" s="196">
        <v>0</v>
      </c>
      <c r="DP23" s="196">
        <v>0</v>
      </c>
      <c r="DQ23" s="193">
        <v>0</v>
      </c>
      <c r="DR23" s="198">
        <v>0</v>
      </c>
      <c r="DS23" s="192">
        <v>165</v>
      </c>
      <c r="DT23" s="196">
        <v>315</v>
      </c>
      <c r="DU23" s="193">
        <v>480</v>
      </c>
      <c r="DV23" s="195">
        <v>0</v>
      </c>
      <c r="DW23" s="196">
        <v>328</v>
      </c>
      <c r="DX23" s="196">
        <v>658</v>
      </c>
      <c r="DY23" s="196">
        <v>353</v>
      </c>
      <c r="DZ23" s="196">
        <v>270</v>
      </c>
      <c r="EA23" s="196">
        <v>142</v>
      </c>
      <c r="EB23" s="193">
        <v>1751</v>
      </c>
      <c r="EC23" s="198">
        <v>2231</v>
      </c>
      <c r="ED23" s="192">
        <v>20</v>
      </c>
      <c r="EE23" s="196">
        <v>21</v>
      </c>
      <c r="EF23" s="193">
        <v>41</v>
      </c>
      <c r="EG23" s="195">
        <v>0</v>
      </c>
      <c r="EH23" s="196">
        <v>58</v>
      </c>
      <c r="EI23" s="196">
        <v>65</v>
      </c>
      <c r="EJ23" s="196">
        <v>49</v>
      </c>
      <c r="EK23" s="196">
        <v>43</v>
      </c>
      <c r="EL23" s="196">
        <v>47</v>
      </c>
      <c r="EM23" s="193">
        <v>262</v>
      </c>
      <c r="EN23" s="198">
        <v>303</v>
      </c>
      <c r="EO23" s="192">
        <v>225</v>
      </c>
      <c r="EP23" s="196">
        <v>400</v>
      </c>
      <c r="EQ23" s="193">
        <v>625</v>
      </c>
      <c r="ER23" s="195">
        <v>0</v>
      </c>
      <c r="ES23" s="196">
        <v>750</v>
      </c>
      <c r="ET23" s="196">
        <v>923</v>
      </c>
      <c r="EU23" s="196">
        <v>420</v>
      </c>
      <c r="EV23" s="196">
        <v>300</v>
      </c>
      <c r="EW23" s="196">
        <v>154</v>
      </c>
      <c r="EX23" s="193">
        <v>2547</v>
      </c>
      <c r="EY23" s="198">
        <v>3172</v>
      </c>
    </row>
    <row r="24" spans="1:155" ht="19.5" customHeight="1" x14ac:dyDescent="0.2">
      <c r="A24" s="177" t="s">
        <v>22</v>
      </c>
      <c r="B24" s="192">
        <v>0</v>
      </c>
      <c r="C24" s="196">
        <v>0</v>
      </c>
      <c r="D24" s="458">
        <v>0</v>
      </c>
      <c r="E24" s="195">
        <v>0</v>
      </c>
      <c r="F24" s="196">
        <v>80</v>
      </c>
      <c r="G24" s="196">
        <v>73</v>
      </c>
      <c r="H24" s="196">
        <v>32</v>
      </c>
      <c r="I24" s="196">
        <v>35</v>
      </c>
      <c r="J24" s="196">
        <v>30</v>
      </c>
      <c r="K24" s="197">
        <v>250</v>
      </c>
      <c r="L24" s="198">
        <v>250</v>
      </c>
      <c r="M24" s="192">
        <v>0</v>
      </c>
      <c r="N24" s="196">
        <v>0</v>
      </c>
      <c r="O24" s="193">
        <v>0</v>
      </c>
      <c r="P24" s="195">
        <v>0</v>
      </c>
      <c r="Q24" s="196">
        <v>0</v>
      </c>
      <c r="R24" s="196">
        <v>2</v>
      </c>
      <c r="S24" s="196">
        <v>4</v>
      </c>
      <c r="T24" s="196">
        <v>6</v>
      </c>
      <c r="U24" s="196">
        <v>20</v>
      </c>
      <c r="V24" s="193">
        <v>32</v>
      </c>
      <c r="W24" s="198">
        <v>32</v>
      </c>
      <c r="X24" s="192">
        <v>4</v>
      </c>
      <c r="Y24" s="196">
        <v>14</v>
      </c>
      <c r="Z24" s="193">
        <v>18</v>
      </c>
      <c r="AA24" s="195">
        <v>0</v>
      </c>
      <c r="AB24" s="196">
        <v>47</v>
      </c>
      <c r="AC24" s="196">
        <v>74</v>
      </c>
      <c r="AD24" s="196">
        <v>22</v>
      </c>
      <c r="AE24" s="196">
        <v>36</v>
      </c>
      <c r="AF24" s="196">
        <v>36</v>
      </c>
      <c r="AG24" s="193">
        <v>215</v>
      </c>
      <c r="AH24" s="198">
        <v>233</v>
      </c>
      <c r="AI24" s="192">
        <v>0</v>
      </c>
      <c r="AJ24" s="196">
        <v>2</v>
      </c>
      <c r="AK24" s="193">
        <v>2</v>
      </c>
      <c r="AL24" s="195">
        <v>0</v>
      </c>
      <c r="AM24" s="196">
        <v>9</v>
      </c>
      <c r="AN24" s="196">
        <v>7</v>
      </c>
      <c r="AO24" s="196">
        <v>8</v>
      </c>
      <c r="AP24" s="196">
        <v>5</v>
      </c>
      <c r="AQ24" s="196">
        <v>5</v>
      </c>
      <c r="AR24" s="193">
        <v>34</v>
      </c>
      <c r="AS24" s="198">
        <v>36</v>
      </c>
      <c r="AT24" s="192">
        <v>2</v>
      </c>
      <c r="AU24" s="196">
        <v>11</v>
      </c>
      <c r="AV24" s="193">
        <v>13</v>
      </c>
      <c r="AW24" s="195">
        <v>0</v>
      </c>
      <c r="AX24" s="196">
        <v>74</v>
      </c>
      <c r="AY24" s="196">
        <v>67</v>
      </c>
      <c r="AZ24" s="196">
        <v>46</v>
      </c>
      <c r="BA24" s="196">
        <v>53</v>
      </c>
      <c r="BB24" s="196">
        <v>35</v>
      </c>
      <c r="BC24" s="197">
        <v>275</v>
      </c>
      <c r="BD24" s="198">
        <v>288</v>
      </c>
      <c r="BE24" s="192">
        <v>0</v>
      </c>
      <c r="BF24" s="196">
        <v>0</v>
      </c>
      <c r="BG24" s="193">
        <v>0</v>
      </c>
      <c r="BH24" s="195">
        <v>0</v>
      </c>
      <c r="BI24" s="196">
        <v>120</v>
      </c>
      <c r="BJ24" s="196">
        <v>114</v>
      </c>
      <c r="BK24" s="196">
        <v>42</v>
      </c>
      <c r="BL24" s="196">
        <v>35</v>
      </c>
      <c r="BM24" s="196">
        <v>20</v>
      </c>
      <c r="BN24" s="193">
        <v>331</v>
      </c>
      <c r="BO24" s="198">
        <v>331</v>
      </c>
      <c r="BP24" s="192">
        <v>2</v>
      </c>
      <c r="BQ24" s="196">
        <v>8</v>
      </c>
      <c r="BR24" s="193">
        <v>10</v>
      </c>
      <c r="BS24" s="195">
        <v>0</v>
      </c>
      <c r="BT24" s="196">
        <v>19</v>
      </c>
      <c r="BU24" s="196">
        <v>24</v>
      </c>
      <c r="BV24" s="196">
        <v>21</v>
      </c>
      <c r="BW24" s="196">
        <v>14</v>
      </c>
      <c r="BX24" s="196">
        <v>5</v>
      </c>
      <c r="BY24" s="193">
        <v>83</v>
      </c>
      <c r="BZ24" s="198">
        <v>93</v>
      </c>
      <c r="CA24" s="192">
        <v>1</v>
      </c>
      <c r="CB24" s="196">
        <v>1</v>
      </c>
      <c r="CC24" s="193">
        <v>2</v>
      </c>
      <c r="CD24" s="195">
        <v>0</v>
      </c>
      <c r="CE24" s="196">
        <v>14</v>
      </c>
      <c r="CF24" s="196">
        <v>31</v>
      </c>
      <c r="CG24" s="196">
        <v>24</v>
      </c>
      <c r="CH24" s="196">
        <v>19</v>
      </c>
      <c r="CI24" s="196">
        <v>8</v>
      </c>
      <c r="CJ24" s="193">
        <v>96</v>
      </c>
      <c r="CK24" s="198">
        <v>98</v>
      </c>
      <c r="CL24" s="192">
        <v>0</v>
      </c>
      <c r="CM24" s="196">
        <v>0</v>
      </c>
      <c r="CN24" s="193">
        <v>0</v>
      </c>
      <c r="CO24" s="195">
        <v>0</v>
      </c>
      <c r="CP24" s="196">
        <v>1</v>
      </c>
      <c r="CQ24" s="196">
        <v>4</v>
      </c>
      <c r="CR24" s="196">
        <v>7</v>
      </c>
      <c r="CS24" s="196">
        <v>2</v>
      </c>
      <c r="CT24" s="196">
        <v>2</v>
      </c>
      <c r="CU24" s="193">
        <v>16</v>
      </c>
      <c r="CV24" s="198">
        <v>16</v>
      </c>
      <c r="CW24" s="192">
        <v>0</v>
      </c>
      <c r="CX24" s="196">
        <v>0</v>
      </c>
      <c r="CY24" s="193">
        <v>0</v>
      </c>
      <c r="CZ24" s="195">
        <v>0</v>
      </c>
      <c r="DA24" s="196">
        <v>0</v>
      </c>
      <c r="DB24" s="196">
        <v>0</v>
      </c>
      <c r="DC24" s="196">
        <v>0</v>
      </c>
      <c r="DD24" s="196">
        <v>0</v>
      </c>
      <c r="DE24" s="196">
        <v>0</v>
      </c>
      <c r="DF24" s="193">
        <v>0</v>
      </c>
      <c r="DG24" s="198">
        <v>0</v>
      </c>
      <c r="DH24" s="192">
        <v>0</v>
      </c>
      <c r="DI24" s="196">
        <v>0</v>
      </c>
      <c r="DJ24" s="193">
        <v>0</v>
      </c>
      <c r="DK24" s="195">
        <v>0</v>
      </c>
      <c r="DL24" s="196">
        <v>0</v>
      </c>
      <c r="DM24" s="196">
        <v>0</v>
      </c>
      <c r="DN24" s="196">
        <v>0</v>
      </c>
      <c r="DO24" s="196">
        <v>0</v>
      </c>
      <c r="DP24" s="196">
        <v>0</v>
      </c>
      <c r="DQ24" s="193">
        <v>0</v>
      </c>
      <c r="DR24" s="198">
        <v>0</v>
      </c>
      <c r="DS24" s="192">
        <v>44</v>
      </c>
      <c r="DT24" s="196">
        <v>134</v>
      </c>
      <c r="DU24" s="193">
        <v>178</v>
      </c>
      <c r="DV24" s="195">
        <v>0</v>
      </c>
      <c r="DW24" s="196">
        <v>192</v>
      </c>
      <c r="DX24" s="196">
        <v>237</v>
      </c>
      <c r="DY24" s="196">
        <v>113</v>
      </c>
      <c r="DZ24" s="196">
        <v>94</v>
      </c>
      <c r="EA24" s="196">
        <v>66</v>
      </c>
      <c r="EB24" s="193">
        <v>702</v>
      </c>
      <c r="EC24" s="198">
        <v>880</v>
      </c>
      <c r="ED24" s="192">
        <v>6</v>
      </c>
      <c r="EE24" s="196">
        <v>6</v>
      </c>
      <c r="EF24" s="193">
        <v>12</v>
      </c>
      <c r="EG24" s="195">
        <v>0</v>
      </c>
      <c r="EH24" s="196">
        <v>39</v>
      </c>
      <c r="EI24" s="196">
        <v>26</v>
      </c>
      <c r="EJ24" s="196">
        <v>20</v>
      </c>
      <c r="EK24" s="196">
        <v>17</v>
      </c>
      <c r="EL24" s="196">
        <v>9</v>
      </c>
      <c r="EM24" s="193">
        <v>111</v>
      </c>
      <c r="EN24" s="198">
        <v>123</v>
      </c>
      <c r="EO24" s="192">
        <v>51</v>
      </c>
      <c r="EP24" s="196">
        <v>145</v>
      </c>
      <c r="EQ24" s="193">
        <v>196</v>
      </c>
      <c r="ER24" s="195">
        <v>0</v>
      </c>
      <c r="ES24" s="196">
        <v>374</v>
      </c>
      <c r="ET24" s="196">
        <v>325</v>
      </c>
      <c r="EU24" s="196">
        <v>129</v>
      </c>
      <c r="EV24" s="196">
        <v>97</v>
      </c>
      <c r="EW24" s="196">
        <v>67</v>
      </c>
      <c r="EX24" s="193">
        <v>992</v>
      </c>
      <c r="EY24" s="198">
        <v>1188</v>
      </c>
    </row>
    <row r="25" spans="1:155" ht="19.5" customHeight="1" x14ac:dyDescent="0.2">
      <c r="A25" s="177" t="s">
        <v>23</v>
      </c>
      <c r="B25" s="192">
        <v>0</v>
      </c>
      <c r="C25" s="196">
        <v>0</v>
      </c>
      <c r="D25" s="458">
        <v>0</v>
      </c>
      <c r="E25" s="195">
        <v>0</v>
      </c>
      <c r="F25" s="196">
        <v>155</v>
      </c>
      <c r="G25" s="196">
        <v>134</v>
      </c>
      <c r="H25" s="196">
        <v>70</v>
      </c>
      <c r="I25" s="196">
        <v>65</v>
      </c>
      <c r="J25" s="196">
        <v>47</v>
      </c>
      <c r="K25" s="197">
        <v>471</v>
      </c>
      <c r="L25" s="198">
        <v>471</v>
      </c>
      <c r="M25" s="192">
        <v>0</v>
      </c>
      <c r="N25" s="196">
        <v>0</v>
      </c>
      <c r="O25" s="193">
        <v>0</v>
      </c>
      <c r="P25" s="195">
        <v>0</v>
      </c>
      <c r="Q25" s="196">
        <v>1</v>
      </c>
      <c r="R25" s="196">
        <v>1</v>
      </c>
      <c r="S25" s="196">
        <v>9</v>
      </c>
      <c r="T25" s="196">
        <v>12</v>
      </c>
      <c r="U25" s="196">
        <v>18</v>
      </c>
      <c r="V25" s="193">
        <v>41</v>
      </c>
      <c r="W25" s="198">
        <v>41</v>
      </c>
      <c r="X25" s="192">
        <v>27</v>
      </c>
      <c r="Y25" s="196">
        <v>48</v>
      </c>
      <c r="Z25" s="193">
        <v>75</v>
      </c>
      <c r="AA25" s="195">
        <v>0</v>
      </c>
      <c r="AB25" s="196">
        <v>99</v>
      </c>
      <c r="AC25" s="196">
        <v>123</v>
      </c>
      <c r="AD25" s="196">
        <v>63</v>
      </c>
      <c r="AE25" s="196">
        <v>65</v>
      </c>
      <c r="AF25" s="196">
        <v>44</v>
      </c>
      <c r="AG25" s="193">
        <v>394</v>
      </c>
      <c r="AH25" s="198">
        <v>469</v>
      </c>
      <c r="AI25" s="192">
        <v>1</v>
      </c>
      <c r="AJ25" s="196">
        <v>11</v>
      </c>
      <c r="AK25" s="193">
        <v>12</v>
      </c>
      <c r="AL25" s="195">
        <v>0</v>
      </c>
      <c r="AM25" s="196">
        <v>7</v>
      </c>
      <c r="AN25" s="196">
        <v>16</v>
      </c>
      <c r="AO25" s="196">
        <v>9</v>
      </c>
      <c r="AP25" s="196">
        <v>3</v>
      </c>
      <c r="AQ25" s="196">
        <v>4</v>
      </c>
      <c r="AR25" s="193">
        <v>39</v>
      </c>
      <c r="AS25" s="198">
        <v>51</v>
      </c>
      <c r="AT25" s="192">
        <v>13</v>
      </c>
      <c r="AU25" s="196">
        <v>15</v>
      </c>
      <c r="AV25" s="193">
        <v>28</v>
      </c>
      <c r="AW25" s="195">
        <v>0</v>
      </c>
      <c r="AX25" s="196">
        <v>156</v>
      </c>
      <c r="AY25" s="196">
        <v>143</v>
      </c>
      <c r="AZ25" s="196">
        <v>120</v>
      </c>
      <c r="BA25" s="196">
        <v>128</v>
      </c>
      <c r="BB25" s="196">
        <v>98</v>
      </c>
      <c r="BC25" s="197">
        <v>645</v>
      </c>
      <c r="BD25" s="198">
        <v>673</v>
      </c>
      <c r="BE25" s="192">
        <v>0</v>
      </c>
      <c r="BF25" s="196">
        <v>0</v>
      </c>
      <c r="BG25" s="193">
        <v>0</v>
      </c>
      <c r="BH25" s="195">
        <v>0</v>
      </c>
      <c r="BI25" s="196">
        <v>319</v>
      </c>
      <c r="BJ25" s="196">
        <v>248</v>
      </c>
      <c r="BK25" s="196">
        <v>107</v>
      </c>
      <c r="BL25" s="196">
        <v>82</v>
      </c>
      <c r="BM25" s="196">
        <v>32</v>
      </c>
      <c r="BN25" s="193">
        <v>788</v>
      </c>
      <c r="BO25" s="198">
        <v>788</v>
      </c>
      <c r="BP25" s="192">
        <v>3</v>
      </c>
      <c r="BQ25" s="196">
        <v>13</v>
      </c>
      <c r="BR25" s="193">
        <v>16</v>
      </c>
      <c r="BS25" s="195">
        <v>0</v>
      </c>
      <c r="BT25" s="196">
        <v>42</v>
      </c>
      <c r="BU25" s="196">
        <v>57</v>
      </c>
      <c r="BV25" s="196">
        <v>23</v>
      </c>
      <c r="BW25" s="196">
        <v>25</v>
      </c>
      <c r="BX25" s="196">
        <v>6</v>
      </c>
      <c r="BY25" s="193">
        <v>153</v>
      </c>
      <c r="BZ25" s="198">
        <v>169</v>
      </c>
      <c r="CA25" s="192">
        <v>1</v>
      </c>
      <c r="CB25" s="196">
        <v>2</v>
      </c>
      <c r="CC25" s="193">
        <v>3</v>
      </c>
      <c r="CD25" s="195">
        <v>0</v>
      </c>
      <c r="CE25" s="196">
        <v>27</v>
      </c>
      <c r="CF25" s="196">
        <v>39</v>
      </c>
      <c r="CG25" s="196">
        <v>37</v>
      </c>
      <c r="CH25" s="196">
        <v>39</v>
      </c>
      <c r="CI25" s="196">
        <v>11</v>
      </c>
      <c r="CJ25" s="193">
        <v>153</v>
      </c>
      <c r="CK25" s="198">
        <v>156</v>
      </c>
      <c r="CL25" s="192">
        <v>0</v>
      </c>
      <c r="CM25" s="196">
        <v>0</v>
      </c>
      <c r="CN25" s="193">
        <v>0</v>
      </c>
      <c r="CO25" s="195">
        <v>0</v>
      </c>
      <c r="CP25" s="196">
        <v>0</v>
      </c>
      <c r="CQ25" s="196">
        <v>3</v>
      </c>
      <c r="CR25" s="196">
        <v>1</v>
      </c>
      <c r="CS25" s="196">
        <v>5</v>
      </c>
      <c r="CT25" s="196">
        <v>4</v>
      </c>
      <c r="CU25" s="193">
        <v>13</v>
      </c>
      <c r="CV25" s="198">
        <v>13</v>
      </c>
      <c r="CW25" s="192">
        <v>0</v>
      </c>
      <c r="CX25" s="196">
        <v>0</v>
      </c>
      <c r="CY25" s="193">
        <v>0</v>
      </c>
      <c r="CZ25" s="195">
        <v>0</v>
      </c>
      <c r="DA25" s="196">
        <v>0</v>
      </c>
      <c r="DB25" s="196">
        <v>0</v>
      </c>
      <c r="DC25" s="196">
        <v>0</v>
      </c>
      <c r="DD25" s="196">
        <v>0</v>
      </c>
      <c r="DE25" s="196">
        <v>0</v>
      </c>
      <c r="DF25" s="193">
        <v>0</v>
      </c>
      <c r="DG25" s="198">
        <v>0</v>
      </c>
      <c r="DH25" s="192">
        <v>0</v>
      </c>
      <c r="DI25" s="196">
        <v>0</v>
      </c>
      <c r="DJ25" s="193">
        <v>0</v>
      </c>
      <c r="DK25" s="195">
        <v>0</v>
      </c>
      <c r="DL25" s="196">
        <v>0</v>
      </c>
      <c r="DM25" s="196">
        <v>0</v>
      </c>
      <c r="DN25" s="196">
        <v>0</v>
      </c>
      <c r="DO25" s="196">
        <v>0</v>
      </c>
      <c r="DP25" s="196">
        <v>0</v>
      </c>
      <c r="DQ25" s="193">
        <v>0</v>
      </c>
      <c r="DR25" s="198">
        <v>0</v>
      </c>
      <c r="DS25" s="192">
        <v>85</v>
      </c>
      <c r="DT25" s="196">
        <v>183</v>
      </c>
      <c r="DU25" s="193">
        <v>268</v>
      </c>
      <c r="DV25" s="195">
        <v>0</v>
      </c>
      <c r="DW25" s="196">
        <v>277</v>
      </c>
      <c r="DX25" s="196">
        <v>357</v>
      </c>
      <c r="DY25" s="196">
        <v>200</v>
      </c>
      <c r="DZ25" s="196">
        <v>176</v>
      </c>
      <c r="EA25" s="196">
        <v>90</v>
      </c>
      <c r="EB25" s="193">
        <v>1100</v>
      </c>
      <c r="EC25" s="198">
        <v>1368</v>
      </c>
      <c r="ED25" s="192">
        <v>7</v>
      </c>
      <c r="EE25" s="196">
        <v>5</v>
      </c>
      <c r="EF25" s="193">
        <v>12</v>
      </c>
      <c r="EG25" s="195">
        <v>0</v>
      </c>
      <c r="EH25" s="196">
        <v>46</v>
      </c>
      <c r="EI25" s="196">
        <v>40</v>
      </c>
      <c r="EJ25" s="196">
        <v>30</v>
      </c>
      <c r="EK25" s="196">
        <v>41</v>
      </c>
      <c r="EL25" s="196">
        <v>26</v>
      </c>
      <c r="EM25" s="193">
        <v>183</v>
      </c>
      <c r="EN25" s="198">
        <v>195</v>
      </c>
      <c r="EO25" s="192">
        <v>110</v>
      </c>
      <c r="EP25" s="196">
        <v>227</v>
      </c>
      <c r="EQ25" s="193">
        <v>337</v>
      </c>
      <c r="ER25" s="195">
        <v>0</v>
      </c>
      <c r="ES25" s="196">
        <v>579</v>
      </c>
      <c r="ET25" s="196">
        <v>496</v>
      </c>
      <c r="EU25" s="196">
        <v>241</v>
      </c>
      <c r="EV25" s="196">
        <v>198</v>
      </c>
      <c r="EW25" s="196">
        <v>100</v>
      </c>
      <c r="EX25" s="193">
        <v>1614</v>
      </c>
      <c r="EY25" s="198">
        <v>1951</v>
      </c>
    </row>
    <row r="26" spans="1:155" ht="19.5" customHeight="1" x14ac:dyDescent="0.2">
      <c r="A26" s="177" t="s">
        <v>24</v>
      </c>
      <c r="B26" s="192">
        <v>0</v>
      </c>
      <c r="C26" s="196">
        <v>0</v>
      </c>
      <c r="D26" s="458">
        <v>0</v>
      </c>
      <c r="E26" s="195">
        <v>0</v>
      </c>
      <c r="F26" s="196">
        <v>74</v>
      </c>
      <c r="G26" s="196">
        <v>55</v>
      </c>
      <c r="H26" s="196">
        <v>33</v>
      </c>
      <c r="I26" s="196">
        <v>26</v>
      </c>
      <c r="J26" s="196">
        <v>37</v>
      </c>
      <c r="K26" s="197">
        <v>225</v>
      </c>
      <c r="L26" s="198">
        <v>225</v>
      </c>
      <c r="M26" s="192">
        <v>0</v>
      </c>
      <c r="N26" s="196">
        <v>0</v>
      </c>
      <c r="O26" s="193">
        <v>0</v>
      </c>
      <c r="P26" s="195">
        <v>0</v>
      </c>
      <c r="Q26" s="196">
        <v>0</v>
      </c>
      <c r="R26" s="196">
        <v>2</v>
      </c>
      <c r="S26" s="196">
        <v>4</v>
      </c>
      <c r="T26" s="196">
        <v>11</v>
      </c>
      <c r="U26" s="196">
        <v>15</v>
      </c>
      <c r="V26" s="193">
        <v>32</v>
      </c>
      <c r="W26" s="198">
        <v>32</v>
      </c>
      <c r="X26" s="192">
        <v>14</v>
      </c>
      <c r="Y26" s="196">
        <v>16</v>
      </c>
      <c r="Z26" s="193">
        <v>30</v>
      </c>
      <c r="AA26" s="195">
        <v>0</v>
      </c>
      <c r="AB26" s="196">
        <v>68</v>
      </c>
      <c r="AC26" s="196">
        <v>59</v>
      </c>
      <c r="AD26" s="196">
        <v>36</v>
      </c>
      <c r="AE26" s="196">
        <v>37</v>
      </c>
      <c r="AF26" s="196">
        <v>24</v>
      </c>
      <c r="AG26" s="193">
        <v>224</v>
      </c>
      <c r="AH26" s="198">
        <v>254</v>
      </c>
      <c r="AI26" s="192">
        <v>3</v>
      </c>
      <c r="AJ26" s="196">
        <v>3</v>
      </c>
      <c r="AK26" s="193">
        <v>6</v>
      </c>
      <c r="AL26" s="195">
        <v>0</v>
      </c>
      <c r="AM26" s="196">
        <v>5</v>
      </c>
      <c r="AN26" s="196">
        <v>4</v>
      </c>
      <c r="AO26" s="196">
        <v>3</v>
      </c>
      <c r="AP26" s="196">
        <v>5</v>
      </c>
      <c r="AQ26" s="196">
        <v>6</v>
      </c>
      <c r="AR26" s="193">
        <v>23</v>
      </c>
      <c r="AS26" s="198">
        <v>29</v>
      </c>
      <c r="AT26" s="192">
        <v>24</v>
      </c>
      <c r="AU26" s="196">
        <v>12</v>
      </c>
      <c r="AV26" s="193">
        <v>36</v>
      </c>
      <c r="AW26" s="195">
        <v>0</v>
      </c>
      <c r="AX26" s="196">
        <v>72</v>
      </c>
      <c r="AY26" s="196">
        <v>85</v>
      </c>
      <c r="AZ26" s="196">
        <v>73</v>
      </c>
      <c r="BA26" s="196">
        <v>75</v>
      </c>
      <c r="BB26" s="196">
        <v>70</v>
      </c>
      <c r="BC26" s="197">
        <v>375</v>
      </c>
      <c r="BD26" s="198">
        <v>411</v>
      </c>
      <c r="BE26" s="192">
        <v>0</v>
      </c>
      <c r="BF26" s="196">
        <v>0</v>
      </c>
      <c r="BG26" s="193">
        <v>0</v>
      </c>
      <c r="BH26" s="195">
        <v>0</v>
      </c>
      <c r="BI26" s="196">
        <v>104</v>
      </c>
      <c r="BJ26" s="196">
        <v>75</v>
      </c>
      <c r="BK26" s="196">
        <v>35</v>
      </c>
      <c r="BL26" s="196">
        <v>18</v>
      </c>
      <c r="BM26" s="196">
        <v>6</v>
      </c>
      <c r="BN26" s="193">
        <v>238</v>
      </c>
      <c r="BO26" s="198">
        <v>238</v>
      </c>
      <c r="BP26" s="192">
        <v>14</v>
      </c>
      <c r="BQ26" s="196">
        <v>14</v>
      </c>
      <c r="BR26" s="193">
        <v>28</v>
      </c>
      <c r="BS26" s="195">
        <v>0</v>
      </c>
      <c r="BT26" s="196">
        <v>48</v>
      </c>
      <c r="BU26" s="196">
        <v>32</v>
      </c>
      <c r="BV26" s="196">
        <v>23</v>
      </c>
      <c r="BW26" s="196">
        <v>12</v>
      </c>
      <c r="BX26" s="196">
        <v>11</v>
      </c>
      <c r="BY26" s="193">
        <v>126</v>
      </c>
      <c r="BZ26" s="198">
        <v>154</v>
      </c>
      <c r="CA26" s="192">
        <v>0</v>
      </c>
      <c r="CB26" s="196">
        <v>2</v>
      </c>
      <c r="CC26" s="193">
        <v>2</v>
      </c>
      <c r="CD26" s="195">
        <v>0</v>
      </c>
      <c r="CE26" s="196">
        <v>20</v>
      </c>
      <c r="CF26" s="196">
        <v>22</v>
      </c>
      <c r="CG26" s="196">
        <v>29</v>
      </c>
      <c r="CH26" s="196">
        <v>11</v>
      </c>
      <c r="CI26" s="196">
        <v>12</v>
      </c>
      <c r="CJ26" s="193">
        <v>94</v>
      </c>
      <c r="CK26" s="198">
        <v>96</v>
      </c>
      <c r="CL26" s="192">
        <v>0</v>
      </c>
      <c r="CM26" s="196">
        <v>0</v>
      </c>
      <c r="CN26" s="193">
        <v>0</v>
      </c>
      <c r="CO26" s="195">
        <v>0</v>
      </c>
      <c r="CP26" s="196">
        <v>1</v>
      </c>
      <c r="CQ26" s="196">
        <v>0</v>
      </c>
      <c r="CR26" s="196">
        <v>2</v>
      </c>
      <c r="CS26" s="196">
        <v>1</v>
      </c>
      <c r="CT26" s="196">
        <v>0</v>
      </c>
      <c r="CU26" s="193">
        <v>4</v>
      </c>
      <c r="CV26" s="198">
        <v>4</v>
      </c>
      <c r="CW26" s="192">
        <v>0</v>
      </c>
      <c r="CX26" s="196">
        <v>0</v>
      </c>
      <c r="CY26" s="193">
        <v>0</v>
      </c>
      <c r="CZ26" s="195">
        <v>0</v>
      </c>
      <c r="DA26" s="196">
        <v>0</v>
      </c>
      <c r="DB26" s="196">
        <v>0</v>
      </c>
      <c r="DC26" s="196">
        <v>0</v>
      </c>
      <c r="DD26" s="196">
        <v>0</v>
      </c>
      <c r="DE26" s="196">
        <v>0</v>
      </c>
      <c r="DF26" s="193">
        <v>0</v>
      </c>
      <c r="DG26" s="198">
        <v>0</v>
      </c>
      <c r="DH26" s="192">
        <v>0</v>
      </c>
      <c r="DI26" s="196">
        <v>0</v>
      </c>
      <c r="DJ26" s="193">
        <v>0</v>
      </c>
      <c r="DK26" s="195">
        <v>0</v>
      </c>
      <c r="DL26" s="196">
        <v>0</v>
      </c>
      <c r="DM26" s="196">
        <v>0</v>
      </c>
      <c r="DN26" s="196">
        <v>0</v>
      </c>
      <c r="DO26" s="196">
        <v>0</v>
      </c>
      <c r="DP26" s="196">
        <v>0</v>
      </c>
      <c r="DQ26" s="193">
        <v>0</v>
      </c>
      <c r="DR26" s="198">
        <v>0</v>
      </c>
      <c r="DS26" s="192">
        <v>73</v>
      </c>
      <c r="DT26" s="196">
        <v>66</v>
      </c>
      <c r="DU26" s="193">
        <v>139</v>
      </c>
      <c r="DV26" s="195">
        <v>0</v>
      </c>
      <c r="DW26" s="196">
        <v>174</v>
      </c>
      <c r="DX26" s="196">
        <v>154</v>
      </c>
      <c r="DY26" s="196">
        <v>94</v>
      </c>
      <c r="DZ26" s="196">
        <v>65</v>
      </c>
      <c r="EA26" s="196">
        <v>56</v>
      </c>
      <c r="EB26" s="193">
        <v>543</v>
      </c>
      <c r="EC26" s="198">
        <v>682</v>
      </c>
      <c r="ED26" s="192">
        <v>14</v>
      </c>
      <c r="EE26" s="196">
        <v>5</v>
      </c>
      <c r="EF26" s="193">
        <v>19</v>
      </c>
      <c r="EG26" s="195">
        <v>0</v>
      </c>
      <c r="EH26" s="196">
        <v>31</v>
      </c>
      <c r="EI26" s="196">
        <v>37</v>
      </c>
      <c r="EJ26" s="196">
        <v>21</v>
      </c>
      <c r="EK26" s="196">
        <v>34</v>
      </c>
      <c r="EL26" s="196">
        <v>21</v>
      </c>
      <c r="EM26" s="193">
        <v>144</v>
      </c>
      <c r="EN26" s="198">
        <v>163</v>
      </c>
      <c r="EO26" s="192">
        <v>95</v>
      </c>
      <c r="EP26" s="196">
        <v>86</v>
      </c>
      <c r="EQ26" s="193">
        <v>181</v>
      </c>
      <c r="ER26" s="195">
        <v>0</v>
      </c>
      <c r="ES26" s="196">
        <v>309</v>
      </c>
      <c r="ET26" s="196">
        <v>192</v>
      </c>
      <c r="EU26" s="196">
        <v>122</v>
      </c>
      <c r="EV26" s="196">
        <v>70</v>
      </c>
      <c r="EW26" s="196">
        <v>62</v>
      </c>
      <c r="EX26" s="193">
        <v>755</v>
      </c>
      <c r="EY26" s="198">
        <v>936</v>
      </c>
    </row>
    <row r="27" spans="1:155" ht="19.5" customHeight="1" x14ac:dyDescent="0.2">
      <c r="A27" s="177" t="s">
        <v>25</v>
      </c>
      <c r="B27" s="192">
        <v>0</v>
      </c>
      <c r="C27" s="196">
        <v>0</v>
      </c>
      <c r="D27" s="458">
        <v>0</v>
      </c>
      <c r="E27" s="195">
        <v>0</v>
      </c>
      <c r="F27" s="196">
        <v>92</v>
      </c>
      <c r="G27" s="196">
        <v>56</v>
      </c>
      <c r="H27" s="196">
        <v>40</v>
      </c>
      <c r="I27" s="196">
        <v>46</v>
      </c>
      <c r="J27" s="196">
        <v>36</v>
      </c>
      <c r="K27" s="197">
        <v>270</v>
      </c>
      <c r="L27" s="198">
        <v>270</v>
      </c>
      <c r="M27" s="192">
        <v>0</v>
      </c>
      <c r="N27" s="196">
        <v>0</v>
      </c>
      <c r="O27" s="193">
        <v>0</v>
      </c>
      <c r="P27" s="195">
        <v>0</v>
      </c>
      <c r="Q27" s="196">
        <v>2</v>
      </c>
      <c r="R27" s="196">
        <v>6</v>
      </c>
      <c r="S27" s="196">
        <v>5</v>
      </c>
      <c r="T27" s="196">
        <v>14</v>
      </c>
      <c r="U27" s="196">
        <v>25</v>
      </c>
      <c r="V27" s="193">
        <v>52</v>
      </c>
      <c r="W27" s="198">
        <v>52</v>
      </c>
      <c r="X27" s="192">
        <v>13</v>
      </c>
      <c r="Y27" s="196">
        <v>26</v>
      </c>
      <c r="Z27" s="193">
        <v>39</v>
      </c>
      <c r="AA27" s="195">
        <v>0</v>
      </c>
      <c r="AB27" s="196">
        <v>66</v>
      </c>
      <c r="AC27" s="196">
        <v>60</v>
      </c>
      <c r="AD27" s="196">
        <v>42</v>
      </c>
      <c r="AE27" s="196">
        <v>39</v>
      </c>
      <c r="AF27" s="196">
        <v>31</v>
      </c>
      <c r="AG27" s="193">
        <v>238</v>
      </c>
      <c r="AH27" s="198">
        <v>277</v>
      </c>
      <c r="AI27" s="192">
        <v>3</v>
      </c>
      <c r="AJ27" s="196">
        <v>4</v>
      </c>
      <c r="AK27" s="193">
        <v>7</v>
      </c>
      <c r="AL27" s="195">
        <v>0</v>
      </c>
      <c r="AM27" s="196">
        <v>3</v>
      </c>
      <c r="AN27" s="196">
        <v>5</v>
      </c>
      <c r="AO27" s="196">
        <v>8</v>
      </c>
      <c r="AP27" s="196">
        <v>3</v>
      </c>
      <c r="AQ27" s="196">
        <v>5</v>
      </c>
      <c r="AR27" s="193">
        <v>24</v>
      </c>
      <c r="AS27" s="198">
        <v>31</v>
      </c>
      <c r="AT27" s="192">
        <v>5</v>
      </c>
      <c r="AU27" s="196">
        <v>12</v>
      </c>
      <c r="AV27" s="193">
        <v>17</v>
      </c>
      <c r="AW27" s="195">
        <v>0</v>
      </c>
      <c r="AX27" s="196">
        <v>73</v>
      </c>
      <c r="AY27" s="196">
        <v>62</v>
      </c>
      <c r="AZ27" s="196">
        <v>41</v>
      </c>
      <c r="BA27" s="196">
        <v>57</v>
      </c>
      <c r="BB27" s="196">
        <v>50</v>
      </c>
      <c r="BC27" s="197">
        <v>283</v>
      </c>
      <c r="BD27" s="198">
        <v>300</v>
      </c>
      <c r="BE27" s="192">
        <v>0</v>
      </c>
      <c r="BF27" s="196">
        <v>0</v>
      </c>
      <c r="BG27" s="193">
        <v>0</v>
      </c>
      <c r="BH27" s="195">
        <v>0</v>
      </c>
      <c r="BI27" s="196">
        <v>143</v>
      </c>
      <c r="BJ27" s="196">
        <v>71</v>
      </c>
      <c r="BK27" s="196">
        <v>42</v>
      </c>
      <c r="BL27" s="196">
        <v>35</v>
      </c>
      <c r="BM27" s="196">
        <v>8</v>
      </c>
      <c r="BN27" s="193">
        <v>299</v>
      </c>
      <c r="BO27" s="198">
        <v>299</v>
      </c>
      <c r="BP27" s="192">
        <v>4</v>
      </c>
      <c r="BQ27" s="196">
        <v>14</v>
      </c>
      <c r="BR27" s="193">
        <v>18</v>
      </c>
      <c r="BS27" s="195">
        <v>0</v>
      </c>
      <c r="BT27" s="196">
        <v>35</v>
      </c>
      <c r="BU27" s="196">
        <v>58</v>
      </c>
      <c r="BV27" s="196">
        <v>23</v>
      </c>
      <c r="BW27" s="196">
        <v>25</v>
      </c>
      <c r="BX27" s="196">
        <v>8</v>
      </c>
      <c r="BY27" s="193">
        <v>149</v>
      </c>
      <c r="BZ27" s="198">
        <v>167</v>
      </c>
      <c r="CA27" s="192">
        <v>2</v>
      </c>
      <c r="CB27" s="196">
        <v>2</v>
      </c>
      <c r="CC27" s="193">
        <v>4</v>
      </c>
      <c r="CD27" s="195">
        <v>0</v>
      </c>
      <c r="CE27" s="196">
        <v>13</v>
      </c>
      <c r="CF27" s="196">
        <v>34</v>
      </c>
      <c r="CG27" s="196">
        <v>13</v>
      </c>
      <c r="CH27" s="196">
        <v>10</v>
      </c>
      <c r="CI27" s="196">
        <v>7</v>
      </c>
      <c r="CJ27" s="193">
        <v>77</v>
      </c>
      <c r="CK27" s="198">
        <v>81</v>
      </c>
      <c r="CL27" s="192">
        <v>0</v>
      </c>
      <c r="CM27" s="196">
        <v>0</v>
      </c>
      <c r="CN27" s="193">
        <v>0</v>
      </c>
      <c r="CO27" s="195">
        <v>0</v>
      </c>
      <c r="CP27" s="196">
        <v>1</v>
      </c>
      <c r="CQ27" s="196">
        <v>1</v>
      </c>
      <c r="CR27" s="196">
        <v>1</v>
      </c>
      <c r="CS27" s="196">
        <v>5</v>
      </c>
      <c r="CT27" s="196">
        <v>2</v>
      </c>
      <c r="CU27" s="193">
        <v>10</v>
      </c>
      <c r="CV27" s="198">
        <v>10</v>
      </c>
      <c r="CW27" s="192">
        <v>0</v>
      </c>
      <c r="CX27" s="196">
        <v>0</v>
      </c>
      <c r="CY27" s="193">
        <v>0</v>
      </c>
      <c r="CZ27" s="195">
        <v>0</v>
      </c>
      <c r="DA27" s="196">
        <v>0</v>
      </c>
      <c r="DB27" s="196">
        <v>0</v>
      </c>
      <c r="DC27" s="196">
        <v>0</v>
      </c>
      <c r="DD27" s="196">
        <v>0</v>
      </c>
      <c r="DE27" s="196">
        <v>0</v>
      </c>
      <c r="DF27" s="193">
        <v>0</v>
      </c>
      <c r="DG27" s="198">
        <v>0</v>
      </c>
      <c r="DH27" s="192">
        <v>0</v>
      </c>
      <c r="DI27" s="196">
        <v>0</v>
      </c>
      <c r="DJ27" s="193">
        <v>0</v>
      </c>
      <c r="DK27" s="195">
        <v>0</v>
      </c>
      <c r="DL27" s="196">
        <v>0</v>
      </c>
      <c r="DM27" s="196">
        <v>0</v>
      </c>
      <c r="DN27" s="196">
        <v>0</v>
      </c>
      <c r="DO27" s="196">
        <v>0</v>
      </c>
      <c r="DP27" s="196">
        <v>0</v>
      </c>
      <c r="DQ27" s="193">
        <v>0</v>
      </c>
      <c r="DR27" s="198">
        <v>0</v>
      </c>
      <c r="DS27" s="192">
        <v>60</v>
      </c>
      <c r="DT27" s="196">
        <v>107</v>
      </c>
      <c r="DU27" s="193">
        <v>167</v>
      </c>
      <c r="DV27" s="195">
        <v>0</v>
      </c>
      <c r="DW27" s="196">
        <v>129</v>
      </c>
      <c r="DX27" s="196">
        <v>172</v>
      </c>
      <c r="DY27" s="196">
        <v>107</v>
      </c>
      <c r="DZ27" s="196">
        <v>109</v>
      </c>
      <c r="EA27" s="196">
        <v>63</v>
      </c>
      <c r="EB27" s="193">
        <v>580</v>
      </c>
      <c r="EC27" s="198">
        <v>747</v>
      </c>
      <c r="ED27" s="192">
        <v>2</v>
      </c>
      <c r="EE27" s="196">
        <v>4</v>
      </c>
      <c r="EF27" s="193">
        <v>6</v>
      </c>
      <c r="EG27" s="195">
        <v>0</v>
      </c>
      <c r="EH27" s="196">
        <v>24</v>
      </c>
      <c r="EI27" s="196">
        <v>19</v>
      </c>
      <c r="EJ27" s="196">
        <v>9</v>
      </c>
      <c r="EK27" s="196">
        <v>18</v>
      </c>
      <c r="EL27" s="196">
        <v>10</v>
      </c>
      <c r="EM27" s="193">
        <v>80</v>
      </c>
      <c r="EN27" s="198">
        <v>86</v>
      </c>
      <c r="EO27" s="192">
        <v>74</v>
      </c>
      <c r="EP27" s="196">
        <v>127</v>
      </c>
      <c r="EQ27" s="193">
        <v>201</v>
      </c>
      <c r="ER27" s="195">
        <v>0</v>
      </c>
      <c r="ES27" s="196">
        <v>340</v>
      </c>
      <c r="ET27" s="196">
        <v>231</v>
      </c>
      <c r="EU27" s="196">
        <v>123</v>
      </c>
      <c r="EV27" s="196">
        <v>121</v>
      </c>
      <c r="EW27" s="196">
        <v>68</v>
      </c>
      <c r="EX27" s="193">
        <v>883</v>
      </c>
      <c r="EY27" s="198">
        <v>1084</v>
      </c>
    </row>
    <row r="28" spans="1:155" ht="19.5" customHeight="1" x14ac:dyDescent="0.2">
      <c r="A28" s="177" t="s">
        <v>26</v>
      </c>
      <c r="B28" s="192">
        <v>0</v>
      </c>
      <c r="C28" s="196">
        <v>0</v>
      </c>
      <c r="D28" s="458">
        <v>0</v>
      </c>
      <c r="E28" s="195">
        <v>0</v>
      </c>
      <c r="F28" s="196">
        <v>72</v>
      </c>
      <c r="G28" s="196">
        <v>64</v>
      </c>
      <c r="H28" s="196">
        <v>43</v>
      </c>
      <c r="I28" s="196">
        <v>43</v>
      </c>
      <c r="J28" s="196">
        <v>51</v>
      </c>
      <c r="K28" s="197">
        <v>273</v>
      </c>
      <c r="L28" s="198">
        <v>273</v>
      </c>
      <c r="M28" s="192">
        <v>0</v>
      </c>
      <c r="N28" s="196">
        <v>0</v>
      </c>
      <c r="O28" s="193">
        <v>0</v>
      </c>
      <c r="P28" s="195">
        <v>0</v>
      </c>
      <c r="Q28" s="196">
        <v>0</v>
      </c>
      <c r="R28" s="196">
        <v>3</v>
      </c>
      <c r="S28" s="196">
        <v>4</v>
      </c>
      <c r="T28" s="196">
        <v>11</v>
      </c>
      <c r="U28" s="196">
        <v>19</v>
      </c>
      <c r="V28" s="193">
        <v>37</v>
      </c>
      <c r="W28" s="198">
        <v>37</v>
      </c>
      <c r="X28" s="192">
        <v>13</v>
      </c>
      <c r="Y28" s="196">
        <v>21</v>
      </c>
      <c r="Z28" s="193">
        <v>34</v>
      </c>
      <c r="AA28" s="195">
        <v>0</v>
      </c>
      <c r="AB28" s="196">
        <v>63</v>
      </c>
      <c r="AC28" s="196">
        <v>52</v>
      </c>
      <c r="AD28" s="196">
        <v>40</v>
      </c>
      <c r="AE28" s="196">
        <v>30</v>
      </c>
      <c r="AF28" s="196">
        <v>45</v>
      </c>
      <c r="AG28" s="193">
        <v>230</v>
      </c>
      <c r="AH28" s="198">
        <v>264</v>
      </c>
      <c r="AI28" s="192">
        <v>1</v>
      </c>
      <c r="AJ28" s="196">
        <v>0</v>
      </c>
      <c r="AK28" s="193">
        <v>1</v>
      </c>
      <c r="AL28" s="195">
        <v>0</v>
      </c>
      <c r="AM28" s="196">
        <v>5</v>
      </c>
      <c r="AN28" s="196">
        <v>5</v>
      </c>
      <c r="AO28" s="196">
        <v>2</v>
      </c>
      <c r="AP28" s="196">
        <v>3</v>
      </c>
      <c r="AQ28" s="196">
        <v>4</v>
      </c>
      <c r="AR28" s="193">
        <v>19</v>
      </c>
      <c r="AS28" s="198">
        <v>20</v>
      </c>
      <c r="AT28" s="192">
        <v>8</v>
      </c>
      <c r="AU28" s="196">
        <v>4</v>
      </c>
      <c r="AV28" s="193">
        <v>12</v>
      </c>
      <c r="AW28" s="195">
        <v>0</v>
      </c>
      <c r="AX28" s="196">
        <v>61</v>
      </c>
      <c r="AY28" s="196">
        <v>63</v>
      </c>
      <c r="AZ28" s="196">
        <v>57</v>
      </c>
      <c r="BA28" s="196">
        <v>58</v>
      </c>
      <c r="BB28" s="196">
        <v>61</v>
      </c>
      <c r="BC28" s="197">
        <v>300</v>
      </c>
      <c r="BD28" s="198">
        <v>312</v>
      </c>
      <c r="BE28" s="192">
        <v>0</v>
      </c>
      <c r="BF28" s="196">
        <v>0</v>
      </c>
      <c r="BG28" s="193">
        <v>0</v>
      </c>
      <c r="BH28" s="195">
        <v>0</v>
      </c>
      <c r="BI28" s="196">
        <v>110</v>
      </c>
      <c r="BJ28" s="196">
        <v>72</v>
      </c>
      <c r="BK28" s="196">
        <v>44</v>
      </c>
      <c r="BL28" s="196">
        <v>32</v>
      </c>
      <c r="BM28" s="196">
        <v>21</v>
      </c>
      <c r="BN28" s="193">
        <v>279</v>
      </c>
      <c r="BO28" s="198">
        <v>279</v>
      </c>
      <c r="BP28" s="192">
        <v>3</v>
      </c>
      <c r="BQ28" s="196">
        <v>6</v>
      </c>
      <c r="BR28" s="193">
        <v>9</v>
      </c>
      <c r="BS28" s="195">
        <v>0</v>
      </c>
      <c r="BT28" s="196">
        <v>23</v>
      </c>
      <c r="BU28" s="196">
        <v>23</v>
      </c>
      <c r="BV28" s="196">
        <v>11</v>
      </c>
      <c r="BW28" s="196">
        <v>9</v>
      </c>
      <c r="BX28" s="196">
        <v>5</v>
      </c>
      <c r="BY28" s="193">
        <v>71</v>
      </c>
      <c r="BZ28" s="198">
        <v>80</v>
      </c>
      <c r="CA28" s="192">
        <v>0</v>
      </c>
      <c r="CB28" s="196">
        <v>2</v>
      </c>
      <c r="CC28" s="193">
        <v>2</v>
      </c>
      <c r="CD28" s="195">
        <v>0</v>
      </c>
      <c r="CE28" s="196">
        <v>10</v>
      </c>
      <c r="CF28" s="196">
        <v>11</v>
      </c>
      <c r="CG28" s="196">
        <v>22</v>
      </c>
      <c r="CH28" s="196">
        <v>20</v>
      </c>
      <c r="CI28" s="196">
        <v>11</v>
      </c>
      <c r="CJ28" s="193">
        <v>74</v>
      </c>
      <c r="CK28" s="198">
        <v>76</v>
      </c>
      <c r="CL28" s="192">
        <v>0</v>
      </c>
      <c r="CM28" s="196">
        <v>0</v>
      </c>
      <c r="CN28" s="193">
        <v>0</v>
      </c>
      <c r="CO28" s="195">
        <v>0</v>
      </c>
      <c r="CP28" s="196">
        <v>3</v>
      </c>
      <c r="CQ28" s="196">
        <v>3</v>
      </c>
      <c r="CR28" s="196">
        <v>6</v>
      </c>
      <c r="CS28" s="196">
        <v>4</v>
      </c>
      <c r="CT28" s="196">
        <v>2</v>
      </c>
      <c r="CU28" s="193">
        <v>18</v>
      </c>
      <c r="CV28" s="198">
        <v>18</v>
      </c>
      <c r="CW28" s="192">
        <v>0</v>
      </c>
      <c r="CX28" s="196">
        <v>0</v>
      </c>
      <c r="CY28" s="193">
        <v>0</v>
      </c>
      <c r="CZ28" s="195">
        <v>0</v>
      </c>
      <c r="DA28" s="196">
        <v>0</v>
      </c>
      <c r="DB28" s="196">
        <v>0</v>
      </c>
      <c r="DC28" s="196">
        <v>0</v>
      </c>
      <c r="DD28" s="196">
        <v>0</v>
      </c>
      <c r="DE28" s="196">
        <v>0</v>
      </c>
      <c r="DF28" s="193">
        <v>0</v>
      </c>
      <c r="DG28" s="198">
        <v>0</v>
      </c>
      <c r="DH28" s="192">
        <v>0</v>
      </c>
      <c r="DI28" s="196">
        <v>0</v>
      </c>
      <c r="DJ28" s="193">
        <v>0</v>
      </c>
      <c r="DK28" s="195">
        <v>0</v>
      </c>
      <c r="DL28" s="196">
        <v>0</v>
      </c>
      <c r="DM28" s="196">
        <v>0</v>
      </c>
      <c r="DN28" s="196">
        <v>0</v>
      </c>
      <c r="DO28" s="196">
        <v>0</v>
      </c>
      <c r="DP28" s="196">
        <v>0</v>
      </c>
      <c r="DQ28" s="193">
        <v>0</v>
      </c>
      <c r="DR28" s="198">
        <v>0</v>
      </c>
      <c r="DS28" s="192">
        <v>62</v>
      </c>
      <c r="DT28" s="196">
        <v>81</v>
      </c>
      <c r="DU28" s="193">
        <v>143</v>
      </c>
      <c r="DV28" s="195">
        <v>0</v>
      </c>
      <c r="DW28" s="196">
        <v>142</v>
      </c>
      <c r="DX28" s="196">
        <v>147</v>
      </c>
      <c r="DY28" s="196">
        <v>103</v>
      </c>
      <c r="DZ28" s="196">
        <v>78</v>
      </c>
      <c r="EA28" s="196">
        <v>69</v>
      </c>
      <c r="EB28" s="193">
        <v>539</v>
      </c>
      <c r="EC28" s="198">
        <v>682</v>
      </c>
      <c r="ED28" s="192">
        <v>10</v>
      </c>
      <c r="EE28" s="196">
        <v>3</v>
      </c>
      <c r="EF28" s="193">
        <v>13</v>
      </c>
      <c r="EG28" s="195">
        <v>0</v>
      </c>
      <c r="EH28" s="196">
        <v>29</v>
      </c>
      <c r="EI28" s="196">
        <v>18</v>
      </c>
      <c r="EJ28" s="196">
        <v>17</v>
      </c>
      <c r="EK28" s="196">
        <v>16</v>
      </c>
      <c r="EL28" s="196">
        <v>12</v>
      </c>
      <c r="EM28" s="193">
        <v>92</v>
      </c>
      <c r="EN28" s="198">
        <v>105</v>
      </c>
      <c r="EO28" s="192">
        <v>74</v>
      </c>
      <c r="EP28" s="196">
        <v>96</v>
      </c>
      <c r="EQ28" s="193">
        <v>170</v>
      </c>
      <c r="ER28" s="195">
        <v>0</v>
      </c>
      <c r="ES28" s="196">
        <v>271</v>
      </c>
      <c r="ET28" s="196">
        <v>204</v>
      </c>
      <c r="EU28" s="196">
        <v>122</v>
      </c>
      <c r="EV28" s="196">
        <v>81</v>
      </c>
      <c r="EW28" s="196">
        <v>72</v>
      </c>
      <c r="EX28" s="193">
        <v>750</v>
      </c>
      <c r="EY28" s="198">
        <v>920</v>
      </c>
    </row>
    <row r="29" spans="1:155" ht="19.5" customHeight="1" x14ac:dyDescent="0.2">
      <c r="A29" s="177" t="s">
        <v>27</v>
      </c>
      <c r="B29" s="192">
        <v>0</v>
      </c>
      <c r="C29" s="196">
        <v>0</v>
      </c>
      <c r="D29" s="458">
        <v>0</v>
      </c>
      <c r="E29" s="195">
        <v>0</v>
      </c>
      <c r="F29" s="196">
        <v>58</v>
      </c>
      <c r="G29" s="196">
        <v>55</v>
      </c>
      <c r="H29" s="196">
        <v>38</v>
      </c>
      <c r="I29" s="196">
        <v>35</v>
      </c>
      <c r="J29" s="196">
        <v>30</v>
      </c>
      <c r="K29" s="197">
        <v>216</v>
      </c>
      <c r="L29" s="198">
        <v>216</v>
      </c>
      <c r="M29" s="192">
        <v>0</v>
      </c>
      <c r="N29" s="196">
        <v>0</v>
      </c>
      <c r="O29" s="193">
        <v>0</v>
      </c>
      <c r="P29" s="195">
        <v>0</v>
      </c>
      <c r="Q29" s="196">
        <v>2</v>
      </c>
      <c r="R29" s="196">
        <v>3</v>
      </c>
      <c r="S29" s="196">
        <v>5</v>
      </c>
      <c r="T29" s="196">
        <v>13</v>
      </c>
      <c r="U29" s="196">
        <v>12</v>
      </c>
      <c r="V29" s="193">
        <v>35</v>
      </c>
      <c r="W29" s="198">
        <v>35</v>
      </c>
      <c r="X29" s="192">
        <v>17</v>
      </c>
      <c r="Y29" s="196">
        <v>30</v>
      </c>
      <c r="Z29" s="193">
        <v>47</v>
      </c>
      <c r="AA29" s="195">
        <v>0</v>
      </c>
      <c r="AB29" s="196">
        <v>38</v>
      </c>
      <c r="AC29" s="196">
        <v>38</v>
      </c>
      <c r="AD29" s="196">
        <v>32</v>
      </c>
      <c r="AE29" s="196">
        <v>35</v>
      </c>
      <c r="AF29" s="196">
        <v>23</v>
      </c>
      <c r="AG29" s="193">
        <v>166</v>
      </c>
      <c r="AH29" s="198">
        <v>213</v>
      </c>
      <c r="AI29" s="192">
        <v>0</v>
      </c>
      <c r="AJ29" s="196">
        <v>3</v>
      </c>
      <c r="AK29" s="193">
        <v>3</v>
      </c>
      <c r="AL29" s="195">
        <v>0</v>
      </c>
      <c r="AM29" s="196">
        <v>0</v>
      </c>
      <c r="AN29" s="196">
        <v>2</v>
      </c>
      <c r="AO29" s="196">
        <v>2</v>
      </c>
      <c r="AP29" s="196">
        <v>0</v>
      </c>
      <c r="AQ29" s="196">
        <v>3</v>
      </c>
      <c r="AR29" s="193">
        <v>7</v>
      </c>
      <c r="AS29" s="198">
        <v>10</v>
      </c>
      <c r="AT29" s="192">
        <v>13</v>
      </c>
      <c r="AU29" s="196">
        <v>18</v>
      </c>
      <c r="AV29" s="193">
        <v>31</v>
      </c>
      <c r="AW29" s="195">
        <v>0</v>
      </c>
      <c r="AX29" s="196">
        <v>62</v>
      </c>
      <c r="AY29" s="196">
        <v>53</v>
      </c>
      <c r="AZ29" s="196">
        <v>67</v>
      </c>
      <c r="BA29" s="196">
        <v>69</v>
      </c>
      <c r="BB29" s="196">
        <v>49</v>
      </c>
      <c r="BC29" s="197">
        <v>300</v>
      </c>
      <c r="BD29" s="198">
        <v>331</v>
      </c>
      <c r="BE29" s="192">
        <v>0</v>
      </c>
      <c r="BF29" s="196">
        <v>0</v>
      </c>
      <c r="BG29" s="193">
        <v>0</v>
      </c>
      <c r="BH29" s="195">
        <v>0</v>
      </c>
      <c r="BI29" s="196">
        <v>97</v>
      </c>
      <c r="BJ29" s="196">
        <v>76</v>
      </c>
      <c r="BK29" s="196">
        <v>47</v>
      </c>
      <c r="BL29" s="196">
        <v>29</v>
      </c>
      <c r="BM29" s="196">
        <v>16</v>
      </c>
      <c r="BN29" s="193">
        <v>265</v>
      </c>
      <c r="BO29" s="198">
        <v>265</v>
      </c>
      <c r="BP29" s="192">
        <v>10</v>
      </c>
      <c r="BQ29" s="196">
        <v>23</v>
      </c>
      <c r="BR29" s="193">
        <v>33</v>
      </c>
      <c r="BS29" s="195">
        <v>0</v>
      </c>
      <c r="BT29" s="196">
        <v>19</v>
      </c>
      <c r="BU29" s="196">
        <v>26</v>
      </c>
      <c r="BV29" s="196">
        <v>15</v>
      </c>
      <c r="BW29" s="196">
        <v>7</v>
      </c>
      <c r="BX29" s="196">
        <v>6</v>
      </c>
      <c r="BY29" s="193">
        <v>73</v>
      </c>
      <c r="BZ29" s="198">
        <v>106</v>
      </c>
      <c r="CA29" s="192">
        <v>0</v>
      </c>
      <c r="CB29" s="196">
        <v>0</v>
      </c>
      <c r="CC29" s="193">
        <v>0</v>
      </c>
      <c r="CD29" s="195">
        <v>0</v>
      </c>
      <c r="CE29" s="196">
        <v>8</v>
      </c>
      <c r="CF29" s="196">
        <v>12</v>
      </c>
      <c r="CG29" s="196">
        <v>15</v>
      </c>
      <c r="CH29" s="196">
        <v>10</v>
      </c>
      <c r="CI29" s="196">
        <v>6</v>
      </c>
      <c r="CJ29" s="193">
        <v>51</v>
      </c>
      <c r="CK29" s="198">
        <v>51</v>
      </c>
      <c r="CL29" s="192">
        <v>0</v>
      </c>
      <c r="CM29" s="196">
        <v>0</v>
      </c>
      <c r="CN29" s="193">
        <v>0</v>
      </c>
      <c r="CO29" s="195">
        <v>0</v>
      </c>
      <c r="CP29" s="196">
        <v>4</v>
      </c>
      <c r="CQ29" s="196">
        <v>4</v>
      </c>
      <c r="CR29" s="196">
        <v>2</v>
      </c>
      <c r="CS29" s="196">
        <v>4</v>
      </c>
      <c r="CT29" s="196">
        <v>2</v>
      </c>
      <c r="CU29" s="193">
        <v>16</v>
      </c>
      <c r="CV29" s="198">
        <v>16</v>
      </c>
      <c r="CW29" s="192">
        <v>0</v>
      </c>
      <c r="CX29" s="196">
        <v>0</v>
      </c>
      <c r="CY29" s="193">
        <v>0</v>
      </c>
      <c r="CZ29" s="195">
        <v>0</v>
      </c>
      <c r="DA29" s="196">
        <v>0</v>
      </c>
      <c r="DB29" s="196">
        <v>0</v>
      </c>
      <c r="DC29" s="196">
        <v>0</v>
      </c>
      <c r="DD29" s="196">
        <v>0</v>
      </c>
      <c r="DE29" s="196">
        <v>0</v>
      </c>
      <c r="DF29" s="193">
        <v>0</v>
      </c>
      <c r="DG29" s="198">
        <v>0</v>
      </c>
      <c r="DH29" s="192">
        <v>0</v>
      </c>
      <c r="DI29" s="196">
        <v>0</v>
      </c>
      <c r="DJ29" s="193">
        <v>0</v>
      </c>
      <c r="DK29" s="195">
        <v>0</v>
      </c>
      <c r="DL29" s="196">
        <v>0</v>
      </c>
      <c r="DM29" s="196">
        <v>0</v>
      </c>
      <c r="DN29" s="196">
        <v>0</v>
      </c>
      <c r="DO29" s="196">
        <v>0</v>
      </c>
      <c r="DP29" s="196">
        <v>0</v>
      </c>
      <c r="DQ29" s="193">
        <v>0</v>
      </c>
      <c r="DR29" s="198">
        <v>0</v>
      </c>
      <c r="DS29" s="192">
        <v>68</v>
      </c>
      <c r="DT29" s="196">
        <v>108</v>
      </c>
      <c r="DU29" s="193">
        <v>176</v>
      </c>
      <c r="DV29" s="195">
        <v>0</v>
      </c>
      <c r="DW29" s="196">
        <v>67</v>
      </c>
      <c r="DX29" s="196">
        <v>135</v>
      </c>
      <c r="DY29" s="196">
        <v>103</v>
      </c>
      <c r="DZ29" s="196">
        <v>59</v>
      </c>
      <c r="EA29" s="196">
        <v>47</v>
      </c>
      <c r="EB29" s="193">
        <v>411</v>
      </c>
      <c r="EC29" s="198">
        <v>587</v>
      </c>
      <c r="ED29" s="192">
        <v>11</v>
      </c>
      <c r="EE29" s="196">
        <v>18</v>
      </c>
      <c r="EF29" s="193">
        <v>29</v>
      </c>
      <c r="EG29" s="195">
        <v>0</v>
      </c>
      <c r="EH29" s="196">
        <v>26</v>
      </c>
      <c r="EI29" s="196">
        <v>30</v>
      </c>
      <c r="EJ29" s="196">
        <v>37</v>
      </c>
      <c r="EK29" s="196">
        <v>37</v>
      </c>
      <c r="EL29" s="196">
        <v>21</v>
      </c>
      <c r="EM29" s="193">
        <v>151</v>
      </c>
      <c r="EN29" s="198">
        <v>180</v>
      </c>
      <c r="EO29" s="192">
        <v>92</v>
      </c>
      <c r="EP29" s="196">
        <v>133</v>
      </c>
      <c r="EQ29" s="193">
        <v>225</v>
      </c>
      <c r="ER29" s="195">
        <v>0</v>
      </c>
      <c r="ES29" s="196">
        <v>186</v>
      </c>
      <c r="ET29" s="196">
        <v>170</v>
      </c>
      <c r="EU29" s="196">
        <v>117</v>
      </c>
      <c r="EV29" s="196">
        <v>67</v>
      </c>
      <c r="EW29" s="196">
        <v>48</v>
      </c>
      <c r="EX29" s="193">
        <v>588</v>
      </c>
      <c r="EY29" s="198">
        <v>813</v>
      </c>
    </row>
    <row r="30" spans="1:155" ht="19.5" customHeight="1" x14ac:dyDescent="0.2">
      <c r="A30" s="177" t="s">
        <v>28</v>
      </c>
      <c r="B30" s="192">
        <v>0</v>
      </c>
      <c r="C30" s="196">
        <v>0</v>
      </c>
      <c r="D30" s="458">
        <v>0</v>
      </c>
      <c r="E30" s="195">
        <v>0</v>
      </c>
      <c r="F30" s="196">
        <v>11</v>
      </c>
      <c r="G30" s="196">
        <v>17</v>
      </c>
      <c r="H30" s="196">
        <v>5</v>
      </c>
      <c r="I30" s="196">
        <v>12</v>
      </c>
      <c r="J30" s="196">
        <v>10</v>
      </c>
      <c r="K30" s="197">
        <v>55</v>
      </c>
      <c r="L30" s="198">
        <v>55</v>
      </c>
      <c r="M30" s="192">
        <v>0</v>
      </c>
      <c r="N30" s="196">
        <v>0</v>
      </c>
      <c r="O30" s="193">
        <v>0</v>
      </c>
      <c r="P30" s="195">
        <v>0</v>
      </c>
      <c r="Q30" s="196">
        <v>0</v>
      </c>
      <c r="R30" s="196">
        <v>0</v>
      </c>
      <c r="S30" s="196">
        <v>1</v>
      </c>
      <c r="T30" s="196">
        <v>2</v>
      </c>
      <c r="U30" s="196">
        <v>6</v>
      </c>
      <c r="V30" s="193">
        <v>9</v>
      </c>
      <c r="W30" s="198">
        <v>9</v>
      </c>
      <c r="X30" s="192">
        <v>1</v>
      </c>
      <c r="Y30" s="196">
        <v>2</v>
      </c>
      <c r="Z30" s="193">
        <v>3</v>
      </c>
      <c r="AA30" s="195">
        <v>0</v>
      </c>
      <c r="AB30" s="196">
        <v>6</v>
      </c>
      <c r="AC30" s="196">
        <v>17</v>
      </c>
      <c r="AD30" s="196">
        <v>5</v>
      </c>
      <c r="AE30" s="196">
        <v>7</v>
      </c>
      <c r="AF30" s="196">
        <v>12</v>
      </c>
      <c r="AG30" s="193">
        <v>47</v>
      </c>
      <c r="AH30" s="198">
        <v>50</v>
      </c>
      <c r="AI30" s="192">
        <v>0</v>
      </c>
      <c r="AJ30" s="196">
        <v>0</v>
      </c>
      <c r="AK30" s="193">
        <v>0</v>
      </c>
      <c r="AL30" s="195">
        <v>0</v>
      </c>
      <c r="AM30" s="196">
        <v>4</v>
      </c>
      <c r="AN30" s="196">
        <v>0</v>
      </c>
      <c r="AO30" s="196">
        <v>0</v>
      </c>
      <c r="AP30" s="196">
        <v>1</v>
      </c>
      <c r="AQ30" s="196">
        <v>3</v>
      </c>
      <c r="AR30" s="193">
        <v>8</v>
      </c>
      <c r="AS30" s="198">
        <v>8</v>
      </c>
      <c r="AT30" s="192">
        <v>2</v>
      </c>
      <c r="AU30" s="196">
        <v>2</v>
      </c>
      <c r="AV30" s="193">
        <v>4</v>
      </c>
      <c r="AW30" s="195">
        <v>0</v>
      </c>
      <c r="AX30" s="196">
        <v>6</v>
      </c>
      <c r="AY30" s="196">
        <v>26</v>
      </c>
      <c r="AZ30" s="196">
        <v>15</v>
      </c>
      <c r="BA30" s="196">
        <v>15</v>
      </c>
      <c r="BB30" s="196">
        <v>20</v>
      </c>
      <c r="BC30" s="197">
        <v>82</v>
      </c>
      <c r="BD30" s="198">
        <v>86</v>
      </c>
      <c r="BE30" s="192">
        <v>0</v>
      </c>
      <c r="BF30" s="196">
        <v>0</v>
      </c>
      <c r="BG30" s="193">
        <v>0</v>
      </c>
      <c r="BH30" s="195">
        <v>0</v>
      </c>
      <c r="BI30" s="196">
        <v>33</v>
      </c>
      <c r="BJ30" s="196">
        <v>35</v>
      </c>
      <c r="BK30" s="196">
        <v>12</v>
      </c>
      <c r="BL30" s="196">
        <v>10</v>
      </c>
      <c r="BM30" s="196">
        <v>6</v>
      </c>
      <c r="BN30" s="193">
        <v>96</v>
      </c>
      <c r="BO30" s="198">
        <v>96</v>
      </c>
      <c r="BP30" s="192">
        <v>0</v>
      </c>
      <c r="BQ30" s="196">
        <v>5</v>
      </c>
      <c r="BR30" s="193">
        <v>5</v>
      </c>
      <c r="BS30" s="195">
        <v>0</v>
      </c>
      <c r="BT30" s="196">
        <v>5</v>
      </c>
      <c r="BU30" s="196">
        <v>13</v>
      </c>
      <c r="BV30" s="196">
        <v>7</v>
      </c>
      <c r="BW30" s="196">
        <v>7</v>
      </c>
      <c r="BX30" s="196">
        <v>7</v>
      </c>
      <c r="BY30" s="193">
        <v>39</v>
      </c>
      <c r="BZ30" s="198">
        <v>44</v>
      </c>
      <c r="CA30" s="192">
        <v>0</v>
      </c>
      <c r="CB30" s="196">
        <v>1</v>
      </c>
      <c r="CC30" s="193">
        <v>1</v>
      </c>
      <c r="CD30" s="195">
        <v>0</v>
      </c>
      <c r="CE30" s="196">
        <v>5</v>
      </c>
      <c r="CF30" s="196">
        <v>10</v>
      </c>
      <c r="CG30" s="196">
        <v>9</v>
      </c>
      <c r="CH30" s="196">
        <v>4</v>
      </c>
      <c r="CI30" s="196">
        <v>3</v>
      </c>
      <c r="CJ30" s="193">
        <v>31</v>
      </c>
      <c r="CK30" s="198">
        <v>32</v>
      </c>
      <c r="CL30" s="192">
        <v>0</v>
      </c>
      <c r="CM30" s="196">
        <v>0</v>
      </c>
      <c r="CN30" s="193">
        <v>0</v>
      </c>
      <c r="CO30" s="195">
        <v>0</v>
      </c>
      <c r="CP30" s="196">
        <v>2</v>
      </c>
      <c r="CQ30" s="196">
        <v>1</v>
      </c>
      <c r="CR30" s="196">
        <v>1</v>
      </c>
      <c r="CS30" s="196">
        <v>2</v>
      </c>
      <c r="CT30" s="196">
        <v>1</v>
      </c>
      <c r="CU30" s="193">
        <v>7</v>
      </c>
      <c r="CV30" s="198">
        <v>7</v>
      </c>
      <c r="CW30" s="192">
        <v>0</v>
      </c>
      <c r="CX30" s="196">
        <v>0</v>
      </c>
      <c r="CY30" s="193">
        <v>0</v>
      </c>
      <c r="CZ30" s="195">
        <v>0</v>
      </c>
      <c r="DA30" s="196">
        <v>0</v>
      </c>
      <c r="DB30" s="196">
        <v>0</v>
      </c>
      <c r="DC30" s="196">
        <v>0</v>
      </c>
      <c r="DD30" s="196">
        <v>0</v>
      </c>
      <c r="DE30" s="196">
        <v>0</v>
      </c>
      <c r="DF30" s="193">
        <v>0</v>
      </c>
      <c r="DG30" s="198">
        <v>0</v>
      </c>
      <c r="DH30" s="192">
        <v>0</v>
      </c>
      <c r="DI30" s="196">
        <v>0</v>
      </c>
      <c r="DJ30" s="193">
        <v>0</v>
      </c>
      <c r="DK30" s="195">
        <v>0</v>
      </c>
      <c r="DL30" s="196">
        <v>0</v>
      </c>
      <c r="DM30" s="196">
        <v>0</v>
      </c>
      <c r="DN30" s="196">
        <v>0</v>
      </c>
      <c r="DO30" s="196">
        <v>0</v>
      </c>
      <c r="DP30" s="196">
        <v>0</v>
      </c>
      <c r="DQ30" s="193">
        <v>0</v>
      </c>
      <c r="DR30" s="198">
        <v>0</v>
      </c>
      <c r="DS30" s="192">
        <v>7</v>
      </c>
      <c r="DT30" s="196">
        <v>15</v>
      </c>
      <c r="DU30" s="193">
        <v>22</v>
      </c>
      <c r="DV30" s="195">
        <v>0</v>
      </c>
      <c r="DW30" s="196">
        <v>31</v>
      </c>
      <c r="DX30" s="196">
        <v>68</v>
      </c>
      <c r="DY30" s="196">
        <v>25</v>
      </c>
      <c r="DZ30" s="196">
        <v>28</v>
      </c>
      <c r="EA30" s="196">
        <v>21</v>
      </c>
      <c r="EB30" s="193">
        <v>173</v>
      </c>
      <c r="EC30" s="198">
        <v>195</v>
      </c>
      <c r="ED30" s="192">
        <v>0</v>
      </c>
      <c r="EE30" s="196">
        <v>0</v>
      </c>
      <c r="EF30" s="193">
        <v>0</v>
      </c>
      <c r="EG30" s="195">
        <v>0</v>
      </c>
      <c r="EH30" s="196">
        <v>4</v>
      </c>
      <c r="EI30" s="196">
        <v>6</v>
      </c>
      <c r="EJ30" s="196">
        <v>4</v>
      </c>
      <c r="EK30" s="196">
        <v>5</v>
      </c>
      <c r="EL30" s="196">
        <v>3</v>
      </c>
      <c r="EM30" s="193">
        <v>22</v>
      </c>
      <c r="EN30" s="198">
        <v>22</v>
      </c>
      <c r="EO30" s="192">
        <v>7</v>
      </c>
      <c r="EP30" s="196">
        <v>19</v>
      </c>
      <c r="EQ30" s="193">
        <v>26</v>
      </c>
      <c r="ER30" s="195">
        <v>0</v>
      </c>
      <c r="ES30" s="196">
        <v>66</v>
      </c>
      <c r="ET30" s="196">
        <v>85</v>
      </c>
      <c r="EU30" s="196">
        <v>31</v>
      </c>
      <c r="EV30" s="196">
        <v>28</v>
      </c>
      <c r="EW30" s="196">
        <v>21</v>
      </c>
      <c r="EX30" s="193">
        <v>231</v>
      </c>
      <c r="EY30" s="198">
        <v>257</v>
      </c>
    </row>
    <row r="31" spans="1:155" ht="19.5" customHeight="1" x14ac:dyDescent="0.2">
      <c r="A31" s="177" t="s">
        <v>29</v>
      </c>
      <c r="B31" s="192">
        <v>0</v>
      </c>
      <c r="C31" s="196">
        <v>0</v>
      </c>
      <c r="D31" s="458">
        <v>0</v>
      </c>
      <c r="E31" s="195">
        <v>0</v>
      </c>
      <c r="F31" s="196">
        <v>27</v>
      </c>
      <c r="G31" s="196">
        <v>29</v>
      </c>
      <c r="H31" s="196">
        <v>13</v>
      </c>
      <c r="I31" s="196">
        <v>12</v>
      </c>
      <c r="J31" s="196">
        <v>10</v>
      </c>
      <c r="K31" s="197">
        <v>91</v>
      </c>
      <c r="L31" s="198">
        <v>91</v>
      </c>
      <c r="M31" s="192">
        <v>0</v>
      </c>
      <c r="N31" s="196">
        <v>0</v>
      </c>
      <c r="O31" s="193">
        <v>0</v>
      </c>
      <c r="P31" s="195">
        <v>0</v>
      </c>
      <c r="Q31" s="196">
        <v>1</v>
      </c>
      <c r="R31" s="196">
        <v>1</v>
      </c>
      <c r="S31" s="196">
        <v>1</v>
      </c>
      <c r="T31" s="196">
        <v>2</v>
      </c>
      <c r="U31" s="196">
        <v>4</v>
      </c>
      <c r="V31" s="193">
        <v>9</v>
      </c>
      <c r="W31" s="198">
        <v>9</v>
      </c>
      <c r="X31" s="192">
        <v>2</v>
      </c>
      <c r="Y31" s="196">
        <v>6</v>
      </c>
      <c r="Z31" s="193">
        <v>8</v>
      </c>
      <c r="AA31" s="195">
        <v>0</v>
      </c>
      <c r="AB31" s="196">
        <v>18</v>
      </c>
      <c r="AC31" s="196">
        <v>14</v>
      </c>
      <c r="AD31" s="196">
        <v>12</v>
      </c>
      <c r="AE31" s="196">
        <v>9</v>
      </c>
      <c r="AF31" s="196">
        <v>8</v>
      </c>
      <c r="AG31" s="193">
        <v>61</v>
      </c>
      <c r="AH31" s="198">
        <v>69</v>
      </c>
      <c r="AI31" s="192">
        <v>0</v>
      </c>
      <c r="AJ31" s="196">
        <v>1</v>
      </c>
      <c r="AK31" s="193">
        <v>1</v>
      </c>
      <c r="AL31" s="195">
        <v>0</v>
      </c>
      <c r="AM31" s="196">
        <v>3</v>
      </c>
      <c r="AN31" s="196">
        <v>4</v>
      </c>
      <c r="AO31" s="196">
        <v>0</v>
      </c>
      <c r="AP31" s="196">
        <v>3</v>
      </c>
      <c r="AQ31" s="196">
        <v>2</v>
      </c>
      <c r="AR31" s="193">
        <v>12</v>
      </c>
      <c r="AS31" s="198">
        <v>13</v>
      </c>
      <c r="AT31" s="192">
        <v>3</v>
      </c>
      <c r="AU31" s="196">
        <v>1</v>
      </c>
      <c r="AV31" s="193">
        <v>4</v>
      </c>
      <c r="AW31" s="195">
        <v>0</v>
      </c>
      <c r="AX31" s="196">
        <v>10</v>
      </c>
      <c r="AY31" s="196">
        <v>22</v>
      </c>
      <c r="AZ31" s="196">
        <v>7</v>
      </c>
      <c r="BA31" s="196">
        <v>17</v>
      </c>
      <c r="BB31" s="196">
        <v>10</v>
      </c>
      <c r="BC31" s="197">
        <v>66</v>
      </c>
      <c r="BD31" s="198">
        <v>70</v>
      </c>
      <c r="BE31" s="192">
        <v>0</v>
      </c>
      <c r="BF31" s="196">
        <v>0</v>
      </c>
      <c r="BG31" s="193">
        <v>0</v>
      </c>
      <c r="BH31" s="195">
        <v>0</v>
      </c>
      <c r="BI31" s="196">
        <v>37</v>
      </c>
      <c r="BJ31" s="196">
        <v>37</v>
      </c>
      <c r="BK31" s="196">
        <v>27</v>
      </c>
      <c r="BL31" s="196">
        <v>17</v>
      </c>
      <c r="BM31" s="196">
        <v>8</v>
      </c>
      <c r="BN31" s="193">
        <v>126</v>
      </c>
      <c r="BO31" s="198">
        <v>126</v>
      </c>
      <c r="BP31" s="192">
        <v>5</v>
      </c>
      <c r="BQ31" s="196">
        <v>4</v>
      </c>
      <c r="BR31" s="193">
        <v>9</v>
      </c>
      <c r="BS31" s="195">
        <v>0</v>
      </c>
      <c r="BT31" s="196">
        <v>16</v>
      </c>
      <c r="BU31" s="196">
        <v>13</v>
      </c>
      <c r="BV31" s="196">
        <v>9</v>
      </c>
      <c r="BW31" s="196">
        <v>4</v>
      </c>
      <c r="BX31" s="196">
        <v>4</v>
      </c>
      <c r="BY31" s="193">
        <v>46</v>
      </c>
      <c r="BZ31" s="198">
        <v>55</v>
      </c>
      <c r="CA31" s="192">
        <v>0</v>
      </c>
      <c r="CB31" s="196">
        <v>0</v>
      </c>
      <c r="CC31" s="193">
        <v>0</v>
      </c>
      <c r="CD31" s="195">
        <v>0</v>
      </c>
      <c r="CE31" s="196">
        <v>4</v>
      </c>
      <c r="CF31" s="196">
        <v>11</v>
      </c>
      <c r="CG31" s="196">
        <v>13</v>
      </c>
      <c r="CH31" s="196">
        <v>7</v>
      </c>
      <c r="CI31" s="196">
        <v>7</v>
      </c>
      <c r="CJ31" s="193">
        <v>42</v>
      </c>
      <c r="CK31" s="198">
        <v>42</v>
      </c>
      <c r="CL31" s="192">
        <v>0</v>
      </c>
      <c r="CM31" s="196">
        <v>1</v>
      </c>
      <c r="CN31" s="193">
        <v>1</v>
      </c>
      <c r="CO31" s="195">
        <v>0</v>
      </c>
      <c r="CP31" s="196">
        <v>1</v>
      </c>
      <c r="CQ31" s="196">
        <v>2</v>
      </c>
      <c r="CR31" s="196">
        <v>2</v>
      </c>
      <c r="CS31" s="196">
        <v>2</v>
      </c>
      <c r="CT31" s="196">
        <v>1</v>
      </c>
      <c r="CU31" s="193">
        <v>8</v>
      </c>
      <c r="CV31" s="198">
        <v>9</v>
      </c>
      <c r="CW31" s="192">
        <v>0</v>
      </c>
      <c r="CX31" s="196">
        <v>0</v>
      </c>
      <c r="CY31" s="193">
        <v>0</v>
      </c>
      <c r="CZ31" s="195">
        <v>0</v>
      </c>
      <c r="DA31" s="196">
        <v>0</v>
      </c>
      <c r="DB31" s="196">
        <v>0</v>
      </c>
      <c r="DC31" s="196">
        <v>0</v>
      </c>
      <c r="DD31" s="196">
        <v>0</v>
      </c>
      <c r="DE31" s="196">
        <v>0</v>
      </c>
      <c r="DF31" s="193">
        <v>0</v>
      </c>
      <c r="DG31" s="198">
        <v>0</v>
      </c>
      <c r="DH31" s="192">
        <v>0</v>
      </c>
      <c r="DI31" s="196">
        <v>0</v>
      </c>
      <c r="DJ31" s="193">
        <v>0</v>
      </c>
      <c r="DK31" s="195">
        <v>0</v>
      </c>
      <c r="DL31" s="196">
        <v>0</v>
      </c>
      <c r="DM31" s="196">
        <v>0</v>
      </c>
      <c r="DN31" s="196">
        <v>0</v>
      </c>
      <c r="DO31" s="196">
        <v>0</v>
      </c>
      <c r="DP31" s="196">
        <v>0</v>
      </c>
      <c r="DQ31" s="193">
        <v>0</v>
      </c>
      <c r="DR31" s="198">
        <v>0</v>
      </c>
      <c r="DS31" s="192">
        <v>22</v>
      </c>
      <c r="DT31" s="196">
        <v>31</v>
      </c>
      <c r="DU31" s="193">
        <v>53</v>
      </c>
      <c r="DV31" s="195">
        <v>0</v>
      </c>
      <c r="DW31" s="196">
        <v>43</v>
      </c>
      <c r="DX31" s="196">
        <v>62</v>
      </c>
      <c r="DY31" s="196">
        <v>40</v>
      </c>
      <c r="DZ31" s="196">
        <v>34</v>
      </c>
      <c r="EA31" s="196">
        <v>22</v>
      </c>
      <c r="EB31" s="193">
        <v>201</v>
      </c>
      <c r="EC31" s="198">
        <v>254</v>
      </c>
      <c r="ED31" s="192">
        <v>0</v>
      </c>
      <c r="EE31" s="196">
        <v>0</v>
      </c>
      <c r="EF31" s="193">
        <v>0</v>
      </c>
      <c r="EG31" s="195">
        <v>0</v>
      </c>
      <c r="EH31" s="196">
        <v>6</v>
      </c>
      <c r="EI31" s="196">
        <v>10</v>
      </c>
      <c r="EJ31" s="196">
        <v>4</v>
      </c>
      <c r="EK31" s="196">
        <v>6</v>
      </c>
      <c r="EL31" s="196">
        <v>3</v>
      </c>
      <c r="EM31" s="193">
        <v>29</v>
      </c>
      <c r="EN31" s="198">
        <v>29</v>
      </c>
      <c r="EO31" s="192">
        <v>26</v>
      </c>
      <c r="EP31" s="196">
        <v>39</v>
      </c>
      <c r="EQ31" s="193">
        <v>65</v>
      </c>
      <c r="ER31" s="195">
        <v>0</v>
      </c>
      <c r="ES31" s="196">
        <v>93</v>
      </c>
      <c r="ET31" s="196">
        <v>85</v>
      </c>
      <c r="EU31" s="196">
        <v>50</v>
      </c>
      <c r="EV31" s="196">
        <v>38</v>
      </c>
      <c r="EW31" s="196">
        <v>23</v>
      </c>
      <c r="EX31" s="193">
        <v>289</v>
      </c>
      <c r="EY31" s="198">
        <v>354</v>
      </c>
    </row>
    <row r="32" spans="1:155" ht="19.5" customHeight="1" x14ac:dyDescent="0.2">
      <c r="A32" s="177" t="s">
        <v>30</v>
      </c>
      <c r="B32" s="192">
        <v>0</v>
      </c>
      <c r="C32" s="196">
        <v>0</v>
      </c>
      <c r="D32" s="458">
        <v>0</v>
      </c>
      <c r="E32" s="195">
        <v>0</v>
      </c>
      <c r="F32" s="196">
        <v>19</v>
      </c>
      <c r="G32" s="196">
        <v>22</v>
      </c>
      <c r="H32" s="196">
        <v>19</v>
      </c>
      <c r="I32" s="196">
        <v>15</v>
      </c>
      <c r="J32" s="196">
        <v>8</v>
      </c>
      <c r="K32" s="197">
        <v>83</v>
      </c>
      <c r="L32" s="198">
        <v>83</v>
      </c>
      <c r="M32" s="192">
        <v>0</v>
      </c>
      <c r="N32" s="196">
        <v>0</v>
      </c>
      <c r="O32" s="193">
        <v>0</v>
      </c>
      <c r="P32" s="195">
        <v>0</v>
      </c>
      <c r="Q32" s="196">
        <v>0</v>
      </c>
      <c r="R32" s="196">
        <v>1</v>
      </c>
      <c r="S32" s="196">
        <v>1</v>
      </c>
      <c r="T32" s="196">
        <v>4</v>
      </c>
      <c r="U32" s="196">
        <v>6</v>
      </c>
      <c r="V32" s="193">
        <v>12</v>
      </c>
      <c r="W32" s="198">
        <v>12</v>
      </c>
      <c r="X32" s="192">
        <v>6</v>
      </c>
      <c r="Y32" s="196">
        <v>6</v>
      </c>
      <c r="Z32" s="193">
        <v>12</v>
      </c>
      <c r="AA32" s="195">
        <v>0</v>
      </c>
      <c r="AB32" s="196">
        <v>17</v>
      </c>
      <c r="AC32" s="196">
        <v>21</v>
      </c>
      <c r="AD32" s="196">
        <v>12</v>
      </c>
      <c r="AE32" s="196">
        <v>12</v>
      </c>
      <c r="AF32" s="196">
        <v>6</v>
      </c>
      <c r="AG32" s="193">
        <v>68</v>
      </c>
      <c r="AH32" s="198">
        <v>80</v>
      </c>
      <c r="AI32" s="192">
        <v>0</v>
      </c>
      <c r="AJ32" s="196">
        <v>1</v>
      </c>
      <c r="AK32" s="193">
        <v>1</v>
      </c>
      <c r="AL32" s="195">
        <v>0</v>
      </c>
      <c r="AM32" s="196">
        <v>1</v>
      </c>
      <c r="AN32" s="196">
        <v>1</v>
      </c>
      <c r="AO32" s="196">
        <v>1</v>
      </c>
      <c r="AP32" s="196">
        <v>1</v>
      </c>
      <c r="AQ32" s="196">
        <v>0</v>
      </c>
      <c r="AR32" s="193">
        <v>4</v>
      </c>
      <c r="AS32" s="198">
        <v>5</v>
      </c>
      <c r="AT32" s="192">
        <v>1</v>
      </c>
      <c r="AU32" s="196">
        <v>1</v>
      </c>
      <c r="AV32" s="193">
        <v>2</v>
      </c>
      <c r="AW32" s="195">
        <v>0</v>
      </c>
      <c r="AX32" s="196">
        <v>15</v>
      </c>
      <c r="AY32" s="196">
        <v>18</v>
      </c>
      <c r="AZ32" s="196">
        <v>23</v>
      </c>
      <c r="BA32" s="196">
        <v>15</v>
      </c>
      <c r="BB32" s="196">
        <v>11</v>
      </c>
      <c r="BC32" s="197">
        <v>82</v>
      </c>
      <c r="BD32" s="198">
        <v>84</v>
      </c>
      <c r="BE32" s="192">
        <v>0</v>
      </c>
      <c r="BF32" s="196">
        <v>0</v>
      </c>
      <c r="BG32" s="193">
        <v>0</v>
      </c>
      <c r="BH32" s="195">
        <v>0</v>
      </c>
      <c r="BI32" s="196">
        <v>36</v>
      </c>
      <c r="BJ32" s="196">
        <v>23</v>
      </c>
      <c r="BK32" s="196">
        <v>25</v>
      </c>
      <c r="BL32" s="196">
        <v>9</v>
      </c>
      <c r="BM32" s="196">
        <v>2</v>
      </c>
      <c r="BN32" s="193">
        <v>95</v>
      </c>
      <c r="BO32" s="198">
        <v>95</v>
      </c>
      <c r="BP32" s="192">
        <v>1</v>
      </c>
      <c r="BQ32" s="196">
        <v>1</v>
      </c>
      <c r="BR32" s="193">
        <v>2</v>
      </c>
      <c r="BS32" s="195">
        <v>0</v>
      </c>
      <c r="BT32" s="196">
        <v>8</v>
      </c>
      <c r="BU32" s="196">
        <v>11</v>
      </c>
      <c r="BV32" s="196">
        <v>4</v>
      </c>
      <c r="BW32" s="196">
        <v>6</v>
      </c>
      <c r="BX32" s="196">
        <v>0</v>
      </c>
      <c r="BY32" s="193">
        <v>29</v>
      </c>
      <c r="BZ32" s="198">
        <v>31</v>
      </c>
      <c r="CA32" s="192">
        <v>0</v>
      </c>
      <c r="CB32" s="196">
        <v>0</v>
      </c>
      <c r="CC32" s="193">
        <v>0</v>
      </c>
      <c r="CD32" s="195">
        <v>0</v>
      </c>
      <c r="CE32" s="196">
        <v>7</v>
      </c>
      <c r="CF32" s="196">
        <v>5</v>
      </c>
      <c r="CG32" s="196">
        <v>9</v>
      </c>
      <c r="CH32" s="196">
        <v>8</v>
      </c>
      <c r="CI32" s="196">
        <v>3</v>
      </c>
      <c r="CJ32" s="193">
        <v>32</v>
      </c>
      <c r="CK32" s="198">
        <v>32</v>
      </c>
      <c r="CL32" s="192">
        <v>0</v>
      </c>
      <c r="CM32" s="196">
        <v>0</v>
      </c>
      <c r="CN32" s="193">
        <v>0</v>
      </c>
      <c r="CO32" s="195">
        <v>0</v>
      </c>
      <c r="CP32" s="196">
        <v>2</v>
      </c>
      <c r="CQ32" s="196">
        <v>2</v>
      </c>
      <c r="CR32" s="196">
        <v>1</v>
      </c>
      <c r="CS32" s="196">
        <v>1</v>
      </c>
      <c r="CT32" s="196">
        <v>1</v>
      </c>
      <c r="CU32" s="193">
        <v>7</v>
      </c>
      <c r="CV32" s="198">
        <v>7</v>
      </c>
      <c r="CW32" s="192">
        <v>0</v>
      </c>
      <c r="CX32" s="196">
        <v>0</v>
      </c>
      <c r="CY32" s="193">
        <v>0</v>
      </c>
      <c r="CZ32" s="195">
        <v>0</v>
      </c>
      <c r="DA32" s="196">
        <v>0</v>
      </c>
      <c r="DB32" s="196">
        <v>0</v>
      </c>
      <c r="DC32" s="196">
        <v>0</v>
      </c>
      <c r="DD32" s="196">
        <v>0</v>
      </c>
      <c r="DE32" s="196">
        <v>0</v>
      </c>
      <c r="DF32" s="193">
        <v>0</v>
      </c>
      <c r="DG32" s="198">
        <v>0</v>
      </c>
      <c r="DH32" s="192">
        <v>0</v>
      </c>
      <c r="DI32" s="196">
        <v>0</v>
      </c>
      <c r="DJ32" s="193">
        <v>0</v>
      </c>
      <c r="DK32" s="195">
        <v>0</v>
      </c>
      <c r="DL32" s="196">
        <v>0</v>
      </c>
      <c r="DM32" s="196">
        <v>0</v>
      </c>
      <c r="DN32" s="196">
        <v>0</v>
      </c>
      <c r="DO32" s="196">
        <v>0</v>
      </c>
      <c r="DP32" s="196">
        <v>0</v>
      </c>
      <c r="DQ32" s="193">
        <v>0</v>
      </c>
      <c r="DR32" s="198">
        <v>0</v>
      </c>
      <c r="DS32" s="192">
        <v>21</v>
      </c>
      <c r="DT32" s="196">
        <v>23</v>
      </c>
      <c r="DU32" s="193">
        <v>44</v>
      </c>
      <c r="DV32" s="195">
        <v>0</v>
      </c>
      <c r="DW32" s="196">
        <v>47</v>
      </c>
      <c r="DX32" s="196">
        <v>67</v>
      </c>
      <c r="DY32" s="196">
        <v>50</v>
      </c>
      <c r="DZ32" s="196">
        <v>34</v>
      </c>
      <c r="EA32" s="196">
        <v>15</v>
      </c>
      <c r="EB32" s="193">
        <v>213</v>
      </c>
      <c r="EC32" s="198">
        <v>257</v>
      </c>
      <c r="ED32" s="192">
        <v>1</v>
      </c>
      <c r="EE32" s="196">
        <v>0</v>
      </c>
      <c r="EF32" s="193">
        <v>1</v>
      </c>
      <c r="EG32" s="195">
        <v>0</v>
      </c>
      <c r="EH32" s="196">
        <v>6</v>
      </c>
      <c r="EI32" s="196">
        <v>8</v>
      </c>
      <c r="EJ32" s="196">
        <v>3</v>
      </c>
      <c r="EK32" s="196">
        <v>2</v>
      </c>
      <c r="EL32" s="196">
        <v>2</v>
      </c>
      <c r="EM32" s="193">
        <v>21</v>
      </c>
      <c r="EN32" s="198">
        <v>22</v>
      </c>
      <c r="EO32" s="192">
        <v>26</v>
      </c>
      <c r="EP32" s="196">
        <v>28</v>
      </c>
      <c r="EQ32" s="193">
        <v>54</v>
      </c>
      <c r="ER32" s="195">
        <v>0</v>
      </c>
      <c r="ES32" s="196">
        <v>88</v>
      </c>
      <c r="ET32" s="196">
        <v>81</v>
      </c>
      <c r="EU32" s="196">
        <v>59</v>
      </c>
      <c r="EV32" s="196">
        <v>34</v>
      </c>
      <c r="EW32" s="196">
        <v>18</v>
      </c>
      <c r="EX32" s="193">
        <v>280</v>
      </c>
      <c r="EY32" s="198">
        <v>334</v>
      </c>
    </row>
    <row r="33" spans="1:155" ht="19.5" customHeight="1" x14ac:dyDescent="0.2">
      <c r="A33" s="177" t="s">
        <v>31</v>
      </c>
      <c r="B33" s="192">
        <v>0</v>
      </c>
      <c r="C33" s="196">
        <v>0</v>
      </c>
      <c r="D33" s="458">
        <v>0</v>
      </c>
      <c r="E33" s="195">
        <v>0</v>
      </c>
      <c r="F33" s="196">
        <v>17</v>
      </c>
      <c r="G33" s="196">
        <v>12</v>
      </c>
      <c r="H33" s="196">
        <v>10</v>
      </c>
      <c r="I33" s="196">
        <v>6</v>
      </c>
      <c r="J33" s="196">
        <v>9</v>
      </c>
      <c r="K33" s="197">
        <v>54</v>
      </c>
      <c r="L33" s="198">
        <v>54</v>
      </c>
      <c r="M33" s="192">
        <v>0</v>
      </c>
      <c r="N33" s="196">
        <v>0</v>
      </c>
      <c r="O33" s="193">
        <v>0</v>
      </c>
      <c r="P33" s="195">
        <v>0</v>
      </c>
      <c r="Q33" s="196">
        <v>0</v>
      </c>
      <c r="R33" s="196">
        <v>2</v>
      </c>
      <c r="S33" s="196">
        <v>4</v>
      </c>
      <c r="T33" s="196">
        <v>6</v>
      </c>
      <c r="U33" s="196">
        <v>7</v>
      </c>
      <c r="V33" s="193">
        <v>19</v>
      </c>
      <c r="W33" s="198">
        <v>19</v>
      </c>
      <c r="X33" s="192">
        <v>2</v>
      </c>
      <c r="Y33" s="196">
        <v>3</v>
      </c>
      <c r="Z33" s="193">
        <v>5</v>
      </c>
      <c r="AA33" s="195">
        <v>0</v>
      </c>
      <c r="AB33" s="196">
        <v>13</v>
      </c>
      <c r="AC33" s="196">
        <v>18</v>
      </c>
      <c r="AD33" s="196">
        <v>15</v>
      </c>
      <c r="AE33" s="196">
        <v>10</v>
      </c>
      <c r="AF33" s="196">
        <v>13</v>
      </c>
      <c r="AG33" s="193">
        <v>69</v>
      </c>
      <c r="AH33" s="198">
        <v>74</v>
      </c>
      <c r="AI33" s="192">
        <v>1</v>
      </c>
      <c r="AJ33" s="196">
        <v>1</v>
      </c>
      <c r="AK33" s="193">
        <v>2</v>
      </c>
      <c r="AL33" s="195">
        <v>0</v>
      </c>
      <c r="AM33" s="196">
        <v>1</v>
      </c>
      <c r="AN33" s="196">
        <v>2</v>
      </c>
      <c r="AO33" s="196">
        <v>1</v>
      </c>
      <c r="AP33" s="196">
        <v>3</v>
      </c>
      <c r="AQ33" s="196">
        <v>4</v>
      </c>
      <c r="AR33" s="193">
        <v>11</v>
      </c>
      <c r="AS33" s="198">
        <v>13</v>
      </c>
      <c r="AT33" s="192">
        <v>1</v>
      </c>
      <c r="AU33" s="196">
        <v>2</v>
      </c>
      <c r="AV33" s="193">
        <v>3</v>
      </c>
      <c r="AW33" s="195">
        <v>0</v>
      </c>
      <c r="AX33" s="196">
        <v>13</v>
      </c>
      <c r="AY33" s="196">
        <v>19</v>
      </c>
      <c r="AZ33" s="196">
        <v>17</v>
      </c>
      <c r="BA33" s="196">
        <v>12</v>
      </c>
      <c r="BB33" s="196">
        <v>11</v>
      </c>
      <c r="BC33" s="197">
        <v>72</v>
      </c>
      <c r="BD33" s="198">
        <v>75</v>
      </c>
      <c r="BE33" s="192">
        <v>0</v>
      </c>
      <c r="BF33" s="196">
        <v>0</v>
      </c>
      <c r="BG33" s="193">
        <v>0</v>
      </c>
      <c r="BH33" s="195">
        <v>0</v>
      </c>
      <c r="BI33" s="196">
        <v>41</v>
      </c>
      <c r="BJ33" s="196">
        <v>51</v>
      </c>
      <c r="BK33" s="196">
        <v>25</v>
      </c>
      <c r="BL33" s="196">
        <v>6</v>
      </c>
      <c r="BM33" s="196">
        <v>5</v>
      </c>
      <c r="BN33" s="193">
        <v>128</v>
      </c>
      <c r="BO33" s="198">
        <v>128</v>
      </c>
      <c r="BP33" s="192">
        <v>0</v>
      </c>
      <c r="BQ33" s="196">
        <v>1</v>
      </c>
      <c r="BR33" s="193">
        <v>1</v>
      </c>
      <c r="BS33" s="195">
        <v>0</v>
      </c>
      <c r="BT33" s="196">
        <v>1</v>
      </c>
      <c r="BU33" s="196">
        <v>7</v>
      </c>
      <c r="BV33" s="196">
        <v>4</v>
      </c>
      <c r="BW33" s="196">
        <v>2</v>
      </c>
      <c r="BX33" s="196">
        <v>2</v>
      </c>
      <c r="BY33" s="193">
        <v>16</v>
      </c>
      <c r="BZ33" s="198">
        <v>17</v>
      </c>
      <c r="CA33" s="192">
        <v>0</v>
      </c>
      <c r="CB33" s="196">
        <v>0</v>
      </c>
      <c r="CC33" s="193">
        <v>0</v>
      </c>
      <c r="CD33" s="195">
        <v>0</v>
      </c>
      <c r="CE33" s="196">
        <v>4</v>
      </c>
      <c r="CF33" s="196">
        <v>11</v>
      </c>
      <c r="CG33" s="196">
        <v>11</v>
      </c>
      <c r="CH33" s="196">
        <v>9</v>
      </c>
      <c r="CI33" s="196">
        <v>3</v>
      </c>
      <c r="CJ33" s="193">
        <v>38</v>
      </c>
      <c r="CK33" s="198">
        <v>38</v>
      </c>
      <c r="CL33" s="192">
        <v>0</v>
      </c>
      <c r="CM33" s="196">
        <v>0</v>
      </c>
      <c r="CN33" s="193">
        <v>0</v>
      </c>
      <c r="CO33" s="195">
        <v>0</v>
      </c>
      <c r="CP33" s="196">
        <v>0</v>
      </c>
      <c r="CQ33" s="196">
        <v>1</v>
      </c>
      <c r="CR33" s="196">
        <v>1</v>
      </c>
      <c r="CS33" s="196">
        <v>1</v>
      </c>
      <c r="CT33" s="196">
        <v>1</v>
      </c>
      <c r="CU33" s="193">
        <v>4</v>
      </c>
      <c r="CV33" s="198">
        <v>4</v>
      </c>
      <c r="CW33" s="192">
        <v>0</v>
      </c>
      <c r="CX33" s="196">
        <v>0</v>
      </c>
      <c r="CY33" s="193">
        <v>0</v>
      </c>
      <c r="CZ33" s="195">
        <v>0</v>
      </c>
      <c r="DA33" s="196">
        <v>0</v>
      </c>
      <c r="DB33" s="196">
        <v>0</v>
      </c>
      <c r="DC33" s="196">
        <v>0</v>
      </c>
      <c r="DD33" s="196">
        <v>0</v>
      </c>
      <c r="DE33" s="196">
        <v>0</v>
      </c>
      <c r="DF33" s="193">
        <v>0</v>
      </c>
      <c r="DG33" s="198">
        <v>0</v>
      </c>
      <c r="DH33" s="192">
        <v>0</v>
      </c>
      <c r="DI33" s="196">
        <v>0</v>
      </c>
      <c r="DJ33" s="193">
        <v>0</v>
      </c>
      <c r="DK33" s="195">
        <v>0</v>
      </c>
      <c r="DL33" s="196">
        <v>0</v>
      </c>
      <c r="DM33" s="196">
        <v>0</v>
      </c>
      <c r="DN33" s="196">
        <v>0</v>
      </c>
      <c r="DO33" s="196">
        <v>0</v>
      </c>
      <c r="DP33" s="196">
        <v>0</v>
      </c>
      <c r="DQ33" s="193">
        <v>0</v>
      </c>
      <c r="DR33" s="198">
        <v>0</v>
      </c>
      <c r="DS33" s="192">
        <v>19</v>
      </c>
      <c r="DT33" s="196">
        <v>40</v>
      </c>
      <c r="DU33" s="193">
        <v>59</v>
      </c>
      <c r="DV33" s="195">
        <v>0</v>
      </c>
      <c r="DW33" s="196">
        <v>56</v>
      </c>
      <c r="DX33" s="196">
        <v>78</v>
      </c>
      <c r="DY33" s="196">
        <v>45</v>
      </c>
      <c r="DZ33" s="196">
        <v>20</v>
      </c>
      <c r="EA33" s="196">
        <v>21</v>
      </c>
      <c r="EB33" s="193">
        <v>220</v>
      </c>
      <c r="EC33" s="198">
        <v>279</v>
      </c>
      <c r="ED33" s="192">
        <v>1</v>
      </c>
      <c r="EE33" s="196">
        <v>2</v>
      </c>
      <c r="EF33" s="193">
        <v>3</v>
      </c>
      <c r="EG33" s="195">
        <v>0</v>
      </c>
      <c r="EH33" s="196">
        <v>7</v>
      </c>
      <c r="EI33" s="196">
        <v>10</v>
      </c>
      <c r="EJ33" s="196">
        <v>7</v>
      </c>
      <c r="EK33" s="196">
        <v>3</v>
      </c>
      <c r="EL33" s="196">
        <v>1</v>
      </c>
      <c r="EM33" s="193">
        <v>28</v>
      </c>
      <c r="EN33" s="198">
        <v>31</v>
      </c>
      <c r="EO33" s="192">
        <v>22</v>
      </c>
      <c r="EP33" s="196">
        <v>41</v>
      </c>
      <c r="EQ33" s="193">
        <v>63</v>
      </c>
      <c r="ER33" s="195">
        <v>0</v>
      </c>
      <c r="ES33" s="196">
        <v>98</v>
      </c>
      <c r="ET33" s="196">
        <v>104</v>
      </c>
      <c r="EU33" s="196">
        <v>55</v>
      </c>
      <c r="EV33" s="196">
        <v>23</v>
      </c>
      <c r="EW33" s="196">
        <v>22</v>
      </c>
      <c r="EX33" s="193">
        <v>302</v>
      </c>
      <c r="EY33" s="198">
        <v>365</v>
      </c>
    </row>
    <row r="34" spans="1:155" ht="19.5" customHeight="1" x14ac:dyDescent="0.2">
      <c r="A34" s="177" t="s">
        <v>32</v>
      </c>
      <c r="B34" s="192">
        <v>0</v>
      </c>
      <c r="C34" s="196">
        <v>0</v>
      </c>
      <c r="D34" s="458">
        <v>0</v>
      </c>
      <c r="E34" s="195">
        <v>0</v>
      </c>
      <c r="F34" s="196">
        <v>35</v>
      </c>
      <c r="G34" s="196">
        <v>19</v>
      </c>
      <c r="H34" s="196">
        <v>9</v>
      </c>
      <c r="I34" s="196">
        <v>10</v>
      </c>
      <c r="J34" s="196">
        <v>8</v>
      </c>
      <c r="K34" s="197">
        <v>81</v>
      </c>
      <c r="L34" s="198">
        <v>81</v>
      </c>
      <c r="M34" s="192">
        <v>0</v>
      </c>
      <c r="N34" s="196">
        <v>0</v>
      </c>
      <c r="O34" s="193">
        <v>0</v>
      </c>
      <c r="P34" s="195">
        <v>0</v>
      </c>
      <c r="Q34" s="196">
        <v>0</v>
      </c>
      <c r="R34" s="196">
        <v>0</v>
      </c>
      <c r="S34" s="196">
        <v>1</v>
      </c>
      <c r="T34" s="196">
        <v>3</v>
      </c>
      <c r="U34" s="196">
        <v>8</v>
      </c>
      <c r="V34" s="193">
        <v>12</v>
      </c>
      <c r="W34" s="198">
        <v>12</v>
      </c>
      <c r="X34" s="192">
        <v>5</v>
      </c>
      <c r="Y34" s="196">
        <v>7</v>
      </c>
      <c r="Z34" s="193">
        <v>12</v>
      </c>
      <c r="AA34" s="195">
        <v>0</v>
      </c>
      <c r="AB34" s="196">
        <v>34</v>
      </c>
      <c r="AC34" s="196">
        <v>25</v>
      </c>
      <c r="AD34" s="196">
        <v>12</v>
      </c>
      <c r="AE34" s="196">
        <v>16</v>
      </c>
      <c r="AF34" s="196">
        <v>11</v>
      </c>
      <c r="AG34" s="193">
        <v>98</v>
      </c>
      <c r="AH34" s="198">
        <v>110</v>
      </c>
      <c r="AI34" s="192">
        <v>1</v>
      </c>
      <c r="AJ34" s="196">
        <v>1</v>
      </c>
      <c r="AK34" s="193">
        <v>2</v>
      </c>
      <c r="AL34" s="195">
        <v>0</v>
      </c>
      <c r="AM34" s="196">
        <v>6</v>
      </c>
      <c r="AN34" s="196">
        <v>1</v>
      </c>
      <c r="AO34" s="196">
        <v>3</v>
      </c>
      <c r="AP34" s="196">
        <v>2</v>
      </c>
      <c r="AQ34" s="196">
        <v>3</v>
      </c>
      <c r="AR34" s="193">
        <v>15</v>
      </c>
      <c r="AS34" s="198">
        <v>17</v>
      </c>
      <c r="AT34" s="192">
        <v>2</v>
      </c>
      <c r="AU34" s="196">
        <v>1</v>
      </c>
      <c r="AV34" s="193">
        <v>3</v>
      </c>
      <c r="AW34" s="195">
        <v>0</v>
      </c>
      <c r="AX34" s="196">
        <v>13</v>
      </c>
      <c r="AY34" s="196">
        <v>16</v>
      </c>
      <c r="AZ34" s="196">
        <v>18</v>
      </c>
      <c r="BA34" s="196">
        <v>22</v>
      </c>
      <c r="BB34" s="196">
        <v>15</v>
      </c>
      <c r="BC34" s="197">
        <v>84</v>
      </c>
      <c r="BD34" s="198">
        <v>87</v>
      </c>
      <c r="BE34" s="192">
        <v>0</v>
      </c>
      <c r="BF34" s="196">
        <v>0</v>
      </c>
      <c r="BG34" s="193">
        <v>0</v>
      </c>
      <c r="BH34" s="195">
        <v>0</v>
      </c>
      <c r="BI34" s="196">
        <v>48</v>
      </c>
      <c r="BJ34" s="196">
        <v>50</v>
      </c>
      <c r="BK34" s="196">
        <v>19</v>
      </c>
      <c r="BL34" s="196">
        <v>17</v>
      </c>
      <c r="BM34" s="196">
        <v>2</v>
      </c>
      <c r="BN34" s="193">
        <v>136</v>
      </c>
      <c r="BO34" s="198">
        <v>136</v>
      </c>
      <c r="BP34" s="192">
        <v>0</v>
      </c>
      <c r="BQ34" s="196">
        <v>0</v>
      </c>
      <c r="BR34" s="193">
        <v>0</v>
      </c>
      <c r="BS34" s="195">
        <v>0</v>
      </c>
      <c r="BT34" s="196">
        <v>11</v>
      </c>
      <c r="BU34" s="196">
        <v>15</v>
      </c>
      <c r="BV34" s="196">
        <v>6</v>
      </c>
      <c r="BW34" s="196">
        <v>5</v>
      </c>
      <c r="BX34" s="196">
        <v>3</v>
      </c>
      <c r="BY34" s="193">
        <v>40</v>
      </c>
      <c r="BZ34" s="198">
        <v>40</v>
      </c>
      <c r="CA34" s="192">
        <v>2</v>
      </c>
      <c r="CB34" s="196">
        <v>0</v>
      </c>
      <c r="CC34" s="193">
        <v>2</v>
      </c>
      <c r="CD34" s="195">
        <v>0</v>
      </c>
      <c r="CE34" s="196">
        <v>4</v>
      </c>
      <c r="CF34" s="196">
        <v>12</v>
      </c>
      <c r="CG34" s="196">
        <v>8</v>
      </c>
      <c r="CH34" s="196">
        <v>5</v>
      </c>
      <c r="CI34" s="196">
        <v>2</v>
      </c>
      <c r="CJ34" s="193">
        <v>31</v>
      </c>
      <c r="CK34" s="198">
        <v>33</v>
      </c>
      <c r="CL34" s="192">
        <v>0</v>
      </c>
      <c r="CM34" s="196">
        <v>0</v>
      </c>
      <c r="CN34" s="193">
        <v>0</v>
      </c>
      <c r="CO34" s="195">
        <v>0</v>
      </c>
      <c r="CP34" s="196">
        <v>0</v>
      </c>
      <c r="CQ34" s="196">
        <v>3</v>
      </c>
      <c r="CR34" s="196">
        <v>1</v>
      </c>
      <c r="CS34" s="196">
        <v>5</v>
      </c>
      <c r="CT34" s="196">
        <v>2</v>
      </c>
      <c r="CU34" s="193">
        <v>11</v>
      </c>
      <c r="CV34" s="198">
        <v>11</v>
      </c>
      <c r="CW34" s="192">
        <v>0</v>
      </c>
      <c r="CX34" s="196">
        <v>0</v>
      </c>
      <c r="CY34" s="193">
        <v>0</v>
      </c>
      <c r="CZ34" s="195">
        <v>0</v>
      </c>
      <c r="DA34" s="196">
        <v>0</v>
      </c>
      <c r="DB34" s="196">
        <v>0</v>
      </c>
      <c r="DC34" s="196">
        <v>0</v>
      </c>
      <c r="DD34" s="196">
        <v>0</v>
      </c>
      <c r="DE34" s="196">
        <v>0</v>
      </c>
      <c r="DF34" s="193">
        <v>0</v>
      </c>
      <c r="DG34" s="198">
        <v>0</v>
      </c>
      <c r="DH34" s="192">
        <v>0</v>
      </c>
      <c r="DI34" s="196">
        <v>0</v>
      </c>
      <c r="DJ34" s="193">
        <v>0</v>
      </c>
      <c r="DK34" s="195">
        <v>0</v>
      </c>
      <c r="DL34" s="196">
        <v>0</v>
      </c>
      <c r="DM34" s="196">
        <v>0</v>
      </c>
      <c r="DN34" s="196">
        <v>0</v>
      </c>
      <c r="DO34" s="196">
        <v>0</v>
      </c>
      <c r="DP34" s="196">
        <v>0</v>
      </c>
      <c r="DQ34" s="193">
        <v>0</v>
      </c>
      <c r="DR34" s="198">
        <v>0</v>
      </c>
      <c r="DS34" s="192">
        <v>23</v>
      </c>
      <c r="DT34" s="196">
        <v>44</v>
      </c>
      <c r="DU34" s="193">
        <v>67</v>
      </c>
      <c r="DV34" s="195">
        <v>0</v>
      </c>
      <c r="DW34" s="196">
        <v>74</v>
      </c>
      <c r="DX34" s="196">
        <v>68</v>
      </c>
      <c r="DY34" s="196">
        <v>38</v>
      </c>
      <c r="DZ34" s="196">
        <v>33</v>
      </c>
      <c r="EA34" s="196">
        <v>17</v>
      </c>
      <c r="EB34" s="193">
        <v>230</v>
      </c>
      <c r="EC34" s="198">
        <v>297</v>
      </c>
      <c r="ED34" s="192">
        <v>3</v>
      </c>
      <c r="EE34" s="196">
        <v>1</v>
      </c>
      <c r="EF34" s="193">
        <v>4</v>
      </c>
      <c r="EG34" s="195">
        <v>0</v>
      </c>
      <c r="EH34" s="196">
        <v>4</v>
      </c>
      <c r="EI34" s="196">
        <v>5</v>
      </c>
      <c r="EJ34" s="196">
        <v>5</v>
      </c>
      <c r="EK34" s="196">
        <v>7</v>
      </c>
      <c r="EL34" s="196">
        <v>3</v>
      </c>
      <c r="EM34" s="193">
        <v>24</v>
      </c>
      <c r="EN34" s="198">
        <v>28</v>
      </c>
      <c r="EO34" s="192">
        <v>26</v>
      </c>
      <c r="EP34" s="196">
        <v>47</v>
      </c>
      <c r="EQ34" s="193">
        <v>73</v>
      </c>
      <c r="ER34" s="195">
        <v>0</v>
      </c>
      <c r="ES34" s="196">
        <v>148</v>
      </c>
      <c r="ET34" s="196">
        <v>111</v>
      </c>
      <c r="EU34" s="196">
        <v>43</v>
      </c>
      <c r="EV34" s="196">
        <v>33</v>
      </c>
      <c r="EW34" s="196">
        <v>18</v>
      </c>
      <c r="EX34" s="193">
        <v>353</v>
      </c>
      <c r="EY34" s="198">
        <v>426</v>
      </c>
    </row>
    <row r="35" spans="1:155" ht="19.5" customHeight="1" x14ac:dyDescent="0.2">
      <c r="A35" s="177" t="s">
        <v>33</v>
      </c>
      <c r="B35" s="192">
        <v>0</v>
      </c>
      <c r="C35" s="196">
        <v>0</v>
      </c>
      <c r="D35" s="458">
        <v>0</v>
      </c>
      <c r="E35" s="195">
        <v>0</v>
      </c>
      <c r="F35" s="196">
        <v>29</v>
      </c>
      <c r="G35" s="196">
        <v>16</v>
      </c>
      <c r="H35" s="196">
        <v>10</v>
      </c>
      <c r="I35" s="196">
        <v>8</v>
      </c>
      <c r="J35" s="196">
        <v>9</v>
      </c>
      <c r="K35" s="197">
        <v>72</v>
      </c>
      <c r="L35" s="198">
        <v>72</v>
      </c>
      <c r="M35" s="192">
        <v>0</v>
      </c>
      <c r="N35" s="196">
        <v>0</v>
      </c>
      <c r="O35" s="193">
        <v>0</v>
      </c>
      <c r="P35" s="195">
        <v>0</v>
      </c>
      <c r="Q35" s="196">
        <v>0</v>
      </c>
      <c r="R35" s="196">
        <v>1</v>
      </c>
      <c r="S35" s="196">
        <v>2</v>
      </c>
      <c r="T35" s="196">
        <v>2</v>
      </c>
      <c r="U35" s="196">
        <v>3</v>
      </c>
      <c r="V35" s="193">
        <v>8</v>
      </c>
      <c r="W35" s="198">
        <v>8</v>
      </c>
      <c r="X35" s="192">
        <v>1</v>
      </c>
      <c r="Y35" s="196">
        <v>1</v>
      </c>
      <c r="Z35" s="193">
        <v>2</v>
      </c>
      <c r="AA35" s="195">
        <v>0</v>
      </c>
      <c r="AB35" s="196">
        <v>13</v>
      </c>
      <c r="AC35" s="196">
        <v>9</v>
      </c>
      <c r="AD35" s="196">
        <v>6</v>
      </c>
      <c r="AE35" s="196">
        <v>9</v>
      </c>
      <c r="AF35" s="196">
        <v>8</v>
      </c>
      <c r="AG35" s="193">
        <v>45</v>
      </c>
      <c r="AH35" s="198">
        <v>47</v>
      </c>
      <c r="AI35" s="192">
        <v>7</v>
      </c>
      <c r="AJ35" s="196">
        <v>24</v>
      </c>
      <c r="AK35" s="193">
        <v>31</v>
      </c>
      <c r="AL35" s="195">
        <v>0</v>
      </c>
      <c r="AM35" s="196">
        <v>23</v>
      </c>
      <c r="AN35" s="196">
        <v>11</v>
      </c>
      <c r="AO35" s="196">
        <v>5</v>
      </c>
      <c r="AP35" s="196">
        <v>5</v>
      </c>
      <c r="AQ35" s="196">
        <v>2</v>
      </c>
      <c r="AR35" s="193">
        <v>46</v>
      </c>
      <c r="AS35" s="198">
        <v>77</v>
      </c>
      <c r="AT35" s="192">
        <v>6</v>
      </c>
      <c r="AU35" s="196">
        <v>6</v>
      </c>
      <c r="AV35" s="193">
        <v>12</v>
      </c>
      <c r="AW35" s="195">
        <v>0</v>
      </c>
      <c r="AX35" s="196">
        <v>21</v>
      </c>
      <c r="AY35" s="196">
        <v>26</v>
      </c>
      <c r="AZ35" s="196">
        <v>23</v>
      </c>
      <c r="BA35" s="196">
        <v>10</v>
      </c>
      <c r="BB35" s="196">
        <v>8</v>
      </c>
      <c r="BC35" s="197">
        <v>88</v>
      </c>
      <c r="BD35" s="198">
        <v>100</v>
      </c>
      <c r="BE35" s="192">
        <v>0</v>
      </c>
      <c r="BF35" s="196">
        <v>0</v>
      </c>
      <c r="BG35" s="193">
        <v>0</v>
      </c>
      <c r="BH35" s="195">
        <v>0</v>
      </c>
      <c r="BI35" s="196">
        <v>13</v>
      </c>
      <c r="BJ35" s="196">
        <v>4</v>
      </c>
      <c r="BK35" s="196">
        <v>4</v>
      </c>
      <c r="BL35" s="196">
        <v>6</v>
      </c>
      <c r="BM35" s="196">
        <v>2</v>
      </c>
      <c r="BN35" s="193">
        <v>29</v>
      </c>
      <c r="BO35" s="198">
        <v>29</v>
      </c>
      <c r="BP35" s="192">
        <v>9</v>
      </c>
      <c r="BQ35" s="196">
        <v>10</v>
      </c>
      <c r="BR35" s="193">
        <v>19</v>
      </c>
      <c r="BS35" s="195">
        <v>0</v>
      </c>
      <c r="BT35" s="196">
        <v>24</v>
      </c>
      <c r="BU35" s="196">
        <v>24</v>
      </c>
      <c r="BV35" s="196">
        <v>7</v>
      </c>
      <c r="BW35" s="196">
        <v>1</v>
      </c>
      <c r="BX35" s="196">
        <v>2</v>
      </c>
      <c r="BY35" s="193">
        <v>58</v>
      </c>
      <c r="BZ35" s="198">
        <v>77</v>
      </c>
      <c r="CA35" s="192">
        <v>1</v>
      </c>
      <c r="CB35" s="196">
        <v>0</v>
      </c>
      <c r="CC35" s="193">
        <v>1</v>
      </c>
      <c r="CD35" s="195">
        <v>0</v>
      </c>
      <c r="CE35" s="196">
        <v>1</v>
      </c>
      <c r="CF35" s="196">
        <v>2</v>
      </c>
      <c r="CG35" s="196">
        <v>3</v>
      </c>
      <c r="CH35" s="196">
        <v>4</v>
      </c>
      <c r="CI35" s="196">
        <v>1</v>
      </c>
      <c r="CJ35" s="193">
        <v>11</v>
      </c>
      <c r="CK35" s="198">
        <v>12</v>
      </c>
      <c r="CL35" s="192">
        <v>0</v>
      </c>
      <c r="CM35" s="196">
        <v>0</v>
      </c>
      <c r="CN35" s="193">
        <v>0</v>
      </c>
      <c r="CO35" s="195">
        <v>0</v>
      </c>
      <c r="CP35" s="196">
        <v>3</v>
      </c>
      <c r="CQ35" s="196">
        <v>2</v>
      </c>
      <c r="CR35" s="196">
        <v>2</v>
      </c>
      <c r="CS35" s="196">
        <v>0</v>
      </c>
      <c r="CT35" s="196">
        <v>0</v>
      </c>
      <c r="CU35" s="193">
        <v>7</v>
      </c>
      <c r="CV35" s="198">
        <v>7</v>
      </c>
      <c r="CW35" s="192">
        <v>0</v>
      </c>
      <c r="CX35" s="196">
        <v>0</v>
      </c>
      <c r="CY35" s="193">
        <v>0</v>
      </c>
      <c r="CZ35" s="195">
        <v>0</v>
      </c>
      <c r="DA35" s="196">
        <v>0</v>
      </c>
      <c r="DB35" s="196">
        <v>0</v>
      </c>
      <c r="DC35" s="196">
        <v>0</v>
      </c>
      <c r="DD35" s="196">
        <v>0</v>
      </c>
      <c r="DE35" s="196">
        <v>0</v>
      </c>
      <c r="DF35" s="193">
        <v>0</v>
      </c>
      <c r="DG35" s="198">
        <v>0</v>
      </c>
      <c r="DH35" s="192">
        <v>0</v>
      </c>
      <c r="DI35" s="196">
        <v>0</v>
      </c>
      <c r="DJ35" s="193">
        <v>0</v>
      </c>
      <c r="DK35" s="195">
        <v>0</v>
      </c>
      <c r="DL35" s="196">
        <v>1</v>
      </c>
      <c r="DM35" s="196">
        <v>0</v>
      </c>
      <c r="DN35" s="196">
        <v>0</v>
      </c>
      <c r="DO35" s="196">
        <v>0</v>
      </c>
      <c r="DP35" s="196">
        <v>0</v>
      </c>
      <c r="DQ35" s="193">
        <v>1</v>
      </c>
      <c r="DR35" s="198">
        <v>1</v>
      </c>
      <c r="DS35" s="192">
        <v>23</v>
      </c>
      <c r="DT35" s="196">
        <v>41</v>
      </c>
      <c r="DU35" s="193">
        <v>64</v>
      </c>
      <c r="DV35" s="195">
        <v>0</v>
      </c>
      <c r="DW35" s="196">
        <v>55</v>
      </c>
      <c r="DX35" s="196">
        <v>49</v>
      </c>
      <c r="DY35" s="196">
        <v>22</v>
      </c>
      <c r="DZ35" s="196">
        <v>20</v>
      </c>
      <c r="EA35" s="196">
        <v>14</v>
      </c>
      <c r="EB35" s="193">
        <v>160</v>
      </c>
      <c r="EC35" s="198">
        <v>224</v>
      </c>
      <c r="ED35" s="192">
        <v>4</v>
      </c>
      <c r="EE35" s="196">
        <v>5</v>
      </c>
      <c r="EF35" s="193">
        <v>9</v>
      </c>
      <c r="EG35" s="195">
        <v>0</v>
      </c>
      <c r="EH35" s="196">
        <v>10</v>
      </c>
      <c r="EI35" s="196">
        <v>17</v>
      </c>
      <c r="EJ35" s="196">
        <v>11</v>
      </c>
      <c r="EK35" s="196">
        <v>6</v>
      </c>
      <c r="EL35" s="196">
        <v>4</v>
      </c>
      <c r="EM35" s="193">
        <v>48</v>
      </c>
      <c r="EN35" s="198">
        <v>57</v>
      </c>
      <c r="EO35" s="192">
        <v>37</v>
      </c>
      <c r="EP35" s="196">
        <v>56</v>
      </c>
      <c r="EQ35" s="193">
        <v>93</v>
      </c>
      <c r="ER35" s="195">
        <v>0</v>
      </c>
      <c r="ES35" s="196">
        <v>107</v>
      </c>
      <c r="ET35" s="196">
        <v>66</v>
      </c>
      <c r="EU35" s="196">
        <v>27</v>
      </c>
      <c r="EV35" s="196">
        <v>18</v>
      </c>
      <c r="EW35" s="196">
        <v>15</v>
      </c>
      <c r="EX35" s="193">
        <v>233</v>
      </c>
      <c r="EY35" s="198">
        <v>326</v>
      </c>
    </row>
    <row r="36" spans="1:155" ht="19.5" customHeight="1" x14ac:dyDescent="0.2">
      <c r="A36" s="177" t="s">
        <v>34</v>
      </c>
      <c r="B36" s="192">
        <v>0</v>
      </c>
      <c r="C36" s="196">
        <v>0</v>
      </c>
      <c r="D36" s="458">
        <v>0</v>
      </c>
      <c r="E36" s="195">
        <v>0</v>
      </c>
      <c r="F36" s="196">
        <v>17</v>
      </c>
      <c r="G36" s="196">
        <v>9</v>
      </c>
      <c r="H36" s="196">
        <v>4</v>
      </c>
      <c r="I36" s="196">
        <v>7</v>
      </c>
      <c r="J36" s="196">
        <v>3</v>
      </c>
      <c r="K36" s="197">
        <v>40</v>
      </c>
      <c r="L36" s="198">
        <v>40</v>
      </c>
      <c r="M36" s="192">
        <v>0</v>
      </c>
      <c r="N36" s="196">
        <v>0</v>
      </c>
      <c r="O36" s="193">
        <v>0</v>
      </c>
      <c r="P36" s="195">
        <v>0</v>
      </c>
      <c r="Q36" s="196">
        <v>0</v>
      </c>
      <c r="R36" s="196">
        <v>0</v>
      </c>
      <c r="S36" s="196">
        <v>0</v>
      </c>
      <c r="T36" s="196">
        <v>1</v>
      </c>
      <c r="U36" s="196">
        <v>5</v>
      </c>
      <c r="V36" s="193">
        <v>6</v>
      </c>
      <c r="W36" s="198">
        <v>6</v>
      </c>
      <c r="X36" s="192">
        <v>2</v>
      </c>
      <c r="Y36" s="196">
        <v>2</v>
      </c>
      <c r="Z36" s="193">
        <v>4</v>
      </c>
      <c r="AA36" s="195">
        <v>0</v>
      </c>
      <c r="AB36" s="196">
        <v>7</v>
      </c>
      <c r="AC36" s="196">
        <v>11</v>
      </c>
      <c r="AD36" s="196">
        <v>3</v>
      </c>
      <c r="AE36" s="196">
        <v>0</v>
      </c>
      <c r="AF36" s="196">
        <v>4</v>
      </c>
      <c r="AG36" s="193">
        <v>25</v>
      </c>
      <c r="AH36" s="198">
        <v>29</v>
      </c>
      <c r="AI36" s="192">
        <v>0</v>
      </c>
      <c r="AJ36" s="196">
        <v>2</v>
      </c>
      <c r="AK36" s="193">
        <v>2</v>
      </c>
      <c r="AL36" s="195">
        <v>0</v>
      </c>
      <c r="AM36" s="196">
        <v>8</v>
      </c>
      <c r="AN36" s="196">
        <v>5</v>
      </c>
      <c r="AO36" s="196">
        <v>1</v>
      </c>
      <c r="AP36" s="196">
        <v>1</v>
      </c>
      <c r="AQ36" s="196">
        <v>2</v>
      </c>
      <c r="AR36" s="193">
        <v>17</v>
      </c>
      <c r="AS36" s="198">
        <v>19</v>
      </c>
      <c r="AT36" s="192">
        <v>4</v>
      </c>
      <c r="AU36" s="196">
        <v>5</v>
      </c>
      <c r="AV36" s="193">
        <v>9</v>
      </c>
      <c r="AW36" s="195">
        <v>0</v>
      </c>
      <c r="AX36" s="196">
        <v>26</v>
      </c>
      <c r="AY36" s="196">
        <v>23</v>
      </c>
      <c r="AZ36" s="196">
        <v>20</v>
      </c>
      <c r="BA36" s="196">
        <v>13</v>
      </c>
      <c r="BB36" s="196">
        <v>14</v>
      </c>
      <c r="BC36" s="197">
        <v>96</v>
      </c>
      <c r="BD36" s="198">
        <v>105</v>
      </c>
      <c r="BE36" s="192">
        <v>0</v>
      </c>
      <c r="BF36" s="196">
        <v>0</v>
      </c>
      <c r="BG36" s="193">
        <v>0</v>
      </c>
      <c r="BH36" s="195">
        <v>0</v>
      </c>
      <c r="BI36" s="196">
        <v>30</v>
      </c>
      <c r="BJ36" s="196">
        <v>16</v>
      </c>
      <c r="BK36" s="196">
        <v>12</v>
      </c>
      <c r="BL36" s="196">
        <v>9</v>
      </c>
      <c r="BM36" s="196">
        <v>3</v>
      </c>
      <c r="BN36" s="193">
        <v>70</v>
      </c>
      <c r="BO36" s="198">
        <v>70</v>
      </c>
      <c r="BP36" s="192">
        <v>2</v>
      </c>
      <c r="BQ36" s="196">
        <v>8</v>
      </c>
      <c r="BR36" s="193">
        <v>10</v>
      </c>
      <c r="BS36" s="195">
        <v>0</v>
      </c>
      <c r="BT36" s="196">
        <v>11</v>
      </c>
      <c r="BU36" s="196">
        <v>6</v>
      </c>
      <c r="BV36" s="196">
        <v>3</v>
      </c>
      <c r="BW36" s="196">
        <v>3</v>
      </c>
      <c r="BX36" s="196">
        <v>1</v>
      </c>
      <c r="BY36" s="193">
        <v>24</v>
      </c>
      <c r="BZ36" s="198">
        <v>34</v>
      </c>
      <c r="CA36" s="192">
        <v>0</v>
      </c>
      <c r="CB36" s="196">
        <v>0</v>
      </c>
      <c r="CC36" s="193">
        <v>0</v>
      </c>
      <c r="CD36" s="195">
        <v>0</v>
      </c>
      <c r="CE36" s="196">
        <v>5</v>
      </c>
      <c r="CF36" s="196">
        <v>0</v>
      </c>
      <c r="CG36" s="196">
        <v>2</v>
      </c>
      <c r="CH36" s="196">
        <v>2</v>
      </c>
      <c r="CI36" s="196">
        <v>0</v>
      </c>
      <c r="CJ36" s="193">
        <v>9</v>
      </c>
      <c r="CK36" s="198">
        <v>9</v>
      </c>
      <c r="CL36" s="192">
        <v>0</v>
      </c>
      <c r="CM36" s="196">
        <v>0</v>
      </c>
      <c r="CN36" s="193">
        <v>0</v>
      </c>
      <c r="CO36" s="195">
        <v>0</v>
      </c>
      <c r="CP36" s="196">
        <v>0</v>
      </c>
      <c r="CQ36" s="196">
        <v>0</v>
      </c>
      <c r="CR36" s="196">
        <v>0</v>
      </c>
      <c r="CS36" s="196">
        <v>0</v>
      </c>
      <c r="CT36" s="196">
        <v>0</v>
      </c>
      <c r="CU36" s="193">
        <v>0</v>
      </c>
      <c r="CV36" s="198">
        <v>0</v>
      </c>
      <c r="CW36" s="192">
        <v>0</v>
      </c>
      <c r="CX36" s="196">
        <v>0</v>
      </c>
      <c r="CY36" s="193">
        <v>0</v>
      </c>
      <c r="CZ36" s="195">
        <v>0</v>
      </c>
      <c r="DA36" s="196">
        <v>0</v>
      </c>
      <c r="DB36" s="196">
        <v>0</v>
      </c>
      <c r="DC36" s="196">
        <v>0</v>
      </c>
      <c r="DD36" s="196">
        <v>0</v>
      </c>
      <c r="DE36" s="196">
        <v>0</v>
      </c>
      <c r="DF36" s="193">
        <v>0</v>
      </c>
      <c r="DG36" s="198">
        <v>0</v>
      </c>
      <c r="DH36" s="192">
        <v>0</v>
      </c>
      <c r="DI36" s="196">
        <v>0</v>
      </c>
      <c r="DJ36" s="193">
        <v>0</v>
      </c>
      <c r="DK36" s="195">
        <v>0</v>
      </c>
      <c r="DL36" s="196">
        <v>0</v>
      </c>
      <c r="DM36" s="196">
        <v>0</v>
      </c>
      <c r="DN36" s="196">
        <v>0</v>
      </c>
      <c r="DO36" s="196">
        <v>0</v>
      </c>
      <c r="DP36" s="196">
        <v>0</v>
      </c>
      <c r="DQ36" s="193">
        <v>0</v>
      </c>
      <c r="DR36" s="198">
        <v>0</v>
      </c>
      <c r="DS36" s="192">
        <v>15</v>
      </c>
      <c r="DT36" s="196">
        <v>20</v>
      </c>
      <c r="DU36" s="193">
        <v>35</v>
      </c>
      <c r="DV36" s="195">
        <v>0</v>
      </c>
      <c r="DW36" s="196">
        <v>56</v>
      </c>
      <c r="DX36" s="196">
        <v>42</v>
      </c>
      <c r="DY36" s="196">
        <v>19</v>
      </c>
      <c r="DZ36" s="196">
        <v>23</v>
      </c>
      <c r="EA36" s="196">
        <v>12</v>
      </c>
      <c r="EB36" s="193">
        <v>152</v>
      </c>
      <c r="EC36" s="198">
        <v>187</v>
      </c>
      <c r="ED36" s="192">
        <v>4</v>
      </c>
      <c r="EE36" s="196">
        <v>1</v>
      </c>
      <c r="EF36" s="193">
        <v>5</v>
      </c>
      <c r="EG36" s="195">
        <v>0</v>
      </c>
      <c r="EH36" s="196">
        <v>7</v>
      </c>
      <c r="EI36" s="196">
        <v>7</v>
      </c>
      <c r="EJ36" s="196">
        <v>5</v>
      </c>
      <c r="EK36" s="196">
        <v>4</v>
      </c>
      <c r="EL36" s="196">
        <v>1</v>
      </c>
      <c r="EM36" s="193">
        <v>24</v>
      </c>
      <c r="EN36" s="198">
        <v>29</v>
      </c>
      <c r="EO36" s="192">
        <v>17</v>
      </c>
      <c r="EP36" s="196">
        <v>31</v>
      </c>
      <c r="EQ36" s="193">
        <v>48</v>
      </c>
      <c r="ER36" s="195">
        <v>0</v>
      </c>
      <c r="ES36" s="196">
        <v>84</v>
      </c>
      <c r="ET36" s="196">
        <v>45</v>
      </c>
      <c r="EU36" s="196">
        <v>26</v>
      </c>
      <c r="EV36" s="196">
        <v>19</v>
      </c>
      <c r="EW36" s="196">
        <v>11</v>
      </c>
      <c r="EX36" s="193">
        <v>185</v>
      </c>
      <c r="EY36" s="198">
        <v>233</v>
      </c>
    </row>
    <row r="37" spans="1:155" ht="19.5" customHeight="1" x14ac:dyDescent="0.2">
      <c r="A37" s="177" t="s">
        <v>35</v>
      </c>
      <c r="B37" s="192">
        <v>0</v>
      </c>
      <c r="C37" s="196">
        <v>0</v>
      </c>
      <c r="D37" s="458">
        <v>0</v>
      </c>
      <c r="E37" s="195">
        <v>0</v>
      </c>
      <c r="F37" s="196">
        <v>99</v>
      </c>
      <c r="G37" s="196">
        <v>66</v>
      </c>
      <c r="H37" s="196">
        <v>31</v>
      </c>
      <c r="I37" s="196">
        <v>24</v>
      </c>
      <c r="J37" s="196">
        <v>20</v>
      </c>
      <c r="K37" s="197">
        <v>240</v>
      </c>
      <c r="L37" s="198">
        <v>240</v>
      </c>
      <c r="M37" s="192">
        <v>0</v>
      </c>
      <c r="N37" s="196">
        <v>0</v>
      </c>
      <c r="O37" s="193">
        <v>0</v>
      </c>
      <c r="P37" s="195">
        <v>0</v>
      </c>
      <c r="Q37" s="196">
        <v>0</v>
      </c>
      <c r="R37" s="196">
        <v>3</v>
      </c>
      <c r="S37" s="196">
        <v>4</v>
      </c>
      <c r="T37" s="196">
        <v>8</v>
      </c>
      <c r="U37" s="196">
        <v>9</v>
      </c>
      <c r="V37" s="193">
        <v>24</v>
      </c>
      <c r="W37" s="198">
        <v>24</v>
      </c>
      <c r="X37" s="192">
        <v>2</v>
      </c>
      <c r="Y37" s="196">
        <v>6</v>
      </c>
      <c r="Z37" s="193">
        <v>8</v>
      </c>
      <c r="AA37" s="195">
        <v>0</v>
      </c>
      <c r="AB37" s="196">
        <v>36</v>
      </c>
      <c r="AC37" s="196">
        <v>34</v>
      </c>
      <c r="AD37" s="196">
        <v>15</v>
      </c>
      <c r="AE37" s="196">
        <v>20</v>
      </c>
      <c r="AF37" s="196">
        <v>6</v>
      </c>
      <c r="AG37" s="193">
        <v>111</v>
      </c>
      <c r="AH37" s="198">
        <v>119</v>
      </c>
      <c r="AI37" s="192">
        <v>2</v>
      </c>
      <c r="AJ37" s="196">
        <v>5</v>
      </c>
      <c r="AK37" s="193">
        <v>7</v>
      </c>
      <c r="AL37" s="195">
        <v>0</v>
      </c>
      <c r="AM37" s="196">
        <v>17</v>
      </c>
      <c r="AN37" s="196">
        <v>14</v>
      </c>
      <c r="AO37" s="196">
        <v>6</v>
      </c>
      <c r="AP37" s="196">
        <v>7</v>
      </c>
      <c r="AQ37" s="196">
        <v>3</v>
      </c>
      <c r="AR37" s="193">
        <v>47</v>
      </c>
      <c r="AS37" s="198">
        <v>54</v>
      </c>
      <c r="AT37" s="192">
        <v>21</v>
      </c>
      <c r="AU37" s="196">
        <v>27</v>
      </c>
      <c r="AV37" s="193">
        <v>48</v>
      </c>
      <c r="AW37" s="195">
        <v>0</v>
      </c>
      <c r="AX37" s="196">
        <v>83</v>
      </c>
      <c r="AY37" s="196">
        <v>87</v>
      </c>
      <c r="AZ37" s="196">
        <v>77</v>
      </c>
      <c r="BA37" s="196">
        <v>76</v>
      </c>
      <c r="BB37" s="196">
        <v>32</v>
      </c>
      <c r="BC37" s="197">
        <v>355</v>
      </c>
      <c r="BD37" s="198">
        <v>403</v>
      </c>
      <c r="BE37" s="192">
        <v>0</v>
      </c>
      <c r="BF37" s="196">
        <v>0</v>
      </c>
      <c r="BG37" s="193">
        <v>0</v>
      </c>
      <c r="BH37" s="195">
        <v>0</v>
      </c>
      <c r="BI37" s="196">
        <v>144</v>
      </c>
      <c r="BJ37" s="196">
        <v>85</v>
      </c>
      <c r="BK37" s="196">
        <v>49</v>
      </c>
      <c r="BL37" s="196">
        <v>25</v>
      </c>
      <c r="BM37" s="196">
        <v>13</v>
      </c>
      <c r="BN37" s="193">
        <v>316</v>
      </c>
      <c r="BO37" s="198">
        <v>316</v>
      </c>
      <c r="BP37" s="192">
        <v>12</v>
      </c>
      <c r="BQ37" s="196">
        <v>30</v>
      </c>
      <c r="BR37" s="193">
        <v>42</v>
      </c>
      <c r="BS37" s="195">
        <v>0</v>
      </c>
      <c r="BT37" s="196">
        <v>62</v>
      </c>
      <c r="BU37" s="196">
        <v>33</v>
      </c>
      <c r="BV37" s="196">
        <v>20</v>
      </c>
      <c r="BW37" s="196">
        <v>13</v>
      </c>
      <c r="BX37" s="196">
        <v>1</v>
      </c>
      <c r="BY37" s="193">
        <v>129</v>
      </c>
      <c r="BZ37" s="198">
        <v>171</v>
      </c>
      <c r="CA37" s="192">
        <v>0</v>
      </c>
      <c r="CB37" s="196">
        <v>0</v>
      </c>
      <c r="CC37" s="193">
        <v>0</v>
      </c>
      <c r="CD37" s="195">
        <v>0</v>
      </c>
      <c r="CE37" s="196">
        <v>7</v>
      </c>
      <c r="CF37" s="196">
        <v>14</v>
      </c>
      <c r="CG37" s="196">
        <v>11</v>
      </c>
      <c r="CH37" s="196">
        <v>8</v>
      </c>
      <c r="CI37" s="196">
        <v>3</v>
      </c>
      <c r="CJ37" s="193">
        <v>43</v>
      </c>
      <c r="CK37" s="198">
        <v>43</v>
      </c>
      <c r="CL37" s="192">
        <v>0</v>
      </c>
      <c r="CM37" s="196">
        <v>0</v>
      </c>
      <c r="CN37" s="193">
        <v>0</v>
      </c>
      <c r="CO37" s="195">
        <v>0</v>
      </c>
      <c r="CP37" s="196">
        <v>4</v>
      </c>
      <c r="CQ37" s="196">
        <v>1</v>
      </c>
      <c r="CR37" s="196">
        <v>1</v>
      </c>
      <c r="CS37" s="196">
        <v>3</v>
      </c>
      <c r="CT37" s="196">
        <v>0</v>
      </c>
      <c r="CU37" s="193">
        <v>9</v>
      </c>
      <c r="CV37" s="198">
        <v>9</v>
      </c>
      <c r="CW37" s="192">
        <v>0</v>
      </c>
      <c r="CX37" s="196">
        <v>0</v>
      </c>
      <c r="CY37" s="193">
        <v>0</v>
      </c>
      <c r="CZ37" s="195">
        <v>0</v>
      </c>
      <c r="DA37" s="196">
        <v>0</v>
      </c>
      <c r="DB37" s="196">
        <v>0</v>
      </c>
      <c r="DC37" s="196">
        <v>0</v>
      </c>
      <c r="DD37" s="196">
        <v>0</v>
      </c>
      <c r="DE37" s="196">
        <v>0</v>
      </c>
      <c r="DF37" s="193">
        <v>0</v>
      </c>
      <c r="DG37" s="198">
        <v>0</v>
      </c>
      <c r="DH37" s="192">
        <v>0</v>
      </c>
      <c r="DI37" s="196">
        <v>0</v>
      </c>
      <c r="DJ37" s="193">
        <v>0</v>
      </c>
      <c r="DK37" s="195">
        <v>0</v>
      </c>
      <c r="DL37" s="196">
        <v>0</v>
      </c>
      <c r="DM37" s="196">
        <v>0</v>
      </c>
      <c r="DN37" s="196">
        <v>0</v>
      </c>
      <c r="DO37" s="196">
        <v>0</v>
      </c>
      <c r="DP37" s="196">
        <v>0</v>
      </c>
      <c r="DQ37" s="193">
        <v>0</v>
      </c>
      <c r="DR37" s="198">
        <v>0</v>
      </c>
      <c r="DS37" s="192">
        <v>27</v>
      </c>
      <c r="DT37" s="196">
        <v>76</v>
      </c>
      <c r="DU37" s="193">
        <v>103</v>
      </c>
      <c r="DV37" s="195">
        <v>0</v>
      </c>
      <c r="DW37" s="196">
        <v>155</v>
      </c>
      <c r="DX37" s="196">
        <v>146</v>
      </c>
      <c r="DY37" s="196">
        <v>76</v>
      </c>
      <c r="DZ37" s="196">
        <v>61</v>
      </c>
      <c r="EA37" s="196">
        <v>27</v>
      </c>
      <c r="EB37" s="193">
        <v>465</v>
      </c>
      <c r="EC37" s="198">
        <v>568</v>
      </c>
      <c r="ED37" s="192">
        <v>19</v>
      </c>
      <c r="EE37" s="196">
        <v>18</v>
      </c>
      <c r="EF37" s="193">
        <v>37</v>
      </c>
      <c r="EG37" s="195">
        <v>0</v>
      </c>
      <c r="EH37" s="196">
        <v>37</v>
      </c>
      <c r="EI37" s="196">
        <v>28</v>
      </c>
      <c r="EJ37" s="196">
        <v>24</v>
      </c>
      <c r="EK37" s="196">
        <v>28</v>
      </c>
      <c r="EL37" s="196">
        <v>10</v>
      </c>
      <c r="EM37" s="193">
        <v>127</v>
      </c>
      <c r="EN37" s="198">
        <v>164</v>
      </c>
      <c r="EO37" s="192">
        <v>40</v>
      </c>
      <c r="EP37" s="196">
        <v>99</v>
      </c>
      <c r="EQ37" s="193">
        <v>139</v>
      </c>
      <c r="ER37" s="195">
        <v>0</v>
      </c>
      <c r="ES37" s="196">
        <v>298</v>
      </c>
      <c r="ET37" s="196">
        <v>195</v>
      </c>
      <c r="EU37" s="196">
        <v>93</v>
      </c>
      <c r="EV37" s="196">
        <v>73</v>
      </c>
      <c r="EW37" s="196">
        <v>30</v>
      </c>
      <c r="EX37" s="193">
        <v>689</v>
      </c>
      <c r="EY37" s="198">
        <v>828</v>
      </c>
    </row>
    <row r="38" spans="1:155" ht="19.5" customHeight="1" x14ac:dyDescent="0.2">
      <c r="A38" s="177" t="s">
        <v>36</v>
      </c>
      <c r="B38" s="192">
        <v>0</v>
      </c>
      <c r="C38" s="196">
        <v>0</v>
      </c>
      <c r="D38" s="458">
        <v>0</v>
      </c>
      <c r="E38" s="195">
        <v>0</v>
      </c>
      <c r="F38" s="196">
        <v>61</v>
      </c>
      <c r="G38" s="196">
        <v>66</v>
      </c>
      <c r="H38" s="196">
        <v>39</v>
      </c>
      <c r="I38" s="196">
        <v>37</v>
      </c>
      <c r="J38" s="196">
        <v>26</v>
      </c>
      <c r="K38" s="197">
        <v>229</v>
      </c>
      <c r="L38" s="198">
        <v>229</v>
      </c>
      <c r="M38" s="192">
        <v>0</v>
      </c>
      <c r="N38" s="196">
        <v>0</v>
      </c>
      <c r="O38" s="193">
        <v>0</v>
      </c>
      <c r="P38" s="195">
        <v>0</v>
      </c>
      <c r="Q38" s="196">
        <v>4</v>
      </c>
      <c r="R38" s="196">
        <v>5</v>
      </c>
      <c r="S38" s="196">
        <v>5</v>
      </c>
      <c r="T38" s="196">
        <v>11</v>
      </c>
      <c r="U38" s="196">
        <v>14</v>
      </c>
      <c r="V38" s="193">
        <v>39</v>
      </c>
      <c r="W38" s="198">
        <v>39</v>
      </c>
      <c r="X38" s="192">
        <v>17</v>
      </c>
      <c r="Y38" s="196">
        <v>21</v>
      </c>
      <c r="Z38" s="193">
        <v>38</v>
      </c>
      <c r="AA38" s="195">
        <v>0</v>
      </c>
      <c r="AB38" s="196">
        <v>48</v>
      </c>
      <c r="AC38" s="196">
        <v>55</v>
      </c>
      <c r="AD38" s="196">
        <v>37</v>
      </c>
      <c r="AE38" s="196">
        <v>31</v>
      </c>
      <c r="AF38" s="196">
        <v>30</v>
      </c>
      <c r="AG38" s="193">
        <v>201</v>
      </c>
      <c r="AH38" s="198">
        <v>239</v>
      </c>
      <c r="AI38" s="192">
        <v>2</v>
      </c>
      <c r="AJ38" s="196">
        <v>0</v>
      </c>
      <c r="AK38" s="193">
        <v>2</v>
      </c>
      <c r="AL38" s="195">
        <v>0</v>
      </c>
      <c r="AM38" s="196">
        <v>0</v>
      </c>
      <c r="AN38" s="196">
        <v>1</v>
      </c>
      <c r="AO38" s="196">
        <v>1</v>
      </c>
      <c r="AP38" s="196">
        <v>3</v>
      </c>
      <c r="AQ38" s="196">
        <v>1</v>
      </c>
      <c r="AR38" s="193">
        <v>6</v>
      </c>
      <c r="AS38" s="198">
        <v>8</v>
      </c>
      <c r="AT38" s="192">
        <v>5</v>
      </c>
      <c r="AU38" s="196">
        <v>3</v>
      </c>
      <c r="AV38" s="193">
        <v>8</v>
      </c>
      <c r="AW38" s="195">
        <v>0</v>
      </c>
      <c r="AX38" s="196">
        <v>30</v>
      </c>
      <c r="AY38" s="196">
        <v>52</v>
      </c>
      <c r="AZ38" s="196">
        <v>71</v>
      </c>
      <c r="BA38" s="196">
        <v>51</v>
      </c>
      <c r="BB38" s="196">
        <v>41</v>
      </c>
      <c r="BC38" s="197">
        <v>245</v>
      </c>
      <c r="BD38" s="198">
        <v>253</v>
      </c>
      <c r="BE38" s="192">
        <v>0</v>
      </c>
      <c r="BF38" s="196">
        <v>0</v>
      </c>
      <c r="BG38" s="193">
        <v>0</v>
      </c>
      <c r="BH38" s="195">
        <v>0</v>
      </c>
      <c r="BI38" s="196">
        <v>95</v>
      </c>
      <c r="BJ38" s="196">
        <v>88</v>
      </c>
      <c r="BK38" s="196">
        <v>49</v>
      </c>
      <c r="BL38" s="196">
        <v>28</v>
      </c>
      <c r="BM38" s="196">
        <v>15</v>
      </c>
      <c r="BN38" s="193">
        <v>275</v>
      </c>
      <c r="BO38" s="198">
        <v>275</v>
      </c>
      <c r="BP38" s="192">
        <v>5</v>
      </c>
      <c r="BQ38" s="196">
        <v>13</v>
      </c>
      <c r="BR38" s="193">
        <v>18</v>
      </c>
      <c r="BS38" s="195">
        <v>0</v>
      </c>
      <c r="BT38" s="196">
        <v>23</v>
      </c>
      <c r="BU38" s="196">
        <v>29</v>
      </c>
      <c r="BV38" s="196">
        <v>16</v>
      </c>
      <c r="BW38" s="196">
        <v>6</v>
      </c>
      <c r="BX38" s="196">
        <v>1</v>
      </c>
      <c r="BY38" s="193">
        <v>75</v>
      </c>
      <c r="BZ38" s="198">
        <v>93</v>
      </c>
      <c r="CA38" s="192">
        <v>0</v>
      </c>
      <c r="CB38" s="196">
        <v>0</v>
      </c>
      <c r="CC38" s="193">
        <v>0</v>
      </c>
      <c r="CD38" s="195">
        <v>0</v>
      </c>
      <c r="CE38" s="196">
        <v>11</v>
      </c>
      <c r="CF38" s="196">
        <v>11</v>
      </c>
      <c r="CG38" s="196">
        <v>25</v>
      </c>
      <c r="CH38" s="196">
        <v>16</v>
      </c>
      <c r="CI38" s="196">
        <v>10</v>
      </c>
      <c r="CJ38" s="193">
        <v>73</v>
      </c>
      <c r="CK38" s="198">
        <v>73</v>
      </c>
      <c r="CL38" s="192">
        <v>0</v>
      </c>
      <c r="CM38" s="196">
        <v>0</v>
      </c>
      <c r="CN38" s="193">
        <v>0</v>
      </c>
      <c r="CO38" s="195">
        <v>0</v>
      </c>
      <c r="CP38" s="196">
        <v>0</v>
      </c>
      <c r="CQ38" s="196">
        <v>2</v>
      </c>
      <c r="CR38" s="196">
        <v>1</v>
      </c>
      <c r="CS38" s="196">
        <v>0</v>
      </c>
      <c r="CT38" s="196">
        <v>0</v>
      </c>
      <c r="CU38" s="193">
        <v>3</v>
      </c>
      <c r="CV38" s="198">
        <v>3</v>
      </c>
      <c r="CW38" s="192">
        <v>0</v>
      </c>
      <c r="CX38" s="196">
        <v>0</v>
      </c>
      <c r="CY38" s="193">
        <v>0</v>
      </c>
      <c r="CZ38" s="195">
        <v>0</v>
      </c>
      <c r="DA38" s="196">
        <v>0</v>
      </c>
      <c r="DB38" s="196">
        <v>0</v>
      </c>
      <c r="DC38" s="196">
        <v>0</v>
      </c>
      <c r="DD38" s="196">
        <v>0</v>
      </c>
      <c r="DE38" s="196">
        <v>0</v>
      </c>
      <c r="DF38" s="193">
        <v>0</v>
      </c>
      <c r="DG38" s="198">
        <v>0</v>
      </c>
      <c r="DH38" s="192">
        <v>0</v>
      </c>
      <c r="DI38" s="196">
        <v>0</v>
      </c>
      <c r="DJ38" s="193">
        <v>0</v>
      </c>
      <c r="DK38" s="195">
        <v>0</v>
      </c>
      <c r="DL38" s="196">
        <v>0</v>
      </c>
      <c r="DM38" s="196">
        <v>0</v>
      </c>
      <c r="DN38" s="196">
        <v>0</v>
      </c>
      <c r="DO38" s="196">
        <v>0</v>
      </c>
      <c r="DP38" s="196">
        <v>0</v>
      </c>
      <c r="DQ38" s="193">
        <v>0</v>
      </c>
      <c r="DR38" s="198">
        <v>0</v>
      </c>
      <c r="DS38" s="192">
        <v>36</v>
      </c>
      <c r="DT38" s="196">
        <v>86</v>
      </c>
      <c r="DU38" s="193">
        <v>122</v>
      </c>
      <c r="DV38" s="195">
        <v>0</v>
      </c>
      <c r="DW38" s="196">
        <v>147</v>
      </c>
      <c r="DX38" s="196">
        <v>166</v>
      </c>
      <c r="DY38" s="196">
        <v>101</v>
      </c>
      <c r="DZ38" s="196">
        <v>77</v>
      </c>
      <c r="EA38" s="196">
        <v>44</v>
      </c>
      <c r="EB38" s="193">
        <v>535</v>
      </c>
      <c r="EC38" s="198">
        <v>657</v>
      </c>
      <c r="ED38" s="192">
        <v>1</v>
      </c>
      <c r="EE38" s="196">
        <v>1</v>
      </c>
      <c r="EF38" s="193">
        <v>2</v>
      </c>
      <c r="EG38" s="195">
        <v>0</v>
      </c>
      <c r="EH38" s="196">
        <v>8</v>
      </c>
      <c r="EI38" s="196">
        <v>14</v>
      </c>
      <c r="EJ38" s="196">
        <v>14</v>
      </c>
      <c r="EK38" s="196">
        <v>7</v>
      </c>
      <c r="EL38" s="196">
        <v>6</v>
      </c>
      <c r="EM38" s="193">
        <v>49</v>
      </c>
      <c r="EN38" s="198">
        <v>51</v>
      </c>
      <c r="EO38" s="192">
        <v>51</v>
      </c>
      <c r="EP38" s="196">
        <v>108</v>
      </c>
      <c r="EQ38" s="193">
        <v>159</v>
      </c>
      <c r="ER38" s="195">
        <v>0</v>
      </c>
      <c r="ES38" s="196">
        <v>253</v>
      </c>
      <c r="ET38" s="196">
        <v>250</v>
      </c>
      <c r="EU38" s="196">
        <v>140</v>
      </c>
      <c r="EV38" s="196">
        <v>87</v>
      </c>
      <c r="EW38" s="196">
        <v>57</v>
      </c>
      <c r="EX38" s="193">
        <v>787</v>
      </c>
      <c r="EY38" s="198">
        <v>946</v>
      </c>
    </row>
    <row r="39" spans="1:155" ht="19.5" customHeight="1" thickBot="1" x14ac:dyDescent="0.25">
      <c r="A39" s="178" t="s">
        <v>37</v>
      </c>
      <c r="B39" s="199">
        <v>0</v>
      </c>
      <c r="C39" s="203">
        <v>0</v>
      </c>
      <c r="D39" s="459">
        <v>0</v>
      </c>
      <c r="E39" s="202">
        <v>0</v>
      </c>
      <c r="F39" s="203">
        <v>4</v>
      </c>
      <c r="G39" s="203">
        <v>7</v>
      </c>
      <c r="H39" s="203">
        <v>5</v>
      </c>
      <c r="I39" s="203">
        <v>1</v>
      </c>
      <c r="J39" s="203">
        <v>3</v>
      </c>
      <c r="K39" s="204">
        <v>20</v>
      </c>
      <c r="L39" s="205">
        <v>20</v>
      </c>
      <c r="M39" s="199">
        <v>0</v>
      </c>
      <c r="N39" s="203">
        <v>0</v>
      </c>
      <c r="O39" s="200">
        <v>0</v>
      </c>
      <c r="P39" s="202">
        <v>0</v>
      </c>
      <c r="Q39" s="203">
        <v>0</v>
      </c>
      <c r="R39" s="203">
        <v>0</v>
      </c>
      <c r="S39" s="203">
        <v>0</v>
      </c>
      <c r="T39" s="203">
        <v>1</v>
      </c>
      <c r="U39" s="203">
        <v>0</v>
      </c>
      <c r="V39" s="200">
        <v>1</v>
      </c>
      <c r="W39" s="205">
        <v>1</v>
      </c>
      <c r="X39" s="199">
        <v>0</v>
      </c>
      <c r="Y39" s="203">
        <v>3</v>
      </c>
      <c r="Z39" s="200">
        <v>3</v>
      </c>
      <c r="AA39" s="202">
        <v>0</v>
      </c>
      <c r="AB39" s="203">
        <v>4</v>
      </c>
      <c r="AC39" s="203">
        <v>7</v>
      </c>
      <c r="AD39" s="203">
        <v>4</v>
      </c>
      <c r="AE39" s="203">
        <v>3</v>
      </c>
      <c r="AF39" s="203">
        <v>2</v>
      </c>
      <c r="AG39" s="200">
        <v>20</v>
      </c>
      <c r="AH39" s="205">
        <v>23</v>
      </c>
      <c r="AI39" s="199">
        <v>0</v>
      </c>
      <c r="AJ39" s="203">
        <v>0</v>
      </c>
      <c r="AK39" s="200">
        <v>0</v>
      </c>
      <c r="AL39" s="202">
        <v>0</v>
      </c>
      <c r="AM39" s="203">
        <v>1</v>
      </c>
      <c r="AN39" s="203">
        <v>1</v>
      </c>
      <c r="AO39" s="203">
        <v>2</v>
      </c>
      <c r="AP39" s="203">
        <v>1</v>
      </c>
      <c r="AQ39" s="203">
        <v>0</v>
      </c>
      <c r="AR39" s="200">
        <v>5</v>
      </c>
      <c r="AS39" s="205">
        <v>5</v>
      </c>
      <c r="AT39" s="199">
        <v>0</v>
      </c>
      <c r="AU39" s="203">
        <v>0</v>
      </c>
      <c r="AV39" s="200">
        <v>0</v>
      </c>
      <c r="AW39" s="202">
        <v>0</v>
      </c>
      <c r="AX39" s="203">
        <v>3</v>
      </c>
      <c r="AY39" s="203">
        <v>2</v>
      </c>
      <c r="AZ39" s="203">
        <v>4</v>
      </c>
      <c r="BA39" s="203">
        <v>4</v>
      </c>
      <c r="BB39" s="203">
        <v>4</v>
      </c>
      <c r="BC39" s="204">
        <v>17</v>
      </c>
      <c r="BD39" s="205">
        <v>17</v>
      </c>
      <c r="BE39" s="199">
        <v>0</v>
      </c>
      <c r="BF39" s="203">
        <v>0</v>
      </c>
      <c r="BG39" s="200">
        <v>0</v>
      </c>
      <c r="BH39" s="202">
        <v>0</v>
      </c>
      <c r="BI39" s="203">
        <v>7</v>
      </c>
      <c r="BJ39" s="203">
        <v>3</v>
      </c>
      <c r="BK39" s="203">
        <v>5</v>
      </c>
      <c r="BL39" s="203">
        <v>2</v>
      </c>
      <c r="BM39" s="203">
        <v>2</v>
      </c>
      <c r="BN39" s="200">
        <v>19</v>
      </c>
      <c r="BO39" s="205">
        <v>19</v>
      </c>
      <c r="BP39" s="199">
        <v>0</v>
      </c>
      <c r="BQ39" s="203">
        <v>1</v>
      </c>
      <c r="BR39" s="200">
        <v>1</v>
      </c>
      <c r="BS39" s="202">
        <v>0</v>
      </c>
      <c r="BT39" s="203">
        <v>6</v>
      </c>
      <c r="BU39" s="203">
        <v>4</v>
      </c>
      <c r="BV39" s="203">
        <v>3</v>
      </c>
      <c r="BW39" s="203">
        <v>3</v>
      </c>
      <c r="BX39" s="203">
        <v>0</v>
      </c>
      <c r="BY39" s="200">
        <v>16</v>
      </c>
      <c r="BZ39" s="205">
        <v>17</v>
      </c>
      <c r="CA39" s="199">
        <v>0</v>
      </c>
      <c r="CB39" s="203">
        <v>0</v>
      </c>
      <c r="CC39" s="200">
        <v>0</v>
      </c>
      <c r="CD39" s="202">
        <v>0</v>
      </c>
      <c r="CE39" s="203">
        <v>1</v>
      </c>
      <c r="CF39" s="203">
        <v>1</v>
      </c>
      <c r="CG39" s="203">
        <v>6</v>
      </c>
      <c r="CH39" s="203">
        <v>0</v>
      </c>
      <c r="CI39" s="203">
        <v>1</v>
      </c>
      <c r="CJ39" s="200">
        <v>9</v>
      </c>
      <c r="CK39" s="205">
        <v>9</v>
      </c>
      <c r="CL39" s="199">
        <v>0</v>
      </c>
      <c r="CM39" s="203">
        <v>0</v>
      </c>
      <c r="CN39" s="200">
        <v>0</v>
      </c>
      <c r="CO39" s="202">
        <v>0</v>
      </c>
      <c r="CP39" s="203">
        <v>0</v>
      </c>
      <c r="CQ39" s="203">
        <v>0</v>
      </c>
      <c r="CR39" s="203">
        <v>1</v>
      </c>
      <c r="CS39" s="203">
        <v>2</v>
      </c>
      <c r="CT39" s="203">
        <v>0</v>
      </c>
      <c r="CU39" s="200">
        <v>3</v>
      </c>
      <c r="CV39" s="205">
        <v>3</v>
      </c>
      <c r="CW39" s="199">
        <v>0</v>
      </c>
      <c r="CX39" s="203">
        <v>0</v>
      </c>
      <c r="CY39" s="200">
        <v>0</v>
      </c>
      <c r="CZ39" s="202">
        <v>0</v>
      </c>
      <c r="DA39" s="203">
        <v>0</v>
      </c>
      <c r="DB39" s="203">
        <v>0</v>
      </c>
      <c r="DC39" s="203">
        <v>0</v>
      </c>
      <c r="DD39" s="203">
        <v>0</v>
      </c>
      <c r="DE39" s="203">
        <v>0</v>
      </c>
      <c r="DF39" s="200">
        <v>0</v>
      </c>
      <c r="DG39" s="205">
        <v>0</v>
      </c>
      <c r="DH39" s="199">
        <v>0</v>
      </c>
      <c r="DI39" s="203">
        <v>0</v>
      </c>
      <c r="DJ39" s="200">
        <v>0</v>
      </c>
      <c r="DK39" s="202">
        <v>0</v>
      </c>
      <c r="DL39" s="203">
        <v>0</v>
      </c>
      <c r="DM39" s="203">
        <v>0</v>
      </c>
      <c r="DN39" s="203">
        <v>0</v>
      </c>
      <c r="DO39" s="203">
        <v>0</v>
      </c>
      <c r="DP39" s="203">
        <v>0</v>
      </c>
      <c r="DQ39" s="200">
        <v>0</v>
      </c>
      <c r="DR39" s="205">
        <v>0</v>
      </c>
      <c r="DS39" s="199">
        <v>5</v>
      </c>
      <c r="DT39" s="203">
        <v>8</v>
      </c>
      <c r="DU39" s="200">
        <v>13</v>
      </c>
      <c r="DV39" s="202">
        <v>0</v>
      </c>
      <c r="DW39" s="203">
        <v>20</v>
      </c>
      <c r="DX39" s="203">
        <v>23</v>
      </c>
      <c r="DY39" s="203">
        <v>11</v>
      </c>
      <c r="DZ39" s="203">
        <v>8</v>
      </c>
      <c r="EA39" s="203">
        <v>4</v>
      </c>
      <c r="EB39" s="200">
        <v>66</v>
      </c>
      <c r="EC39" s="205">
        <v>79</v>
      </c>
      <c r="ED39" s="199">
        <v>0</v>
      </c>
      <c r="EE39" s="203">
        <v>0</v>
      </c>
      <c r="EF39" s="200">
        <v>0</v>
      </c>
      <c r="EG39" s="202">
        <v>0</v>
      </c>
      <c r="EH39" s="203">
        <v>0</v>
      </c>
      <c r="EI39" s="203">
        <v>0</v>
      </c>
      <c r="EJ39" s="203">
        <v>0</v>
      </c>
      <c r="EK39" s="203">
        <v>1</v>
      </c>
      <c r="EL39" s="203">
        <v>1</v>
      </c>
      <c r="EM39" s="200">
        <v>2</v>
      </c>
      <c r="EN39" s="205">
        <v>2</v>
      </c>
      <c r="EO39" s="199">
        <v>5</v>
      </c>
      <c r="EP39" s="203">
        <v>9</v>
      </c>
      <c r="EQ39" s="200">
        <v>14</v>
      </c>
      <c r="ER39" s="202">
        <v>0</v>
      </c>
      <c r="ES39" s="203">
        <v>30</v>
      </c>
      <c r="ET39" s="203">
        <v>27</v>
      </c>
      <c r="EU39" s="203">
        <v>14</v>
      </c>
      <c r="EV39" s="203">
        <v>8</v>
      </c>
      <c r="EW39" s="203">
        <v>4</v>
      </c>
      <c r="EX39" s="200">
        <v>83</v>
      </c>
      <c r="EY39" s="205">
        <v>97</v>
      </c>
    </row>
  </sheetData>
  <mergeCells count="59">
    <mergeCell ref="W4:W5"/>
    <mergeCell ref="X4:Z4"/>
    <mergeCell ref="AA4:AG4"/>
    <mergeCell ref="AH4:AH5"/>
    <mergeCell ref="CV4:CV5"/>
    <mergeCell ref="BP4:BR4"/>
    <mergeCell ref="BS4:BY4"/>
    <mergeCell ref="BO4:BO5"/>
    <mergeCell ref="CA4:CC4"/>
    <mergeCell ref="CD4:CJ4"/>
    <mergeCell ref="CK4:CK5"/>
    <mergeCell ref="CL4:CN4"/>
    <mergeCell ref="CO4:CU4"/>
    <mergeCell ref="BZ4:BZ5"/>
    <mergeCell ref="AW4:BC4"/>
    <mergeCell ref="BE4:BG4"/>
    <mergeCell ref="A3:A5"/>
    <mergeCell ref="M3:W3"/>
    <mergeCell ref="X3:AH3"/>
    <mergeCell ref="AI3:AS3"/>
    <mergeCell ref="AT3:BD3"/>
    <mergeCell ref="B3:L3"/>
    <mergeCell ref="B4:D4"/>
    <mergeCell ref="E4:K4"/>
    <mergeCell ref="L4:L5"/>
    <mergeCell ref="BD4:BD5"/>
    <mergeCell ref="M4:O4"/>
    <mergeCell ref="P4:V4"/>
    <mergeCell ref="AI4:AK4"/>
    <mergeCell ref="AL4:AR4"/>
    <mergeCell ref="AS4:AS5"/>
    <mergeCell ref="AT4:AV4"/>
    <mergeCell ref="H1:I1"/>
    <mergeCell ref="K1:L1"/>
    <mergeCell ref="BE3:BO3"/>
    <mergeCell ref="BP3:BZ3"/>
    <mergeCell ref="CA3:CK3"/>
    <mergeCell ref="DH3:DR3"/>
    <mergeCell ref="DH4:DJ4"/>
    <mergeCell ref="DK4:DQ4"/>
    <mergeCell ref="DR4:DR5"/>
    <mergeCell ref="BH4:BN4"/>
    <mergeCell ref="CW3:DG3"/>
    <mergeCell ref="CL3:CV3"/>
    <mergeCell ref="CW4:CY4"/>
    <mergeCell ref="CZ4:DF4"/>
    <mergeCell ref="DG4:DG5"/>
    <mergeCell ref="EO3:EY3"/>
    <mergeCell ref="ED3:EN3"/>
    <mergeCell ref="ER4:EX4"/>
    <mergeCell ref="EY4:EY5"/>
    <mergeCell ref="EC4:EC5"/>
    <mergeCell ref="ED4:EF4"/>
    <mergeCell ref="EG4:EM4"/>
    <mergeCell ref="EN4:EN5"/>
    <mergeCell ref="EO4:EQ4"/>
    <mergeCell ref="DS3:EC3"/>
    <mergeCell ref="DS4:DU4"/>
    <mergeCell ref="DV4:EB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171"/>
    <col min="4" max="4" width="10.33203125" style="171" customWidth="1"/>
    <col min="5" max="5" width="7.6640625" style="171" customWidth="1"/>
    <col min="6" max="6" width="10.21875" style="171" customWidth="1"/>
    <col min="7" max="7" width="10.44140625" style="171" customWidth="1"/>
    <col min="8" max="15" width="9" style="171"/>
    <col min="16" max="16" width="7.21875" style="171" customWidth="1"/>
    <col min="17" max="26" width="9" style="171"/>
    <col min="27" max="27" width="7.6640625" style="171" customWidth="1"/>
    <col min="28" max="37" width="9" style="171"/>
    <col min="38" max="38" width="7.6640625" style="171" customWidth="1"/>
    <col min="39" max="48" width="9" style="171"/>
    <col min="49" max="49" width="7.21875" style="171" customWidth="1"/>
    <col min="50" max="59" width="9" style="171"/>
    <col min="60" max="60" width="7.21875" style="171" customWidth="1"/>
    <col min="61" max="70" width="9" style="171"/>
    <col min="71" max="71" width="7.33203125" style="171" customWidth="1"/>
    <col min="72" max="81" width="9" style="171"/>
    <col min="82" max="82" width="7.44140625" style="171" customWidth="1"/>
    <col min="83" max="92" width="9" style="171"/>
    <col min="93" max="93" width="7.6640625" style="171" customWidth="1"/>
    <col min="94" max="103" width="9" style="171"/>
    <col min="104" max="104" width="7.44140625" style="171" customWidth="1"/>
    <col min="105" max="114" width="9" style="171"/>
    <col min="115" max="115" width="7.44140625" style="171" customWidth="1"/>
    <col min="116" max="125" width="9" style="171"/>
    <col min="126" max="126" width="7.44140625" style="171" customWidth="1"/>
    <col min="127" max="136" width="9" style="171"/>
    <col min="137" max="137" width="7.33203125" style="171" customWidth="1"/>
    <col min="138" max="147" width="9" style="171"/>
    <col min="148" max="148" width="7.77734375" style="171" customWidth="1"/>
    <col min="149" max="16384" width="9" style="171"/>
  </cols>
  <sheetData>
    <row r="1" spans="1:155" ht="24" customHeight="1" x14ac:dyDescent="0.2">
      <c r="A1" s="206" t="s">
        <v>122</v>
      </c>
      <c r="H1" s="487">
        <f>第１表!F2</f>
        <v>4</v>
      </c>
      <c r="I1" s="487"/>
      <c r="J1" s="163">
        <f>第１表!G2</f>
        <v>1</v>
      </c>
      <c r="K1" s="488">
        <f>IF(J1&lt;3,J1+12-2,J1-2)</f>
        <v>11</v>
      </c>
      <c r="L1" s="488"/>
    </row>
    <row r="2" spans="1:155" ht="21" customHeight="1" thickBot="1" x14ac:dyDescent="0.25">
      <c r="A2" s="206" t="s">
        <v>131</v>
      </c>
      <c r="F2" s="162"/>
      <c r="G2" s="163"/>
      <c r="I2" s="218"/>
      <c r="J2" s="218"/>
    </row>
    <row r="3" spans="1:155" ht="23.25" customHeight="1" thickBot="1" x14ac:dyDescent="0.25">
      <c r="A3" s="501"/>
      <c r="B3" s="492" t="s">
        <v>70</v>
      </c>
      <c r="C3" s="493"/>
      <c r="D3" s="493"/>
      <c r="E3" s="493"/>
      <c r="F3" s="493"/>
      <c r="G3" s="493"/>
      <c r="H3" s="493"/>
      <c r="I3" s="493"/>
      <c r="J3" s="493"/>
      <c r="K3" s="493"/>
      <c r="L3" s="494"/>
      <c r="M3" s="492" t="s">
        <v>71</v>
      </c>
      <c r="N3" s="493"/>
      <c r="O3" s="493"/>
      <c r="P3" s="493"/>
      <c r="Q3" s="493"/>
      <c r="R3" s="493"/>
      <c r="S3" s="493"/>
      <c r="T3" s="493"/>
      <c r="U3" s="493"/>
      <c r="V3" s="493"/>
      <c r="W3" s="494"/>
      <c r="X3" s="492" t="s">
        <v>72</v>
      </c>
      <c r="Y3" s="493"/>
      <c r="Z3" s="493"/>
      <c r="AA3" s="493"/>
      <c r="AB3" s="493"/>
      <c r="AC3" s="493"/>
      <c r="AD3" s="493"/>
      <c r="AE3" s="493"/>
      <c r="AF3" s="493"/>
      <c r="AG3" s="493"/>
      <c r="AH3" s="494"/>
      <c r="AI3" s="492" t="s">
        <v>73</v>
      </c>
      <c r="AJ3" s="493"/>
      <c r="AK3" s="493"/>
      <c r="AL3" s="493"/>
      <c r="AM3" s="493"/>
      <c r="AN3" s="493"/>
      <c r="AO3" s="493"/>
      <c r="AP3" s="493"/>
      <c r="AQ3" s="493"/>
      <c r="AR3" s="493"/>
      <c r="AS3" s="494"/>
      <c r="AT3" s="492" t="s">
        <v>74</v>
      </c>
      <c r="AU3" s="493"/>
      <c r="AV3" s="493"/>
      <c r="AW3" s="493"/>
      <c r="AX3" s="493"/>
      <c r="AY3" s="493"/>
      <c r="AZ3" s="493"/>
      <c r="BA3" s="493"/>
      <c r="BB3" s="493"/>
      <c r="BC3" s="493"/>
      <c r="BD3" s="494"/>
      <c r="BE3" s="492" t="s">
        <v>75</v>
      </c>
      <c r="BF3" s="493"/>
      <c r="BG3" s="493"/>
      <c r="BH3" s="493"/>
      <c r="BI3" s="493"/>
      <c r="BJ3" s="493"/>
      <c r="BK3" s="493"/>
      <c r="BL3" s="493"/>
      <c r="BM3" s="493"/>
      <c r="BN3" s="493"/>
      <c r="BO3" s="494"/>
      <c r="BP3" s="492" t="s">
        <v>76</v>
      </c>
      <c r="BQ3" s="493"/>
      <c r="BR3" s="493"/>
      <c r="BS3" s="493"/>
      <c r="BT3" s="493"/>
      <c r="BU3" s="493"/>
      <c r="BV3" s="493"/>
      <c r="BW3" s="493"/>
      <c r="BX3" s="493"/>
      <c r="BY3" s="493"/>
      <c r="BZ3" s="494"/>
      <c r="CA3" s="492" t="s">
        <v>77</v>
      </c>
      <c r="CB3" s="493"/>
      <c r="CC3" s="493"/>
      <c r="CD3" s="493"/>
      <c r="CE3" s="493"/>
      <c r="CF3" s="493"/>
      <c r="CG3" s="493"/>
      <c r="CH3" s="493"/>
      <c r="CI3" s="493"/>
      <c r="CJ3" s="493"/>
      <c r="CK3" s="494"/>
      <c r="CL3" s="492" t="s">
        <v>78</v>
      </c>
      <c r="CM3" s="493"/>
      <c r="CN3" s="493"/>
      <c r="CO3" s="493"/>
      <c r="CP3" s="493"/>
      <c r="CQ3" s="493"/>
      <c r="CR3" s="493"/>
      <c r="CS3" s="493"/>
      <c r="CT3" s="493"/>
      <c r="CU3" s="493"/>
      <c r="CV3" s="494"/>
      <c r="CW3" s="492" t="s">
        <v>79</v>
      </c>
      <c r="CX3" s="493"/>
      <c r="CY3" s="493"/>
      <c r="CZ3" s="493"/>
      <c r="DA3" s="493"/>
      <c r="DB3" s="493"/>
      <c r="DC3" s="493"/>
      <c r="DD3" s="493"/>
      <c r="DE3" s="493"/>
      <c r="DF3" s="493"/>
      <c r="DG3" s="494"/>
      <c r="DH3" s="492" t="s">
        <v>152</v>
      </c>
      <c r="DI3" s="493"/>
      <c r="DJ3" s="493"/>
      <c r="DK3" s="493"/>
      <c r="DL3" s="493"/>
      <c r="DM3" s="493"/>
      <c r="DN3" s="493"/>
      <c r="DO3" s="493"/>
      <c r="DP3" s="493"/>
      <c r="DQ3" s="493"/>
      <c r="DR3" s="494"/>
      <c r="DS3" s="492" t="s">
        <v>80</v>
      </c>
      <c r="DT3" s="493"/>
      <c r="DU3" s="493"/>
      <c r="DV3" s="493"/>
      <c r="DW3" s="493"/>
      <c r="DX3" s="493"/>
      <c r="DY3" s="493"/>
      <c r="DZ3" s="493"/>
      <c r="EA3" s="493"/>
      <c r="EB3" s="493"/>
      <c r="EC3" s="494"/>
      <c r="ED3" s="492" t="s">
        <v>68</v>
      </c>
      <c r="EE3" s="493"/>
      <c r="EF3" s="493"/>
      <c r="EG3" s="493"/>
      <c r="EH3" s="493"/>
      <c r="EI3" s="493"/>
      <c r="EJ3" s="493"/>
      <c r="EK3" s="493"/>
      <c r="EL3" s="493"/>
      <c r="EM3" s="493"/>
      <c r="EN3" s="494"/>
      <c r="EO3" s="489" t="s">
        <v>69</v>
      </c>
      <c r="EP3" s="490"/>
      <c r="EQ3" s="490"/>
      <c r="ER3" s="490"/>
      <c r="ES3" s="490"/>
      <c r="ET3" s="490"/>
      <c r="EU3" s="490"/>
      <c r="EV3" s="490"/>
      <c r="EW3" s="490"/>
      <c r="EX3" s="490"/>
      <c r="EY3" s="491"/>
    </row>
    <row r="4" spans="1:155" ht="22.5" customHeight="1" x14ac:dyDescent="0.2">
      <c r="A4" s="502"/>
      <c r="B4" s="500" t="s">
        <v>61</v>
      </c>
      <c r="C4" s="496"/>
      <c r="D4" s="497"/>
      <c r="E4" s="495" t="s">
        <v>62</v>
      </c>
      <c r="F4" s="496"/>
      <c r="G4" s="496"/>
      <c r="H4" s="496"/>
      <c r="I4" s="496"/>
      <c r="J4" s="496"/>
      <c r="K4" s="504"/>
      <c r="L4" s="498" t="s">
        <v>52</v>
      </c>
      <c r="M4" s="500" t="s">
        <v>61</v>
      </c>
      <c r="N4" s="496"/>
      <c r="O4" s="497"/>
      <c r="P4" s="495" t="s">
        <v>62</v>
      </c>
      <c r="Q4" s="496"/>
      <c r="R4" s="496"/>
      <c r="S4" s="496"/>
      <c r="T4" s="496"/>
      <c r="U4" s="496"/>
      <c r="V4" s="497"/>
      <c r="W4" s="498" t="s">
        <v>52</v>
      </c>
      <c r="X4" s="500" t="s">
        <v>61</v>
      </c>
      <c r="Y4" s="496"/>
      <c r="Z4" s="497"/>
      <c r="AA4" s="495" t="s">
        <v>62</v>
      </c>
      <c r="AB4" s="496"/>
      <c r="AC4" s="496"/>
      <c r="AD4" s="496"/>
      <c r="AE4" s="496"/>
      <c r="AF4" s="496"/>
      <c r="AG4" s="497"/>
      <c r="AH4" s="498" t="s">
        <v>52</v>
      </c>
      <c r="AI4" s="500" t="s">
        <v>61</v>
      </c>
      <c r="AJ4" s="496"/>
      <c r="AK4" s="497"/>
      <c r="AL4" s="495" t="s">
        <v>62</v>
      </c>
      <c r="AM4" s="496"/>
      <c r="AN4" s="496"/>
      <c r="AO4" s="496"/>
      <c r="AP4" s="496"/>
      <c r="AQ4" s="496"/>
      <c r="AR4" s="497"/>
      <c r="AS4" s="498" t="s">
        <v>52</v>
      </c>
      <c r="AT4" s="500" t="s">
        <v>61</v>
      </c>
      <c r="AU4" s="496"/>
      <c r="AV4" s="497"/>
      <c r="AW4" s="495" t="s">
        <v>62</v>
      </c>
      <c r="AX4" s="496"/>
      <c r="AY4" s="496"/>
      <c r="AZ4" s="496"/>
      <c r="BA4" s="496"/>
      <c r="BB4" s="496"/>
      <c r="BC4" s="504"/>
      <c r="BD4" s="498" t="s">
        <v>52</v>
      </c>
      <c r="BE4" s="500" t="s">
        <v>61</v>
      </c>
      <c r="BF4" s="496"/>
      <c r="BG4" s="497"/>
      <c r="BH4" s="495" t="s">
        <v>62</v>
      </c>
      <c r="BI4" s="496"/>
      <c r="BJ4" s="496"/>
      <c r="BK4" s="496"/>
      <c r="BL4" s="496"/>
      <c r="BM4" s="496"/>
      <c r="BN4" s="497"/>
      <c r="BO4" s="498" t="s">
        <v>52</v>
      </c>
      <c r="BP4" s="500" t="s">
        <v>61</v>
      </c>
      <c r="BQ4" s="496"/>
      <c r="BR4" s="497"/>
      <c r="BS4" s="495" t="s">
        <v>62</v>
      </c>
      <c r="BT4" s="496"/>
      <c r="BU4" s="496"/>
      <c r="BV4" s="496"/>
      <c r="BW4" s="496"/>
      <c r="BX4" s="496"/>
      <c r="BY4" s="497"/>
      <c r="BZ4" s="498" t="s">
        <v>52</v>
      </c>
      <c r="CA4" s="500" t="s">
        <v>61</v>
      </c>
      <c r="CB4" s="496"/>
      <c r="CC4" s="497"/>
      <c r="CD4" s="495" t="s">
        <v>62</v>
      </c>
      <c r="CE4" s="496"/>
      <c r="CF4" s="496"/>
      <c r="CG4" s="496"/>
      <c r="CH4" s="496"/>
      <c r="CI4" s="496"/>
      <c r="CJ4" s="497"/>
      <c r="CK4" s="498" t="s">
        <v>52</v>
      </c>
      <c r="CL4" s="500" t="s">
        <v>61</v>
      </c>
      <c r="CM4" s="496"/>
      <c r="CN4" s="497"/>
      <c r="CO4" s="495" t="s">
        <v>62</v>
      </c>
      <c r="CP4" s="496"/>
      <c r="CQ4" s="496"/>
      <c r="CR4" s="496"/>
      <c r="CS4" s="496"/>
      <c r="CT4" s="496"/>
      <c r="CU4" s="497"/>
      <c r="CV4" s="498" t="s">
        <v>52</v>
      </c>
      <c r="CW4" s="500" t="s">
        <v>61</v>
      </c>
      <c r="CX4" s="496"/>
      <c r="CY4" s="497"/>
      <c r="CZ4" s="495" t="s">
        <v>62</v>
      </c>
      <c r="DA4" s="496"/>
      <c r="DB4" s="496"/>
      <c r="DC4" s="496"/>
      <c r="DD4" s="496"/>
      <c r="DE4" s="496"/>
      <c r="DF4" s="497"/>
      <c r="DG4" s="498" t="s">
        <v>52</v>
      </c>
      <c r="DH4" s="500" t="s">
        <v>61</v>
      </c>
      <c r="DI4" s="496"/>
      <c r="DJ4" s="497"/>
      <c r="DK4" s="495" t="s">
        <v>62</v>
      </c>
      <c r="DL4" s="496"/>
      <c r="DM4" s="496"/>
      <c r="DN4" s="496"/>
      <c r="DO4" s="496"/>
      <c r="DP4" s="496"/>
      <c r="DQ4" s="497"/>
      <c r="DR4" s="498" t="s">
        <v>52</v>
      </c>
      <c r="DS4" s="500" t="s">
        <v>61</v>
      </c>
      <c r="DT4" s="496"/>
      <c r="DU4" s="497"/>
      <c r="DV4" s="495" t="s">
        <v>62</v>
      </c>
      <c r="DW4" s="496"/>
      <c r="DX4" s="496"/>
      <c r="DY4" s="496"/>
      <c r="DZ4" s="496"/>
      <c r="EA4" s="496"/>
      <c r="EB4" s="497"/>
      <c r="EC4" s="498" t="s">
        <v>52</v>
      </c>
      <c r="ED4" s="500" t="s">
        <v>61</v>
      </c>
      <c r="EE4" s="496"/>
      <c r="EF4" s="497"/>
      <c r="EG4" s="495" t="s">
        <v>62</v>
      </c>
      <c r="EH4" s="496"/>
      <c r="EI4" s="496"/>
      <c r="EJ4" s="496"/>
      <c r="EK4" s="496"/>
      <c r="EL4" s="496"/>
      <c r="EM4" s="497"/>
      <c r="EN4" s="498" t="s">
        <v>52</v>
      </c>
      <c r="EO4" s="500" t="s">
        <v>61</v>
      </c>
      <c r="EP4" s="496"/>
      <c r="EQ4" s="497"/>
      <c r="ER4" s="495" t="s">
        <v>62</v>
      </c>
      <c r="ES4" s="496"/>
      <c r="ET4" s="496"/>
      <c r="EU4" s="496"/>
      <c r="EV4" s="496"/>
      <c r="EW4" s="496"/>
      <c r="EX4" s="497"/>
      <c r="EY4" s="498" t="s">
        <v>52</v>
      </c>
    </row>
    <row r="5" spans="1:155" ht="34.5" customHeight="1" thickBot="1" x14ac:dyDescent="0.25">
      <c r="A5" s="503"/>
      <c r="B5" s="219" t="s">
        <v>43</v>
      </c>
      <c r="C5" s="175" t="s">
        <v>44</v>
      </c>
      <c r="D5" s="456" t="s">
        <v>45</v>
      </c>
      <c r="E5" s="183" t="s">
        <v>83</v>
      </c>
      <c r="F5" s="175" t="s">
        <v>47</v>
      </c>
      <c r="G5" s="175" t="s">
        <v>48</v>
      </c>
      <c r="H5" s="175" t="s">
        <v>49</v>
      </c>
      <c r="I5" s="175" t="s">
        <v>50</v>
      </c>
      <c r="J5" s="175" t="s">
        <v>51</v>
      </c>
      <c r="K5" s="184" t="s">
        <v>45</v>
      </c>
      <c r="L5" s="499"/>
      <c r="M5" s="219" t="s">
        <v>43</v>
      </c>
      <c r="N5" s="175" t="s">
        <v>44</v>
      </c>
      <c r="O5" s="181" t="s">
        <v>45</v>
      </c>
      <c r="P5" s="183" t="s">
        <v>83</v>
      </c>
      <c r="Q5" s="175" t="s">
        <v>47</v>
      </c>
      <c r="R5" s="175" t="s">
        <v>48</v>
      </c>
      <c r="S5" s="175" t="s">
        <v>49</v>
      </c>
      <c r="T5" s="175" t="s">
        <v>50</v>
      </c>
      <c r="U5" s="175" t="s">
        <v>51</v>
      </c>
      <c r="V5" s="181" t="s">
        <v>45</v>
      </c>
      <c r="W5" s="499"/>
      <c r="X5" s="219" t="s">
        <v>43</v>
      </c>
      <c r="Y5" s="175" t="s">
        <v>44</v>
      </c>
      <c r="Z5" s="181" t="s">
        <v>45</v>
      </c>
      <c r="AA5" s="183" t="s">
        <v>83</v>
      </c>
      <c r="AB5" s="175" t="s">
        <v>47</v>
      </c>
      <c r="AC5" s="175" t="s">
        <v>48</v>
      </c>
      <c r="AD5" s="175" t="s">
        <v>49</v>
      </c>
      <c r="AE5" s="175" t="s">
        <v>50</v>
      </c>
      <c r="AF5" s="175" t="s">
        <v>51</v>
      </c>
      <c r="AG5" s="181" t="s">
        <v>45</v>
      </c>
      <c r="AH5" s="499"/>
      <c r="AI5" s="219" t="s">
        <v>43</v>
      </c>
      <c r="AJ5" s="175" t="s">
        <v>44</v>
      </c>
      <c r="AK5" s="181" t="s">
        <v>45</v>
      </c>
      <c r="AL5" s="183" t="s">
        <v>83</v>
      </c>
      <c r="AM5" s="175" t="s">
        <v>47</v>
      </c>
      <c r="AN5" s="175" t="s">
        <v>48</v>
      </c>
      <c r="AO5" s="175" t="s">
        <v>49</v>
      </c>
      <c r="AP5" s="175" t="s">
        <v>50</v>
      </c>
      <c r="AQ5" s="175" t="s">
        <v>51</v>
      </c>
      <c r="AR5" s="181" t="s">
        <v>45</v>
      </c>
      <c r="AS5" s="499"/>
      <c r="AT5" s="219" t="s">
        <v>43</v>
      </c>
      <c r="AU5" s="175" t="s">
        <v>44</v>
      </c>
      <c r="AV5" s="181" t="s">
        <v>45</v>
      </c>
      <c r="AW5" s="183" t="s">
        <v>83</v>
      </c>
      <c r="AX5" s="175" t="s">
        <v>47</v>
      </c>
      <c r="AY5" s="175" t="s">
        <v>48</v>
      </c>
      <c r="AZ5" s="175" t="s">
        <v>49</v>
      </c>
      <c r="BA5" s="175" t="s">
        <v>50</v>
      </c>
      <c r="BB5" s="175" t="s">
        <v>51</v>
      </c>
      <c r="BC5" s="184" t="s">
        <v>45</v>
      </c>
      <c r="BD5" s="499"/>
      <c r="BE5" s="219" t="s">
        <v>43</v>
      </c>
      <c r="BF5" s="175" t="s">
        <v>44</v>
      </c>
      <c r="BG5" s="181" t="s">
        <v>45</v>
      </c>
      <c r="BH5" s="183" t="s">
        <v>83</v>
      </c>
      <c r="BI5" s="175" t="s">
        <v>47</v>
      </c>
      <c r="BJ5" s="175" t="s">
        <v>48</v>
      </c>
      <c r="BK5" s="175" t="s">
        <v>49</v>
      </c>
      <c r="BL5" s="175" t="s">
        <v>50</v>
      </c>
      <c r="BM5" s="175" t="s">
        <v>51</v>
      </c>
      <c r="BN5" s="181" t="s">
        <v>45</v>
      </c>
      <c r="BO5" s="499"/>
      <c r="BP5" s="219" t="s">
        <v>43</v>
      </c>
      <c r="BQ5" s="175" t="s">
        <v>44</v>
      </c>
      <c r="BR5" s="181" t="s">
        <v>45</v>
      </c>
      <c r="BS5" s="183" t="s">
        <v>83</v>
      </c>
      <c r="BT5" s="175" t="s">
        <v>47</v>
      </c>
      <c r="BU5" s="175" t="s">
        <v>48</v>
      </c>
      <c r="BV5" s="175" t="s">
        <v>49</v>
      </c>
      <c r="BW5" s="175" t="s">
        <v>50</v>
      </c>
      <c r="BX5" s="175" t="s">
        <v>51</v>
      </c>
      <c r="BY5" s="181" t="s">
        <v>45</v>
      </c>
      <c r="BZ5" s="499"/>
      <c r="CA5" s="219" t="s">
        <v>43</v>
      </c>
      <c r="CB5" s="175" t="s">
        <v>44</v>
      </c>
      <c r="CC5" s="181" t="s">
        <v>45</v>
      </c>
      <c r="CD5" s="183" t="s">
        <v>83</v>
      </c>
      <c r="CE5" s="175" t="s">
        <v>47</v>
      </c>
      <c r="CF5" s="175" t="s">
        <v>48</v>
      </c>
      <c r="CG5" s="175" t="s">
        <v>49</v>
      </c>
      <c r="CH5" s="175" t="s">
        <v>50</v>
      </c>
      <c r="CI5" s="175" t="s">
        <v>51</v>
      </c>
      <c r="CJ5" s="181" t="s">
        <v>45</v>
      </c>
      <c r="CK5" s="499"/>
      <c r="CL5" s="219" t="s">
        <v>43</v>
      </c>
      <c r="CM5" s="175" t="s">
        <v>44</v>
      </c>
      <c r="CN5" s="181" t="s">
        <v>45</v>
      </c>
      <c r="CO5" s="183" t="s">
        <v>83</v>
      </c>
      <c r="CP5" s="175" t="s">
        <v>47</v>
      </c>
      <c r="CQ5" s="175" t="s">
        <v>48</v>
      </c>
      <c r="CR5" s="175" t="s">
        <v>49</v>
      </c>
      <c r="CS5" s="175" t="s">
        <v>50</v>
      </c>
      <c r="CT5" s="175" t="s">
        <v>51</v>
      </c>
      <c r="CU5" s="181" t="s">
        <v>45</v>
      </c>
      <c r="CV5" s="499"/>
      <c r="CW5" s="219" t="s">
        <v>43</v>
      </c>
      <c r="CX5" s="175" t="s">
        <v>44</v>
      </c>
      <c r="CY5" s="181" t="s">
        <v>45</v>
      </c>
      <c r="CZ5" s="183" t="s">
        <v>83</v>
      </c>
      <c r="DA5" s="175" t="s">
        <v>47</v>
      </c>
      <c r="DB5" s="175" t="s">
        <v>48</v>
      </c>
      <c r="DC5" s="175" t="s">
        <v>49</v>
      </c>
      <c r="DD5" s="175" t="s">
        <v>50</v>
      </c>
      <c r="DE5" s="175" t="s">
        <v>51</v>
      </c>
      <c r="DF5" s="181" t="s">
        <v>45</v>
      </c>
      <c r="DG5" s="499"/>
      <c r="DH5" s="227" t="s">
        <v>43</v>
      </c>
      <c r="DI5" s="175" t="s">
        <v>44</v>
      </c>
      <c r="DJ5" s="181" t="s">
        <v>45</v>
      </c>
      <c r="DK5" s="183" t="s">
        <v>83</v>
      </c>
      <c r="DL5" s="175" t="s">
        <v>47</v>
      </c>
      <c r="DM5" s="175" t="s">
        <v>48</v>
      </c>
      <c r="DN5" s="175" t="s">
        <v>49</v>
      </c>
      <c r="DO5" s="175" t="s">
        <v>50</v>
      </c>
      <c r="DP5" s="175" t="s">
        <v>51</v>
      </c>
      <c r="DQ5" s="181" t="s">
        <v>45</v>
      </c>
      <c r="DR5" s="499"/>
      <c r="DS5" s="219" t="s">
        <v>43</v>
      </c>
      <c r="DT5" s="175" t="s">
        <v>44</v>
      </c>
      <c r="DU5" s="181" t="s">
        <v>45</v>
      </c>
      <c r="DV5" s="183" t="s">
        <v>83</v>
      </c>
      <c r="DW5" s="175" t="s">
        <v>47</v>
      </c>
      <c r="DX5" s="175" t="s">
        <v>48</v>
      </c>
      <c r="DY5" s="175" t="s">
        <v>49</v>
      </c>
      <c r="DZ5" s="175" t="s">
        <v>50</v>
      </c>
      <c r="EA5" s="175" t="s">
        <v>51</v>
      </c>
      <c r="EB5" s="181" t="s">
        <v>45</v>
      </c>
      <c r="EC5" s="499"/>
      <c r="ED5" s="219" t="s">
        <v>43</v>
      </c>
      <c r="EE5" s="175" t="s">
        <v>44</v>
      </c>
      <c r="EF5" s="181" t="s">
        <v>45</v>
      </c>
      <c r="EG5" s="183" t="s">
        <v>83</v>
      </c>
      <c r="EH5" s="175" t="s">
        <v>47</v>
      </c>
      <c r="EI5" s="175" t="s">
        <v>48</v>
      </c>
      <c r="EJ5" s="175" t="s">
        <v>49</v>
      </c>
      <c r="EK5" s="175" t="s">
        <v>50</v>
      </c>
      <c r="EL5" s="175" t="s">
        <v>51</v>
      </c>
      <c r="EM5" s="181" t="s">
        <v>45</v>
      </c>
      <c r="EN5" s="499"/>
      <c r="EO5" s="219" t="s">
        <v>43</v>
      </c>
      <c r="EP5" s="175" t="s">
        <v>44</v>
      </c>
      <c r="EQ5" s="181" t="s">
        <v>45</v>
      </c>
      <c r="ER5" s="183" t="s">
        <v>83</v>
      </c>
      <c r="ES5" s="175" t="s">
        <v>47</v>
      </c>
      <c r="ET5" s="175" t="s">
        <v>48</v>
      </c>
      <c r="EU5" s="175" t="s">
        <v>49</v>
      </c>
      <c r="EV5" s="175" t="s">
        <v>50</v>
      </c>
      <c r="EW5" s="175" t="s">
        <v>51</v>
      </c>
      <c r="EX5" s="181" t="s">
        <v>45</v>
      </c>
      <c r="EY5" s="499"/>
    </row>
    <row r="6" spans="1:155" ht="19.5" customHeight="1" x14ac:dyDescent="0.2">
      <c r="A6" s="176" t="s">
        <v>4</v>
      </c>
      <c r="B6" s="185">
        <v>0</v>
      </c>
      <c r="C6" s="189">
        <v>0</v>
      </c>
      <c r="D6" s="457">
        <v>0</v>
      </c>
      <c r="E6" s="188">
        <v>0</v>
      </c>
      <c r="F6" s="189">
        <v>1322</v>
      </c>
      <c r="G6" s="189">
        <v>1456</v>
      </c>
      <c r="H6" s="189">
        <v>803</v>
      </c>
      <c r="I6" s="189">
        <v>596</v>
      </c>
      <c r="J6" s="189">
        <v>405</v>
      </c>
      <c r="K6" s="190">
        <v>4582</v>
      </c>
      <c r="L6" s="191">
        <v>4582</v>
      </c>
      <c r="M6" s="185">
        <v>0</v>
      </c>
      <c r="N6" s="189">
        <v>1</v>
      </c>
      <c r="O6" s="186">
        <v>1</v>
      </c>
      <c r="P6" s="188">
        <v>0</v>
      </c>
      <c r="Q6" s="189">
        <v>7</v>
      </c>
      <c r="R6" s="189">
        <v>40</v>
      </c>
      <c r="S6" s="189">
        <v>52</v>
      </c>
      <c r="T6" s="189">
        <v>134</v>
      </c>
      <c r="U6" s="189">
        <v>192</v>
      </c>
      <c r="V6" s="186">
        <v>425</v>
      </c>
      <c r="W6" s="191">
        <v>426</v>
      </c>
      <c r="X6" s="185">
        <v>185</v>
      </c>
      <c r="Y6" s="189">
        <v>406</v>
      </c>
      <c r="Z6" s="186">
        <v>591</v>
      </c>
      <c r="AA6" s="188">
        <v>0</v>
      </c>
      <c r="AB6" s="189">
        <v>894</v>
      </c>
      <c r="AC6" s="189">
        <v>1223</v>
      </c>
      <c r="AD6" s="189">
        <v>691</v>
      </c>
      <c r="AE6" s="189">
        <v>583</v>
      </c>
      <c r="AF6" s="189">
        <v>367</v>
      </c>
      <c r="AG6" s="186">
        <v>3758</v>
      </c>
      <c r="AH6" s="191">
        <v>4349</v>
      </c>
      <c r="AI6" s="185">
        <v>20</v>
      </c>
      <c r="AJ6" s="189">
        <v>50</v>
      </c>
      <c r="AK6" s="186">
        <v>70</v>
      </c>
      <c r="AL6" s="188">
        <v>0</v>
      </c>
      <c r="AM6" s="189">
        <v>68</v>
      </c>
      <c r="AN6" s="189">
        <v>132</v>
      </c>
      <c r="AO6" s="189">
        <v>82</v>
      </c>
      <c r="AP6" s="189">
        <v>80</v>
      </c>
      <c r="AQ6" s="189">
        <v>37</v>
      </c>
      <c r="AR6" s="186">
        <v>399</v>
      </c>
      <c r="AS6" s="191">
        <v>469</v>
      </c>
      <c r="AT6" s="185">
        <v>310</v>
      </c>
      <c r="AU6" s="189">
        <v>338</v>
      </c>
      <c r="AV6" s="186">
        <v>648</v>
      </c>
      <c r="AW6" s="188">
        <v>0</v>
      </c>
      <c r="AX6" s="189">
        <v>1335</v>
      </c>
      <c r="AY6" s="189">
        <v>1701</v>
      </c>
      <c r="AZ6" s="189">
        <v>1445</v>
      </c>
      <c r="BA6" s="189">
        <v>1260</v>
      </c>
      <c r="BB6" s="189">
        <v>848</v>
      </c>
      <c r="BC6" s="190">
        <v>6589</v>
      </c>
      <c r="BD6" s="191">
        <v>7237</v>
      </c>
      <c r="BE6" s="185">
        <v>0</v>
      </c>
      <c r="BF6" s="189">
        <v>0</v>
      </c>
      <c r="BG6" s="186">
        <v>0</v>
      </c>
      <c r="BH6" s="188">
        <v>0</v>
      </c>
      <c r="BI6" s="189">
        <v>1697</v>
      </c>
      <c r="BJ6" s="189">
        <v>1473</v>
      </c>
      <c r="BK6" s="189">
        <v>806</v>
      </c>
      <c r="BL6" s="189">
        <v>403</v>
      </c>
      <c r="BM6" s="189">
        <v>171</v>
      </c>
      <c r="BN6" s="186">
        <v>4550</v>
      </c>
      <c r="BO6" s="191">
        <v>4550</v>
      </c>
      <c r="BP6" s="185">
        <v>127</v>
      </c>
      <c r="BQ6" s="189">
        <v>160</v>
      </c>
      <c r="BR6" s="186">
        <v>287</v>
      </c>
      <c r="BS6" s="188">
        <v>0</v>
      </c>
      <c r="BT6" s="189">
        <v>391</v>
      </c>
      <c r="BU6" s="189">
        <v>562</v>
      </c>
      <c r="BV6" s="189">
        <v>327</v>
      </c>
      <c r="BW6" s="189">
        <v>195</v>
      </c>
      <c r="BX6" s="189">
        <v>58</v>
      </c>
      <c r="BY6" s="186">
        <v>1533</v>
      </c>
      <c r="BZ6" s="191">
        <v>1820</v>
      </c>
      <c r="CA6" s="185">
        <v>7</v>
      </c>
      <c r="CB6" s="189">
        <v>25</v>
      </c>
      <c r="CC6" s="186">
        <v>32</v>
      </c>
      <c r="CD6" s="188">
        <v>0</v>
      </c>
      <c r="CE6" s="189">
        <v>182</v>
      </c>
      <c r="CF6" s="189">
        <v>248</v>
      </c>
      <c r="CG6" s="189">
        <v>317</v>
      </c>
      <c r="CH6" s="189">
        <v>228</v>
      </c>
      <c r="CI6" s="189">
        <v>101</v>
      </c>
      <c r="CJ6" s="186">
        <v>1076</v>
      </c>
      <c r="CK6" s="191">
        <v>1108</v>
      </c>
      <c r="CL6" s="185">
        <v>0</v>
      </c>
      <c r="CM6" s="189">
        <v>2</v>
      </c>
      <c r="CN6" s="186">
        <v>2</v>
      </c>
      <c r="CO6" s="188">
        <v>0</v>
      </c>
      <c r="CP6" s="189">
        <v>25</v>
      </c>
      <c r="CQ6" s="189">
        <v>47</v>
      </c>
      <c r="CR6" s="189">
        <v>60</v>
      </c>
      <c r="CS6" s="189">
        <v>40</v>
      </c>
      <c r="CT6" s="189">
        <v>17</v>
      </c>
      <c r="CU6" s="186">
        <v>189</v>
      </c>
      <c r="CV6" s="191">
        <v>191</v>
      </c>
      <c r="CW6" s="185">
        <v>0</v>
      </c>
      <c r="CX6" s="189">
        <v>0</v>
      </c>
      <c r="CY6" s="186">
        <v>0</v>
      </c>
      <c r="CZ6" s="188">
        <v>0</v>
      </c>
      <c r="DA6" s="189">
        <v>0</v>
      </c>
      <c r="DB6" s="189">
        <v>0</v>
      </c>
      <c r="DC6" s="189">
        <v>0</v>
      </c>
      <c r="DD6" s="189">
        <v>0</v>
      </c>
      <c r="DE6" s="189">
        <v>0</v>
      </c>
      <c r="DF6" s="186">
        <v>0</v>
      </c>
      <c r="DG6" s="191">
        <v>0</v>
      </c>
      <c r="DH6" s="185">
        <v>0</v>
      </c>
      <c r="DI6" s="189">
        <v>0</v>
      </c>
      <c r="DJ6" s="186">
        <v>0</v>
      </c>
      <c r="DK6" s="188">
        <v>0</v>
      </c>
      <c r="DL6" s="189">
        <v>0</v>
      </c>
      <c r="DM6" s="189">
        <v>0</v>
      </c>
      <c r="DN6" s="189">
        <v>0</v>
      </c>
      <c r="DO6" s="189">
        <v>0</v>
      </c>
      <c r="DP6" s="189">
        <v>0</v>
      </c>
      <c r="DQ6" s="186">
        <v>0</v>
      </c>
      <c r="DR6" s="191">
        <v>0</v>
      </c>
      <c r="DS6" s="185">
        <v>607</v>
      </c>
      <c r="DT6" s="189">
        <v>1210</v>
      </c>
      <c r="DU6" s="186">
        <v>1817</v>
      </c>
      <c r="DV6" s="188">
        <v>0</v>
      </c>
      <c r="DW6" s="189">
        <v>1817</v>
      </c>
      <c r="DX6" s="189">
        <v>3124</v>
      </c>
      <c r="DY6" s="189">
        <v>1865</v>
      </c>
      <c r="DZ6" s="189">
        <v>1360</v>
      </c>
      <c r="EA6" s="189">
        <v>717</v>
      </c>
      <c r="EB6" s="186">
        <v>8883</v>
      </c>
      <c r="EC6" s="191">
        <v>10700</v>
      </c>
      <c r="ED6" s="185">
        <v>201</v>
      </c>
      <c r="EE6" s="189">
        <v>140</v>
      </c>
      <c r="EF6" s="186">
        <v>341</v>
      </c>
      <c r="EG6" s="188">
        <v>0</v>
      </c>
      <c r="EH6" s="189">
        <v>561</v>
      </c>
      <c r="EI6" s="189">
        <v>554</v>
      </c>
      <c r="EJ6" s="189">
        <v>458</v>
      </c>
      <c r="EK6" s="189">
        <v>461</v>
      </c>
      <c r="EL6" s="189">
        <v>264</v>
      </c>
      <c r="EM6" s="186">
        <v>2298</v>
      </c>
      <c r="EN6" s="191">
        <v>2639</v>
      </c>
      <c r="EO6" s="185">
        <v>885</v>
      </c>
      <c r="EP6" s="189">
        <v>1566</v>
      </c>
      <c r="EQ6" s="186">
        <v>2451</v>
      </c>
      <c r="ER6" s="188">
        <v>0</v>
      </c>
      <c r="ES6" s="189">
        <v>4333</v>
      </c>
      <c r="ET6" s="189">
        <v>4410</v>
      </c>
      <c r="EU6" s="189">
        <v>2281</v>
      </c>
      <c r="EV6" s="189">
        <v>1465</v>
      </c>
      <c r="EW6" s="189">
        <v>772</v>
      </c>
      <c r="EX6" s="186">
        <v>13261</v>
      </c>
      <c r="EY6" s="191">
        <v>15712</v>
      </c>
    </row>
    <row r="7" spans="1:155" ht="19.5" customHeight="1" x14ac:dyDescent="0.2">
      <c r="A7" s="177" t="s">
        <v>5</v>
      </c>
      <c r="B7" s="192">
        <v>0</v>
      </c>
      <c r="C7" s="196">
        <v>0</v>
      </c>
      <c r="D7" s="458">
        <v>0</v>
      </c>
      <c r="E7" s="195">
        <v>0</v>
      </c>
      <c r="F7" s="196">
        <v>518</v>
      </c>
      <c r="G7" s="196">
        <v>757</v>
      </c>
      <c r="H7" s="196">
        <v>372</v>
      </c>
      <c r="I7" s="196">
        <v>251</v>
      </c>
      <c r="J7" s="196">
        <v>184</v>
      </c>
      <c r="K7" s="197">
        <v>2082</v>
      </c>
      <c r="L7" s="198">
        <v>2082</v>
      </c>
      <c r="M7" s="192">
        <v>0</v>
      </c>
      <c r="N7" s="196">
        <v>1</v>
      </c>
      <c r="O7" s="193">
        <v>1</v>
      </c>
      <c r="P7" s="195">
        <v>0</v>
      </c>
      <c r="Q7" s="196">
        <v>3</v>
      </c>
      <c r="R7" s="196">
        <v>18</v>
      </c>
      <c r="S7" s="196">
        <v>21</v>
      </c>
      <c r="T7" s="196">
        <v>60</v>
      </c>
      <c r="U7" s="196">
        <v>85</v>
      </c>
      <c r="V7" s="193">
        <v>187</v>
      </c>
      <c r="W7" s="198">
        <v>188</v>
      </c>
      <c r="X7" s="192">
        <v>94</v>
      </c>
      <c r="Y7" s="196">
        <v>215</v>
      </c>
      <c r="Z7" s="193">
        <v>309</v>
      </c>
      <c r="AA7" s="195">
        <v>0</v>
      </c>
      <c r="AB7" s="196">
        <v>341</v>
      </c>
      <c r="AC7" s="196">
        <v>647</v>
      </c>
      <c r="AD7" s="196">
        <v>350</v>
      </c>
      <c r="AE7" s="196">
        <v>264</v>
      </c>
      <c r="AF7" s="196">
        <v>164</v>
      </c>
      <c r="AG7" s="193">
        <v>1766</v>
      </c>
      <c r="AH7" s="198">
        <v>2075</v>
      </c>
      <c r="AI7" s="192">
        <v>10</v>
      </c>
      <c r="AJ7" s="196">
        <v>27</v>
      </c>
      <c r="AK7" s="193">
        <v>37</v>
      </c>
      <c r="AL7" s="195">
        <v>0</v>
      </c>
      <c r="AM7" s="196">
        <v>14</v>
      </c>
      <c r="AN7" s="196">
        <v>60</v>
      </c>
      <c r="AO7" s="196">
        <v>38</v>
      </c>
      <c r="AP7" s="196">
        <v>32</v>
      </c>
      <c r="AQ7" s="196">
        <v>15</v>
      </c>
      <c r="AR7" s="193">
        <v>159</v>
      </c>
      <c r="AS7" s="198">
        <v>196</v>
      </c>
      <c r="AT7" s="192">
        <v>134</v>
      </c>
      <c r="AU7" s="196">
        <v>171</v>
      </c>
      <c r="AV7" s="193">
        <v>305</v>
      </c>
      <c r="AW7" s="195">
        <v>0</v>
      </c>
      <c r="AX7" s="196">
        <v>453</v>
      </c>
      <c r="AY7" s="196">
        <v>805</v>
      </c>
      <c r="AZ7" s="196">
        <v>650</v>
      </c>
      <c r="BA7" s="196">
        <v>504</v>
      </c>
      <c r="BB7" s="196">
        <v>374</v>
      </c>
      <c r="BC7" s="197">
        <v>2786</v>
      </c>
      <c r="BD7" s="198">
        <v>3091</v>
      </c>
      <c r="BE7" s="192">
        <v>0</v>
      </c>
      <c r="BF7" s="196">
        <v>0</v>
      </c>
      <c r="BG7" s="193">
        <v>0</v>
      </c>
      <c r="BH7" s="195">
        <v>0</v>
      </c>
      <c r="BI7" s="196">
        <v>593</v>
      </c>
      <c r="BJ7" s="196">
        <v>633</v>
      </c>
      <c r="BK7" s="196">
        <v>338</v>
      </c>
      <c r="BL7" s="196">
        <v>147</v>
      </c>
      <c r="BM7" s="196">
        <v>66</v>
      </c>
      <c r="BN7" s="193">
        <v>1777</v>
      </c>
      <c r="BO7" s="198">
        <v>1777</v>
      </c>
      <c r="BP7" s="192">
        <v>66</v>
      </c>
      <c r="BQ7" s="196">
        <v>92</v>
      </c>
      <c r="BR7" s="193">
        <v>158</v>
      </c>
      <c r="BS7" s="195">
        <v>0</v>
      </c>
      <c r="BT7" s="196">
        <v>148</v>
      </c>
      <c r="BU7" s="196">
        <v>269</v>
      </c>
      <c r="BV7" s="196">
        <v>161</v>
      </c>
      <c r="BW7" s="196">
        <v>83</v>
      </c>
      <c r="BX7" s="196">
        <v>26</v>
      </c>
      <c r="BY7" s="193">
        <v>687</v>
      </c>
      <c r="BZ7" s="198">
        <v>845</v>
      </c>
      <c r="CA7" s="192">
        <v>4</v>
      </c>
      <c r="CB7" s="196">
        <v>11</v>
      </c>
      <c r="CC7" s="193">
        <v>15</v>
      </c>
      <c r="CD7" s="195">
        <v>0</v>
      </c>
      <c r="CE7" s="196">
        <v>61</v>
      </c>
      <c r="CF7" s="196">
        <v>84</v>
      </c>
      <c r="CG7" s="196">
        <v>130</v>
      </c>
      <c r="CH7" s="196">
        <v>92</v>
      </c>
      <c r="CI7" s="196">
        <v>36</v>
      </c>
      <c r="CJ7" s="193">
        <v>403</v>
      </c>
      <c r="CK7" s="198">
        <v>418</v>
      </c>
      <c r="CL7" s="192">
        <v>0</v>
      </c>
      <c r="CM7" s="196">
        <v>2</v>
      </c>
      <c r="CN7" s="193">
        <v>2</v>
      </c>
      <c r="CO7" s="195">
        <v>0</v>
      </c>
      <c r="CP7" s="196">
        <v>14</v>
      </c>
      <c r="CQ7" s="196">
        <v>26</v>
      </c>
      <c r="CR7" s="196">
        <v>33</v>
      </c>
      <c r="CS7" s="196">
        <v>19</v>
      </c>
      <c r="CT7" s="196">
        <v>13</v>
      </c>
      <c r="CU7" s="193">
        <v>105</v>
      </c>
      <c r="CV7" s="198">
        <v>107</v>
      </c>
      <c r="CW7" s="192">
        <v>0</v>
      </c>
      <c r="CX7" s="196">
        <v>0</v>
      </c>
      <c r="CY7" s="193">
        <v>0</v>
      </c>
      <c r="CZ7" s="195">
        <v>0</v>
      </c>
      <c r="DA7" s="196">
        <v>0</v>
      </c>
      <c r="DB7" s="196">
        <v>0</v>
      </c>
      <c r="DC7" s="196">
        <v>0</v>
      </c>
      <c r="DD7" s="196">
        <v>0</v>
      </c>
      <c r="DE7" s="196">
        <v>0</v>
      </c>
      <c r="DF7" s="193">
        <v>0</v>
      </c>
      <c r="DG7" s="198">
        <v>0</v>
      </c>
      <c r="DH7" s="192">
        <v>0</v>
      </c>
      <c r="DI7" s="196">
        <v>0</v>
      </c>
      <c r="DJ7" s="193">
        <v>0</v>
      </c>
      <c r="DK7" s="195">
        <v>0</v>
      </c>
      <c r="DL7" s="196">
        <v>0</v>
      </c>
      <c r="DM7" s="196">
        <v>0</v>
      </c>
      <c r="DN7" s="196">
        <v>0</v>
      </c>
      <c r="DO7" s="196">
        <v>0</v>
      </c>
      <c r="DP7" s="196">
        <v>0</v>
      </c>
      <c r="DQ7" s="193">
        <v>0</v>
      </c>
      <c r="DR7" s="198">
        <v>0</v>
      </c>
      <c r="DS7" s="192">
        <v>239</v>
      </c>
      <c r="DT7" s="196">
        <v>574</v>
      </c>
      <c r="DU7" s="193">
        <v>813</v>
      </c>
      <c r="DV7" s="195">
        <v>0</v>
      </c>
      <c r="DW7" s="196">
        <v>555</v>
      </c>
      <c r="DX7" s="196">
        <v>1403</v>
      </c>
      <c r="DY7" s="196">
        <v>805</v>
      </c>
      <c r="DZ7" s="196">
        <v>558</v>
      </c>
      <c r="EA7" s="196">
        <v>322</v>
      </c>
      <c r="EB7" s="193">
        <v>3643</v>
      </c>
      <c r="EC7" s="198">
        <v>4456</v>
      </c>
      <c r="ED7" s="192">
        <v>84</v>
      </c>
      <c r="EE7" s="196">
        <v>58</v>
      </c>
      <c r="EF7" s="193">
        <v>142</v>
      </c>
      <c r="EG7" s="195">
        <v>0</v>
      </c>
      <c r="EH7" s="196">
        <v>212</v>
      </c>
      <c r="EI7" s="196">
        <v>275</v>
      </c>
      <c r="EJ7" s="196">
        <v>233</v>
      </c>
      <c r="EK7" s="196">
        <v>198</v>
      </c>
      <c r="EL7" s="196">
        <v>116</v>
      </c>
      <c r="EM7" s="193">
        <v>1034</v>
      </c>
      <c r="EN7" s="198">
        <v>1176</v>
      </c>
      <c r="EO7" s="192">
        <v>383</v>
      </c>
      <c r="EP7" s="196">
        <v>763</v>
      </c>
      <c r="EQ7" s="193">
        <v>1146</v>
      </c>
      <c r="ER7" s="195">
        <v>0</v>
      </c>
      <c r="ES7" s="196">
        <v>1577</v>
      </c>
      <c r="ET7" s="196">
        <v>2081</v>
      </c>
      <c r="EU7" s="196">
        <v>1020</v>
      </c>
      <c r="EV7" s="196">
        <v>620</v>
      </c>
      <c r="EW7" s="196">
        <v>340</v>
      </c>
      <c r="EX7" s="193">
        <v>5638</v>
      </c>
      <c r="EY7" s="198">
        <v>6784</v>
      </c>
    </row>
    <row r="8" spans="1:155" ht="19.5" customHeight="1" x14ac:dyDescent="0.2">
      <c r="A8" s="177" t="s">
        <v>6</v>
      </c>
      <c r="B8" s="192">
        <v>0</v>
      </c>
      <c r="C8" s="196">
        <v>0</v>
      </c>
      <c r="D8" s="458">
        <v>0</v>
      </c>
      <c r="E8" s="195">
        <v>0</v>
      </c>
      <c r="F8" s="196">
        <v>199</v>
      </c>
      <c r="G8" s="196">
        <v>137</v>
      </c>
      <c r="H8" s="196">
        <v>95</v>
      </c>
      <c r="I8" s="196">
        <v>86</v>
      </c>
      <c r="J8" s="196">
        <v>61</v>
      </c>
      <c r="K8" s="197">
        <v>578</v>
      </c>
      <c r="L8" s="198">
        <v>578</v>
      </c>
      <c r="M8" s="192">
        <v>0</v>
      </c>
      <c r="N8" s="196">
        <v>0</v>
      </c>
      <c r="O8" s="193">
        <v>0</v>
      </c>
      <c r="P8" s="195">
        <v>0</v>
      </c>
      <c r="Q8" s="196">
        <v>2</v>
      </c>
      <c r="R8" s="196">
        <v>5</v>
      </c>
      <c r="S8" s="196">
        <v>7</v>
      </c>
      <c r="T8" s="196">
        <v>13</v>
      </c>
      <c r="U8" s="196">
        <v>31</v>
      </c>
      <c r="V8" s="193">
        <v>58</v>
      </c>
      <c r="W8" s="198">
        <v>58</v>
      </c>
      <c r="X8" s="192">
        <v>24</v>
      </c>
      <c r="Y8" s="196">
        <v>42</v>
      </c>
      <c r="Z8" s="193">
        <v>66</v>
      </c>
      <c r="AA8" s="195">
        <v>0</v>
      </c>
      <c r="AB8" s="196">
        <v>131</v>
      </c>
      <c r="AC8" s="196">
        <v>129</v>
      </c>
      <c r="AD8" s="196">
        <v>75</v>
      </c>
      <c r="AE8" s="196">
        <v>75</v>
      </c>
      <c r="AF8" s="196">
        <v>63</v>
      </c>
      <c r="AG8" s="193">
        <v>473</v>
      </c>
      <c r="AH8" s="198">
        <v>539</v>
      </c>
      <c r="AI8" s="192">
        <v>2</v>
      </c>
      <c r="AJ8" s="196">
        <v>1</v>
      </c>
      <c r="AK8" s="193">
        <v>3</v>
      </c>
      <c r="AL8" s="195">
        <v>0</v>
      </c>
      <c r="AM8" s="196">
        <v>12</v>
      </c>
      <c r="AN8" s="196">
        <v>15</v>
      </c>
      <c r="AO8" s="196">
        <v>6</v>
      </c>
      <c r="AP8" s="196">
        <v>11</v>
      </c>
      <c r="AQ8" s="196">
        <v>6</v>
      </c>
      <c r="AR8" s="193">
        <v>50</v>
      </c>
      <c r="AS8" s="198">
        <v>53</v>
      </c>
      <c r="AT8" s="192">
        <v>67</v>
      </c>
      <c r="AU8" s="196">
        <v>40</v>
      </c>
      <c r="AV8" s="193">
        <v>107</v>
      </c>
      <c r="AW8" s="195">
        <v>0</v>
      </c>
      <c r="AX8" s="196">
        <v>229</v>
      </c>
      <c r="AY8" s="196">
        <v>214</v>
      </c>
      <c r="AZ8" s="196">
        <v>193</v>
      </c>
      <c r="BA8" s="196">
        <v>203</v>
      </c>
      <c r="BB8" s="196">
        <v>133</v>
      </c>
      <c r="BC8" s="197">
        <v>972</v>
      </c>
      <c r="BD8" s="198">
        <v>1079</v>
      </c>
      <c r="BE8" s="192">
        <v>0</v>
      </c>
      <c r="BF8" s="196">
        <v>0</v>
      </c>
      <c r="BG8" s="193">
        <v>0</v>
      </c>
      <c r="BH8" s="195">
        <v>0</v>
      </c>
      <c r="BI8" s="196">
        <v>251</v>
      </c>
      <c r="BJ8" s="196">
        <v>168</v>
      </c>
      <c r="BK8" s="196">
        <v>95</v>
      </c>
      <c r="BL8" s="196">
        <v>53</v>
      </c>
      <c r="BM8" s="196">
        <v>22</v>
      </c>
      <c r="BN8" s="193">
        <v>589</v>
      </c>
      <c r="BO8" s="198">
        <v>589</v>
      </c>
      <c r="BP8" s="192">
        <v>6</v>
      </c>
      <c r="BQ8" s="196">
        <v>11</v>
      </c>
      <c r="BR8" s="193">
        <v>17</v>
      </c>
      <c r="BS8" s="195">
        <v>0</v>
      </c>
      <c r="BT8" s="196">
        <v>47</v>
      </c>
      <c r="BU8" s="196">
        <v>64</v>
      </c>
      <c r="BV8" s="196">
        <v>35</v>
      </c>
      <c r="BW8" s="196">
        <v>24</v>
      </c>
      <c r="BX8" s="196">
        <v>10</v>
      </c>
      <c r="BY8" s="193">
        <v>180</v>
      </c>
      <c r="BZ8" s="198">
        <v>197</v>
      </c>
      <c r="CA8" s="192">
        <v>1</v>
      </c>
      <c r="CB8" s="196">
        <v>1</v>
      </c>
      <c r="CC8" s="193">
        <v>2</v>
      </c>
      <c r="CD8" s="195">
        <v>0</v>
      </c>
      <c r="CE8" s="196">
        <v>20</v>
      </c>
      <c r="CF8" s="196">
        <v>33</v>
      </c>
      <c r="CG8" s="196">
        <v>29</v>
      </c>
      <c r="CH8" s="196">
        <v>16</v>
      </c>
      <c r="CI8" s="196">
        <v>14</v>
      </c>
      <c r="CJ8" s="193">
        <v>112</v>
      </c>
      <c r="CK8" s="198">
        <v>114</v>
      </c>
      <c r="CL8" s="192">
        <v>0</v>
      </c>
      <c r="CM8" s="196">
        <v>0</v>
      </c>
      <c r="CN8" s="193">
        <v>0</v>
      </c>
      <c r="CO8" s="195">
        <v>0</v>
      </c>
      <c r="CP8" s="196">
        <v>4</v>
      </c>
      <c r="CQ8" s="196">
        <v>7</v>
      </c>
      <c r="CR8" s="196">
        <v>8</v>
      </c>
      <c r="CS8" s="196">
        <v>7</v>
      </c>
      <c r="CT8" s="196">
        <v>2</v>
      </c>
      <c r="CU8" s="193">
        <v>28</v>
      </c>
      <c r="CV8" s="198">
        <v>28</v>
      </c>
      <c r="CW8" s="192">
        <v>0</v>
      </c>
      <c r="CX8" s="196">
        <v>0</v>
      </c>
      <c r="CY8" s="193">
        <v>0</v>
      </c>
      <c r="CZ8" s="195">
        <v>0</v>
      </c>
      <c r="DA8" s="196">
        <v>0</v>
      </c>
      <c r="DB8" s="196">
        <v>0</v>
      </c>
      <c r="DC8" s="196">
        <v>0</v>
      </c>
      <c r="DD8" s="196">
        <v>0</v>
      </c>
      <c r="DE8" s="196">
        <v>0</v>
      </c>
      <c r="DF8" s="193">
        <v>0</v>
      </c>
      <c r="DG8" s="198">
        <v>0</v>
      </c>
      <c r="DH8" s="192">
        <v>0</v>
      </c>
      <c r="DI8" s="196">
        <v>0</v>
      </c>
      <c r="DJ8" s="193">
        <v>0</v>
      </c>
      <c r="DK8" s="195">
        <v>0</v>
      </c>
      <c r="DL8" s="196">
        <v>0</v>
      </c>
      <c r="DM8" s="196">
        <v>0</v>
      </c>
      <c r="DN8" s="196">
        <v>0</v>
      </c>
      <c r="DO8" s="196">
        <v>0</v>
      </c>
      <c r="DP8" s="196">
        <v>0</v>
      </c>
      <c r="DQ8" s="193">
        <v>0</v>
      </c>
      <c r="DR8" s="198">
        <v>0</v>
      </c>
      <c r="DS8" s="192">
        <v>75</v>
      </c>
      <c r="DT8" s="196">
        <v>122</v>
      </c>
      <c r="DU8" s="193">
        <v>197</v>
      </c>
      <c r="DV8" s="195">
        <v>0</v>
      </c>
      <c r="DW8" s="196">
        <v>304</v>
      </c>
      <c r="DX8" s="196">
        <v>357</v>
      </c>
      <c r="DY8" s="196">
        <v>228</v>
      </c>
      <c r="DZ8" s="196">
        <v>188</v>
      </c>
      <c r="EA8" s="196">
        <v>113</v>
      </c>
      <c r="EB8" s="193">
        <v>1190</v>
      </c>
      <c r="EC8" s="198">
        <v>1387</v>
      </c>
      <c r="ED8" s="192">
        <v>46</v>
      </c>
      <c r="EE8" s="196">
        <v>14</v>
      </c>
      <c r="EF8" s="193">
        <v>60</v>
      </c>
      <c r="EG8" s="195">
        <v>0</v>
      </c>
      <c r="EH8" s="196">
        <v>73</v>
      </c>
      <c r="EI8" s="196">
        <v>62</v>
      </c>
      <c r="EJ8" s="196">
        <v>47</v>
      </c>
      <c r="EK8" s="196">
        <v>67</v>
      </c>
      <c r="EL8" s="196">
        <v>33</v>
      </c>
      <c r="EM8" s="193">
        <v>282</v>
      </c>
      <c r="EN8" s="198">
        <v>342</v>
      </c>
      <c r="EO8" s="192">
        <v>102</v>
      </c>
      <c r="EP8" s="196">
        <v>156</v>
      </c>
      <c r="EQ8" s="193">
        <v>258</v>
      </c>
      <c r="ER8" s="195">
        <v>0</v>
      </c>
      <c r="ES8" s="196">
        <v>615</v>
      </c>
      <c r="ET8" s="196">
        <v>486</v>
      </c>
      <c r="EU8" s="196">
        <v>261</v>
      </c>
      <c r="EV8" s="196">
        <v>196</v>
      </c>
      <c r="EW8" s="196">
        <v>127</v>
      </c>
      <c r="EX8" s="193">
        <v>1685</v>
      </c>
      <c r="EY8" s="198">
        <v>1943</v>
      </c>
    </row>
    <row r="9" spans="1:155" ht="19.5" customHeight="1" x14ac:dyDescent="0.2">
      <c r="A9" s="177" t="s">
        <v>14</v>
      </c>
      <c r="B9" s="192">
        <v>0</v>
      </c>
      <c r="C9" s="196">
        <v>0</v>
      </c>
      <c r="D9" s="458">
        <v>0</v>
      </c>
      <c r="E9" s="195">
        <v>0</v>
      </c>
      <c r="F9" s="196">
        <v>75</v>
      </c>
      <c r="G9" s="196">
        <v>91</v>
      </c>
      <c r="H9" s="196">
        <v>49</v>
      </c>
      <c r="I9" s="196">
        <v>22</v>
      </c>
      <c r="J9" s="196">
        <v>21</v>
      </c>
      <c r="K9" s="197">
        <v>258</v>
      </c>
      <c r="L9" s="198">
        <v>258</v>
      </c>
      <c r="M9" s="192">
        <v>0</v>
      </c>
      <c r="N9" s="196">
        <v>0</v>
      </c>
      <c r="O9" s="193">
        <v>0</v>
      </c>
      <c r="P9" s="195">
        <v>0</v>
      </c>
      <c r="Q9" s="196">
        <v>0</v>
      </c>
      <c r="R9" s="196">
        <v>1</v>
      </c>
      <c r="S9" s="196">
        <v>3</v>
      </c>
      <c r="T9" s="196">
        <v>3</v>
      </c>
      <c r="U9" s="196">
        <v>6</v>
      </c>
      <c r="V9" s="193">
        <v>13</v>
      </c>
      <c r="W9" s="198">
        <v>13</v>
      </c>
      <c r="X9" s="192">
        <v>5</v>
      </c>
      <c r="Y9" s="196">
        <v>28</v>
      </c>
      <c r="Z9" s="193">
        <v>33</v>
      </c>
      <c r="AA9" s="195">
        <v>0</v>
      </c>
      <c r="AB9" s="196">
        <v>55</v>
      </c>
      <c r="AC9" s="196">
        <v>83</v>
      </c>
      <c r="AD9" s="196">
        <v>61</v>
      </c>
      <c r="AE9" s="196">
        <v>40</v>
      </c>
      <c r="AF9" s="196">
        <v>20</v>
      </c>
      <c r="AG9" s="193">
        <v>259</v>
      </c>
      <c r="AH9" s="198">
        <v>292</v>
      </c>
      <c r="AI9" s="192">
        <v>1</v>
      </c>
      <c r="AJ9" s="196">
        <v>2</v>
      </c>
      <c r="AK9" s="193">
        <v>3</v>
      </c>
      <c r="AL9" s="195">
        <v>0</v>
      </c>
      <c r="AM9" s="196">
        <v>1</v>
      </c>
      <c r="AN9" s="196">
        <v>1</v>
      </c>
      <c r="AO9" s="196">
        <v>2</v>
      </c>
      <c r="AP9" s="196">
        <v>2</v>
      </c>
      <c r="AQ9" s="196">
        <v>1</v>
      </c>
      <c r="AR9" s="193">
        <v>7</v>
      </c>
      <c r="AS9" s="198">
        <v>10</v>
      </c>
      <c r="AT9" s="192">
        <v>17</v>
      </c>
      <c r="AU9" s="196">
        <v>25</v>
      </c>
      <c r="AV9" s="193">
        <v>42</v>
      </c>
      <c r="AW9" s="195">
        <v>0</v>
      </c>
      <c r="AX9" s="196">
        <v>105</v>
      </c>
      <c r="AY9" s="196">
        <v>118</v>
      </c>
      <c r="AZ9" s="196">
        <v>107</v>
      </c>
      <c r="BA9" s="196">
        <v>83</v>
      </c>
      <c r="BB9" s="196">
        <v>50</v>
      </c>
      <c r="BC9" s="197">
        <v>463</v>
      </c>
      <c r="BD9" s="198">
        <v>505</v>
      </c>
      <c r="BE9" s="192">
        <v>0</v>
      </c>
      <c r="BF9" s="196">
        <v>0</v>
      </c>
      <c r="BG9" s="193">
        <v>0</v>
      </c>
      <c r="BH9" s="195">
        <v>0</v>
      </c>
      <c r="BI9" s="196">
        <v>131</v>
      </c>
      <c r="BJ9" s="196">
        <v>106</v>
      </c>
      <c r="BK9" s="196">
        <v>63</v>
      </c>
      <c r="BL9" s="196">
        <v>49</v>
      </c>
      <c r="BM9" s="196">
        <v>12</v>
      </c>
      <c r="BN9" s="193">
        <v>361</v>
      </c>
      <c r="BO9" s="198">
        <v>361</v>
      </c>
      <c r="BP9" s="192">
        <v>3</v>
      </c>
      <c r="BQ9" s="196">
        <v>11</v>
      </c>
      <c r="BR9" s="193">
        <v>14</v>
      </c>
      <c r="BS9" s="195">
        <v>0</v>
      </c>
      <c r="BT9" s="196">
        <v>6</v>
      </c>
      <c r="BU9" s="196">
        <v>30</v>
      </c>
      <c r="BV9" s="196">
        <v>19</v>
      </c>
      <c r="BW9" s="196">
        <v>9</v>
      </c>
      <c r="BX9" s="196">
        <v>2</v>
      </c>
      <c r="BY9" s="193">
        <v>66</v>
      </c>
      <c r="BZ9" s="198">
        <v>80</v>
      </c>
      <c r="CA9" s="192">
        <v>0</v>
      </c>
      <c r="CB9" s="196">
        <v>2</v>
      </c>
      <c r="CC9" s="193">
        <v>2</v>
      </c>
      <c r="CD9" s="195">
        <v>0</v>
      </c>
      <c r="CE9" s="196">
        <v>20</v>
      </c>
      <c r="CF9" s="196">
        <v>18</v>
      </c>
      <c r="CG9" s="196">
        <v>24</v>
      </c>
      <c r="CH9" s="196">
        <v>21</v>
      </c>
      <c r="CI9" s="196">
        <v>8</v>
      </c>
      <c r="CJ9" s="193">
        <v>91</v>
      </c>
      <c r="CK9" s="198">
        <v>93</v>
      </c>
      <c r="CL9" s="192">
        <v>0</v>
      </c>
      <c r="CM9" s="196">
        <v>0</v>
      </c>
      <c r="CN9" s="193">
        <v>0</v>
      </c>
      <c r="CO9" s="195">
        <v>0</v>
      </c>
      <c r="CP9" s="196">
        <v>0</v>
      </c>
      <c r="CQ9" s="196">
        <v>0</v>
      </c>
      <c r="CR9" s="196">
        <v>3</v>
      </c>
      <c r="CS9" s="196">
        <v>1</v>
      </c>
      <c r="CT9" s="196">
        <v>0</v>
      </c>
      <c r="CU9" s="193">
        <v>4</v>
      </c>
      <c r="CV9" s="198">
        <v>4</v>
      </c>
      <c r="CW9" s="192">
        <v>0</v>
      </c>
      <c r="CX9" s="196">
        <v>0</v>
      </c>
      <c r="CY9" s="193">
        <v>0</v>
      </c>
      <c r="CZ9" s="195">
        <v>0</v>
      </c>
      <c r="DA9" s="196">
        <v>0</v>
      </c>
      <c r="DB9" s="196">
        <v>0</v>
      </c>
      <c r="DC9" s="196">
        <v>0</v>
      </c>
      <c r="DD9" s="196">
        <v>0</v>
      </c>
      <c r="DE9" s="196">
        <v>0</v>
      </c>
      <c r="DF9" s="193">
        <v>0</v>
      </c>
      <c r="DG9" s="198">
        <v>0</v>
      </c>
      <c r="DH9" s="192">
        <v>0</v>
      </c>
      <c r="DI9" s="196">
        <v>0</v>
      </c>
      <c r="DJ9" s="193">
        <v>0</v>
      </c>
      <c r="DK9" s="195">
        <v>0</v>
      </c>
      <c r="DL9" s="196">
        <v>0</v>
      </c>
      <c r="DM9" s="196">
        <v>0</v>
      </c>
      <c r="DN9" s="196">
        <v>0</v>
      </c>
      <c r="DO9" s="196">
        <v>0</v>
      </c>
      <c r="DP9" s="196">
        <v>0</v>
      </c>
      <c r="DQ9" s="193">
        <v>0</v>
      </c>
      <c r="DR9" s="198">
        <v>0</v>
      </c>
      <c r="DS9" s="192">
        <v>41</v>
      </c>
      <c r="DT9" s="196">
        <v>101</v>
      </c>
      <c r="DU9" s="193">
        <v>142</v>
      </c>
      <c r="DV9" s="195">
        <v>0</v>
      </c>
      <c r="DW9" s="196">
        <v>105</v>
      </c>
      <c r="DX9" s="196">
        <v>235</v>
      </c>
      <c r="DY9" s="196">
        <v>142</v>
      </c>
      <c r="DZ9" s="196">
        <v>99</v>
      </c>
      <c r="EA9" s="196">
        <v>42</v>
      </c>
      <c r="EB9" s="193">
        <v>623</v>
      </c>
      <c r="EC9" s="198">
        <v>765</v>
      </c>
      <c r="ED9" s="192">
        <v>14</v>
      </c>
      <c r="EE9" s="196">
        <v>13</v>
      </c>
      <c r="EF9" s="193">
        <v>27</v>
      </c>
      <c r="EG9" s="195">
        <v>0</v>
      </c>
      <c r="EH9" s="196">
        <v>37</v>
      </c>
      <c r="EI9" s="196">
        <v>33</v>
      </c>
      <c r="EJ9" s="196">
        <v>22</v>
      </c>
      <c r="EK9" s="196">
        <v>30</v>
      </c>
      <c r="EL9" s="196">
        <v>19</v>
      </c>
      <c r="EM9" s="193">
        <v>141</v>
      </c>
      <c r="EN9" s="198">
        <v>168</v>
      </c>
      <c r="EO9" s="192">
        <v>48</v>
      </c>
      <c r="EP9" s="196">
        <v>123</v>
      </c>
      <c r="EQ9" s="193">
        <v>171</v>
      </c>
      <c r="ER9" s="195">
        <v>0</v>
      </c>
      <c r="ES9" s="196">
        <v>296</v>
      </c>
      <c r="ET9" s="196">
        <v>323</v>
      </c>
      <c r="EU9" s="196">
        <v>178</v>
      </c>
      <c r="EV9" s="196">
        <v>103</v>
      </c>
      <c r="EW9" s="196">
        <v>46</v>
      </c>
      <c r="EX9" s="193">
        <v>946</v>
      </c>
      <c r="EY9" s="198">
        <v>1117</v>
      </c>
    </row>
    <row r="10" spans="1:155" ht="19.5" customHeight="1" x14ac:dyDescent="0.2">
      <c r="A10" s="177" t="s">
        <v>7</v>
      </c>
      <c r="B10" s="192">
        <v>0</v>
      </c>
      <c r="C10" s="196">
        <v>0</v>
      </c>
      <c r="D10" s="458">
        <v>0</v>
      </c>
      <c r="E10" s="195">
        <v>0</v>
      </c>
      <c r="F10" s="196">
        <v>128</v>
      </c>
      <c r="G10" s="196">
        <v>116</v>
      </c>
      <c r="H10" s="196">
        <v>59</v>
      </c>
      <c r="I10" s="196">
        <v>41</v>
      </c>
      <c r="J10" s="196">
        <v>20</v>
      </c>
      <c r="K10" s="197">
        <v>364</v>
      </c>
      <c r="L10" s="198">
        <v>364</v>
      </c>
      <c r="M10" s="192">
        <v>0</v>
      </c>
      <c r="N10" s="196">
        <v>0</v>
      </c>
      <c r="O10" s="193">
        <v>0</v>
      </c>
      <c r="P10" s="195">
        <v>0</v>
      </c>
      <c r="Q10" s="196">
        <v>1</v>
      </c>
      <c r="R10" s="196">
        <v>2</v>
      </c>
      <c r="S10" s="196">
        <v>8</v>
      </c>
      <c r="T10" s="196">
        <v>8</v>
      </c>
      <c r="U10" s="196">
        <v>11</v>
      </c>
      <c r="V10" s="193">
        <v>30</v>
      </c>
      <c r="W10" s="198">
        <v>30</v>
      </c>
      <c r="X10" s="192">
        <v>1</v>
      </c>
      <c r="Y10" s="196">
        <v>4</v>
      </c>
      <c r="Z10" s="193">
        <v>5</v>
      </c>
      <c r="AA10" s="195">
        <v>0</v>
      </c>
      <c r="AB10" s="196">
        <v>55</v>
      </c>
      <c r="AC10" s="196">
        <v>46</v>
      </c>
      <c r="AD10" s="196">
        <v>31</v>
      </c>
      <c r="AE10" s="196">
        <v>18</v>
      </c>
      <c r="AF10" s="196">
        <v>8</v>
      </c>
      <c r="AG10" s="193">
        <v>158</v>
      </c>
      <c r="AH10" s="198">
        <v>163</v>
      </c>
      <c r="AI10" s="192">
        <v>0</v>
      </c>
      <c r="AJ10" s="196">
        <v>1</v>
      </c>
      <c r="AK10" s="193">
        <v>1</v>
      </c>
      <c r="AL10" s="195">
        <v>0</v>
      </c>
      <c r="AM10" s="196">
        <v>3</v>
      </c>
      <c r="AN10" s="196">
        <v>4</v>
      </c>
      <c r="AO10" s="196">
        <v>3</v>
      </c>
      <c r="AP10" s="196">
        <v>6</v>
      </c>
      <c r="AQ10" s="196">
        <v>2</v>
      </c>
      <c r="AR10" s="193">
        <v>18</v>
      </c>
      <c r="AS10" s="198">
        <v>19</v>
      </c>
      <c r="AT10" s="192">
        <v>17</v>
      </c>
      <c r="AU10" s="196">
        <v>12</v>
      </c>
      <c r="AV10" s="193">
        <v>29</v>
      </c>
      <c r="AW10" s="195">
        <v>0</v>
      </c>
      <c r="AX10" s="196">
        <v>121</v>
      </c>
      <c r="AY10" s="196">
        <v>106</v>
      </c>
      <c r="AZ10" s="196">
        <v>105</v>
      </c>
      <c r="BA10" s="196">
        <v>78</v>
      </c>
      <c r="BB10" s="196">
        <v>41</v>
      </c>
      <c r="BC10" s="197">
        <v>451</v>
      </c>
      <c r="BD10" s="198">
        <v>480</v>
      </c>
      <c r="BE10" s="192">
        <v>0</v>
      </c>
      <c r="BF10" s="196">
        <v>0</v>
      </c>
      <c r="BG10" s="193">
        <v>0</v>
      </c>
      <c r="BH10" s="195">
        <v>0</v>
      </c>
      <c r="BI10" s="196">
        <v>139</v>
      </c>
      <c r="BJ10" s="196">
        <v>113</v>
      </c>
      <c r="BK10" s="196">
        <v>51</v>
      </c>
      <c r="BL10" s="196">
        <v>25</v>
      </c>
      <c r="BM10" s="196">
        <v>10</v>
      </c>
      <c r="BN10" s="193">
        <v>338</v>
      </c>
      <c r="BO10" s="198">
        <v>338</v>
      </c>
      <c r="BP10" s="192">
        <v>1</v>
      </c>
      <c r="BQ10" s="196">
        <v>2</v>
      </c>
      <c r="BR10" s="193">
        <v>3</v>
      </c>
      <c r="BS10" s="195">
        <v>0</v>
      </c>
      <c r="BT10" s="196">
        <v>25</v>
      </c>
      <c r="BU10" s="196">
        <v>15</v>
      </c>
      <c r="BV10" s="196">
        <v>14</v>
      </c>
      <c r="BW10" s="196">
        <v>8</v>
      </c>
      <c r="BX10" s="196">
        <v>3</v>
      </c>
      <c r="BY10" s="193">
        <v>65</v>
      </c>
      <c r="BZ10" s="198">
        <v>68</v>
      </c>
      <c r="CA10" s="192">
        <v>0</v>
      </c>
      <c r="CB10" s="196">
        <v>0</v>
      </c>
      <c r="CC10" s="193">
        <v>0</v>
      </c>
      <c r="CD10" s="195">
        <v>0</v>
      </c>
      <c r="CE10" s="196">
        <v>17</v>
      </c>
      <c r="CF10" s="196">
        <v>28</v>
      </c>
      <c r="CG10" s="196">
        <v>23</v>
      </c>
      <c r="CH10" s="196">
        <v>9</v>
      </c>
      <c r="CI10" s="196">
        <v>8</v>
      </c>
      <c r="CJ10" s="193">
        <v>85</v>
      </c>
      <c r="CK10" s="198">
        <v>85</v>
      </c>
      <c r="CL10" s="192">
        <v>0</v>
      </c>
      <c r="CM10" s="196">
        <v>0</v>
      </c>
      <c r="CN10" s="193">
        <v>0</v>
      </c>
      <c r="CO10" s="195">
        <v>0</v>
      </c>
      <c r="CP10" s="196">
        <v>0</v>
      </c>
      <c r="CQ10" s="196">
        <v>0</v>
      </c>
      <c r="CR10" s="196">
        <v>2</v>
      </c>
      <c r="CS10" s="196">
        <v>1</v>
      </c>
      <c r="CT10" s="196">
        <v>0</v>
      </c>
      <c r="CU10" s="193">
        <v>3</v>
      </c>
      <c r="CV10" s="198">
        <v>3</v>
      </c>
      <c r="CW10" s="192">
        <v>0</v>
      </c>
      <c r="CX10" s="196">
        <v>0</v>
      </c>
      <c r="CY10" s="193">
        <v>0</v>
      </c>
      <c r="CZ10" s="195">
        <v>0</v>
      </c>
      <c r="DA10" s="196">
        <v>0</v>
      </c>
      <c r="DB10" s="196">
        <v>0</v>
      </c>
      <c r="DC10" s="196">
        <v>0</v>
      </c>
      <c r="DD10" s="196">
        <v>0</v>
      </c>
      <c r="DE10" s="196">
        <v>0</v>
      </c>
      <c r="DF10" s="193">
        <v>0</v>
      </c>
      <c r="DG10" s="198">
        <v>0</v>
      </c>
      <c r="DH10" s="192">
        <v>0</v>
      </c>
      <c r="DI10" s="196">
        <v>0</v>
      </c>
      <c r="DJ10" s="193">
        <v>0</v>
      </c>
      <c r="DK10" s="195">
        <v>0</v>
      </c>
      <c r="DL10" s="196">
        <v>0</v>
      </c>
      <c r="DM10" s="196">
        <v>0</v>
      </c>
      <c r="DN10" s="196">
        <v>0</v>
      </c>
      <c r="DO10" s="196">
        <v>0</v>
      </c>
      <c r="DP10" s="196">
        <v>0</v>
      </c>
      <c r="DQ10" s="193">
        <v>0</v>
      </c>
      <c r="DR10" s="198">
        <v>0</v>
      </c>
      <c r="DS10" s="192">
        <v>17</v>
      </c>
      <c r="DT10" s="196">
        <v>34</v>
      </c>
      <c r="DU10" s="193">
        <v>51</v>
      </c>
      <c r="DV10" s="195">
        <v>0</v>
      </c>
      <c r="DW10" s="196">
        <v>152</v>
      </c>
      <c r="DX10" s="196">
        <v>204</v>
      </c>
      <c r="DY10" s="196">
        <v>118</v>
      </c>
      <c r="DZ10" s="196">
        <v>75</v>
      </c>
      <c r="EA10" s="196">
        <v>32</v>
      </c>
      <c r="EB10" s="193">
        <v>581</v>
      </c>
      <c r="EC10" s="198">
        <v>632</v>
      </c>
      <c r="ED10" s="192">
        <v>8</v>
      </c>
      <c r="EE10" s="196">
        <v>6</v>
      </c>
      <c r="EF10" s="193">
        <v>14</v>
      </c>
      <c r="EG10" s="195">
        <v>0</v>
      </c>
      <c r="EH10" s="196">
        <v>52</v>
      </c>
      <c r="EI10" s="196">
        <v>37</v>
      </c>
      <c r="EJ10" s="196">
        <v>32</v>
      </c>
      <c r="EK10" s="196">
        <v>30</v>
      </c>
      <c r="EL10" s="196">
        <v>16</v>
      </c>
      <c r="EM10" s="193">
        <v>167</v>
      </c>
      <c r="EN10" s="198">
        <v>181</v>
      </c>
      <c r="EO10" s="192">
        <v>21</v>
      </c>
      <c r="EP10" s="196">
        <v>38</v>
      </c>
      <c r="EQ10" s="193">
        <v>59</v>
      </c>
      <c r="ER10" s="195">
        <v>0</v>
      </c>
      <c r="ES10" s="196">
        <v>360</v>
      </c>
      <c r="ET10" s="196">
        <v>282</v>
      </c>
      <c r="EU10" s="196">
        <v>145</v>
      </c>
      <c r="EV10" s="196">
        <v>80</v>
      </c>
      <c r="EW10" s="196">
        <v>35</v>
      </c>
      <c r="EX10" s="193">
        <v>902</v>
      </c>
      <c r="EY10" s="198">
        <v>961</v>
      </c>
    </row>
    <row r="11" spans="1:155" ht="19.5" customHeight="1" x14ac:dyDescent="0.2">
      <c r="A11" s="177" t="s">
        <v>8</v>
      </c>
      <c r="B11" s="192">
        <v>0</v>
      </c>
      <c r="C11" s="196">
        <v>0</v>
      </c>
      <c r="D11" s="458">
        <v>0</v>
      </c>
      <c r="E11" s="195">
        <v>0</v>
      </c>
      <c r="F11" s="196">
        <v>26</v>
      </c>
      <c r="G11" s="196">
        <v>29</v>
      </c>
      <c r="H11" s="196">
        <v>25</v>
      </c>
      <c r="I11" s="196">
        <v>9</v>
      </c>
      <c r="J11" s="196">
        <v>10</v>
      </c>
      <c r="K11" s="197">
        <v>99</v>
      </c>
      <c r="L11" s="198">
        <v>99</v>
      </c>
      <c r="M11" s="192">
        <v>0</v>
      </c>
      <c r="N11" s="196">
        <v>0</v>
      </c>
      <c r="O11" s="193">
        <v>0</v>
      </c>
      <c r="P11" s="195">
        <v>0</v>
      </c>
      <c r="Q11" s="196">
        <v>0</v>
      </c>
      <c r="R11" s="196">
        <v>1</v>
      </c>
      <c r="S11" s="196">
        <v>1</v>
      </c>
      <c r="T11" s="196">
        <v>3</v>
      </c>
      <c r="U11" s="196">
        <v>5</v>
      </c>
      <c r="V11" s="193">
        <v>10</v>
      </c>
      <c r="W11" s="198">
        <v>10</v>
      </c>
      <c r="X11" s="192">
        <v>3</v>
      </c>
      <c r="Y11" s="196">
        <v>6</v>
      </c>
      <c r="Z11" s="193">
        <v>9</v>
      </c>
      <c r="AA11" s="195">
        <v>0</v>
      </c>
      <c r="AB11" s="196">
        <v>19</v>
      </c>
      <c r="AC11" s="196">
        <v>25</v>
      </c>
      <c r="AD11" s="196">
        <v>20</v>
      </c>
      <c r="AE11" s="196">
        <v>16</v>
      </c>
      <c r="AF11" s="196">
        <v>8</v>
      </c>
      <c r="AG11" s="193">
        <v>88</v>
      </c>
      <c r="AH11" s="198">
        <v>97</v>
      </c>
      <c r="AI11" s="192">
        <v>0</v>
      </c>
      <c r="AJ11" s="196">
        <v>2</v>
      </c>
      <c r="AK11" s="193">
        <v>2</v>
      </c>
      <c r="AL11" s="195">
        <v>0</v>
      </c>
      <c r="AM11" s="196">
        <v>1</v>
      </c>
      <c r="AN11" s="196">
        <v>8</v>
      </c>
      <c r="AO11" s="196">
        <v>9</v>
      </c>
      <c r="AP11" s="196">
        <v>4</v>
      </c>
      <c r="AQ11" s="196">
        <v>1</v>
      </c>
      <c r="AR11" s="193">
        <v>23</v>
      </c>
      <c r="AS11" s="198">
        <v>25</v>
      </c>
      <c r="AT11" s="192">
        <v>7</v>
      </c>
      <c r="AU11" s="196">
        <v>6</v>
      </c>
      <c r="AV11" s="193">
        <v>13</v>
      </c>
      <c r="AW11" s="195">
        <v>0</v>
      </c>
      <c r="AX11" s="196">
        <v>31</v>
      </c>
      <c r="AY11" s="196">
        <v>37</v>
      </c>
      <c r="AZ11" s="196">
        <v>33</v>
      </c>
      <c r="BA11" s="196">
        <v>31</v>
      </c>
      <c r="BB11" s="196">
        <v>19</v>
      </c>
      <c r="BC11" s="197">
        <v>151</v>
      </c>
      <c r="BD11" s="198">
        <v>164</v>
      </c>
      <c r="BE11" s="192">
        <v>0</v>
      </c>
      <c r="BF11" s="196">
        <v>0</v>
      </c>
      <c r="BG11" s="193">
        <v>0</v>
      </c>
      <c r="BH11" s="195">
        <v>0</v>
      </c>
      <c r="BI11" s="196">
        <v>39</v>
      </c>
      <c r="BJ11" s="196">
        <v>41</v>
      </c>
      <c r="BK11" s="196">
        <v>20</v>
      </c>
      <c r="BL11" s="196">
        <v>8</v>
      </c>
      <c r="BM11" s="196">
        <v>5</v>
      </c>
      <c r="BN11" s="193">
        <v>113</v>
      </c>
      <c r="BO11" s="198">
        <v>113</v>
      </c>
      <c r="BP11" s="192">
        <v>7</v>
      </c>
      <c r="BQ11" s="196">
        <v>2</v>
      </c>
      <c r="BR11" s="193">
        <v>9</v>
      </c>
      <c r="BS11" s="195">
        <v>0</v>
      </c>
      <c r="BT11" s="196">
        <v>5</v>
      </c>
      <c r="BU11" s="196">
        <v>12</v>
      </c>
      <c r="BV11" s="196">
        <v>6</v>
      </c>
      <c r="BW11" s="196">
        <v>6</v>
      </c>
      <c r="BX11" s="196">
        <v>1</v>
      </c>
      <c r="BY11" s="193">
        <v>30</v>
      </c>
      <c r="BZ11" s="198">
        <v>39</v>
      </c>
      <c r="CA11" s="192">
        <v>0</v>
      </c>
      <c r="CB11" s="196">
        <v>2</v>
      </c>
      <c r="CC11" s="193">
        <v>2</v>
      </c>
      <c r="CD11" s="195">
        <v>0</v>
      </c>
      <c r="CE11" s="196">
        <v>5</v>
      </c>
      <c r="CF11" s="196">
        <v>6</v>
      </c>
      <c r="CG11" s="196">
        <v>7</v>
      </c>
      <c r="CH11" s="196">
        <v>6</v>
      </c>
      <c r="CI11" s="196">
        <v>3</v>
      </c>
      <c r="CJ11" s="193">
        <v>27</v>
      </c>
      <c r="CK11" s="198">
        <v>29</v>
      </c>
      <c r="CL11" s="192">
        <v>0</v>
      </c>
      <c r="CM11" s="196">
        <v>0</v>
      </c>
      <c r="CN11" s="193">
        <v>0</v>
      </c>
      <c r="CO11" s="195">
        <v>0</v>
      </c>
      <c r="CP11" s="196">
        <v>0</v>
      </c>
      <c r="CQ11" s="196">
        <v>0</v>
      </c>
      <c r="CR11" s="196">
        <v>0</v>
      </c>
      <c r="CS11" s="196">
        <v>0</v>
      </c>
      <c r="CT11" s="196">
        <v>0</v>
      </c>
      <c r="CU11" s="193">
        <v>0</v>
      </c>
      <c r="CV11" s="198">
        <v>0</v>
      </c>
      <c r="CW11" s="192">
        <v>0</v>
      </c>
      <c r="CX11" s="196">
        <v>0</v>
      </c>
      <c r="CY11" s="193">
        <v>0</v>
      </c>
      <c r="CZ11" s="195">
        <v>0</v>
      </c>
      <c r="DA11" s="196">
        <v>0</v>
      </c>
      <c r="DB11" s="196">
        <v>0</v>
      </c>
      <c r="DC11" s="196">
        <v>0</v>
      </c>
      <c r="DD11" s="196">
        <v>0</v>
      </c>
      <c r="DE11" s="196">
        <v>0</v>
      </c>
      <c r="DF11" s="193">
        <v>0</v>
      </c>
      <c r="DG11" s="198">
        <v>0</v>
      </c>
      <c r="DH11" s="192">
        <v>0</v>
      </c>
      <c r="DI11" s="196">
        <v>0</v>
      </c>
      <c r="DJ11" s="193">
        <v>0</v>
      </c>
      <c r="DK11" s="195">
        <v>0</v>
      </c>
      <c r="DL11" s="196">
        <v>0</v>
      </c>
      <c r="DM11" s="196">
        <v>0</v>
      </c>
      <c r="DN11" s="196">
        <v>0</v>
      </c>
      <c r="DO11" s="196">
        <v>0</v>
      </c>
      <c r="DP11" s="196">
        <v>0</v>
      </c>
      <c r="DQ11" s="193">
        <v>0</v>
      </c>
      <c r="DR11" s="198">
        <v>0</v>
      </c>
      <c r="DS11" s="192">
        <v>19</v>
      </c>
      <c r="DT11" s="196">
        <v>17</v>
      </c>
      <c r="DU11" s="193">
        <v>36</v>
      </c>
      <c r="DV11" s="195">
        <v>0</v>
      </c>
      <c r="DW11" s="196">
        <v>55</v>
      </c>
      <c r="DX11" s="196">
        <v>96</v>
      </c>
      <c r="DY11" s="196">
        <v>60</v>
      </c>
      <c r="DZ11" s="196">
        <v>32</v>
      </c>
      <c r="EA11" s="196">
        <v>21</v>
      </c>
      <c r="EB11" s="193">
        <v>264</v>
      </c>
      <c r="EC11" s="198">
        <v>300</v>
      </c>
      <c r="ED11" s="192">
        <v>4</v>
      </c>
      <c r="EE11" s="196">
        <v>6</v>
      </c>
      <c r="EF11" s="193">
        <v>10</v>
      </c>
      <c r="EG11" s="195">
        <v>0</v>
      </c>
      <c r="EH11" s="196">
        <v>13</v>
      </c>
      <c r="EI11" s="196">
        <v>9</v>
      </c>
      <c r="EJ11" s="196">
        <v>5</v>
      </c>
      <c r="EK11" s="196">
        <v>10</v>
      </c>
      <c r="EL11" s="196">
        <v>5</v>
      </c>
      <c r="EM11" s="193">
        <v>42</v>
      </c>
      <c r="EN11" s="198">
        <v>52</v>
      </c>
      <c r="EO11" s="192">
        <v>27</v>
      </c>
      <c r="EP11" s="196">
        <v>27</v>
      </c>
      <c r="EQ11" s="193">
        <v>54</v>
      </c>
      <c r="ER11" s="195">
        <v>0</v>
      </c>
      <c r="ES11" s="196">
        <v>105</v>
      </c>
      <c r="ET11" s="196">
        <v>115</v>
      </c>
      <c r="EU11" s="196">
        <v>64</v>
      </c>
      <c r="EV11" s="196">
        <v>32</v>
      </c>
      <c r="EW11" s="196">
        <v>22</v>
      </c>
      <c r="EX11" s="193">
        <v>338</v>
      </c>
      <c r="EY11" s="198">
        <v>392</v>
      </c>
    </row>
    <row r="12" spans="1:155" ht="19.5" customHeight="1" x14ac:dyDescent="0.2">
      <c r="A12" s="177" t="s">
        <v>9</v>
      </c>
      <c r="B12" s="192">
        <v>0</v>
      </c>
      <c r="C12" s="196">
        <v>0</v>
      </c>
      <c r="D12" s="458">
        <v>0</v>
      </c>
      <c r="E12" s="195">
        <v>0</v>
      </c>
      <c r="F12" s="196">
        <v>55</v>
      </c>
      <c r="G12" s="196">
        <v>48</v>
      </c>
      <c r="H12" s="196">
        <v>33</v>
      </c>
      <c r="I12" s="196">
        <v>31</v>
      </c>
      <c r="J12" s="196">
        <v>13</v>
      </c>
      <c r="K12" s="197">
        <v>180</v>
      </c>
      <c r="L12" s="198">
        <v>180</v>
      </c>
      <c r="M12" s="192">
        <v>0</v>
      </c>
      <c r="N12" s="196">
        <v>0</v>
      </c>
      <c r="O12" s="193">
        <v>0</v>
      </c>
      <c r="P12" s="195">
        <v>0</v>
      </c>
      <c r="Q12" s="196">
        <v>1</v>
      </c>
      <c r="R12" s="196">
        <v>1</v>
      </c>
      <c r="S12" s="196">
        <v>1</v>
      </c>
      <c r="T12" s="196">
        <v>2</v>
      </c>
      <c r="U12" s="196">
        <v>7</v>
      </c>
      <c r="V12" s="193">
        <v>12</v>
      </c>
      <c r="W12" s="198">
        <v>12</v>
      </c>
      <c r="X12" s="192">
        <v>1</v>
      </c>
      <c r="Y12" s="196">
        <v>7</v>
      </c>
      <c r="Z12" s="193">
        <v>8</v>
      </c>
      <c r="AA12" s="195">
        <v>0</v>
      </c>
      <c r="AB12" s="196">
        <v>32</v>
      </c>
      <c r="AC12" s="196">
        <v>31</v>
      </c>
      <c r="AD12" s="196">
        <v>22</v>
      </c>
      <c r="AE12" s="196">
        <v>24</v>
      </c>
      <c r="AF12" s="196">
        <v>17</v>
      </c>
      <c r="AG12" s="193">
        <v>126</v>
      </c>
      <c r="AH12" s="198">
        <v>134</v>
      </c>
      <c r="AI12" s="192">
        <v>1</v>
      </c>
      <c r="AJ12" s="196">
        <v>1</v>
      </c>
      <c r="AK12" s="193">
        <v>2</v>
      </c>
      <c r="AL12" s="195">
        <v>0</v>
      </c>
      <c r="AM12" s="196">
        <v>1</v>
      </c>
      <c r="AN12" s="196">
        <v>9</v>
      </c>
      <c r="AO12" s="196">
        <v>4</v>
      </c>
      <c r="AP12" s="196">
        <v>5</v>
      </c>
      <c r="AQ12" s="196">
        <v>4</v>
      </c>
      <c r="AR12" s="193">
        <v>23</v>
      </c>
      <c r="AS12" s="198">
        <v>25</v>
      </c>
      <c r="AT12" s="192">
        <v>16</v>
      </c>
      <c r="AU12" s="196">
        <v>11</v>
      </c>
      <c r="AV12" s="193">
        <v>27</v>
      </c>
      <c r="AW12" s="195">
        <v>0</v>
      </c>
      <c r="AX12" s="196">
        <v>54</v>
      </c>
      <c r="AY12" s="196">
        <v>47</v>
      </c>
      <c r="AZ12" s="196">
        <v>59</v>
      </c>
      <c r="BA12" s="196">
        <v>42</v>
      </c>
      <c r="BB12" s="196">
        <v>34</v>
      </c>
      <c r="BC12" s="197">
        <v>236</v>
      </c>
      <c r="BD12" s="198">
        <v>263</v>
      </c>
      <c r="BE12" s="192">
        <v>0</v>
      </c>
      <c r="BF12" s="196">
        <v>0</v>
      </c>
      <c r="BG12" s="193">
        <v>0</v>
      </c>
      <c r="BH12" s="195">
        <v>0</v>
      </c>
      <c r="BI12" s="196">
        <v>61</v>
      </c>
      <c r="BJ12" s="196">
        <v>49</v>
      </c>
      <c r="BK12" s="196">
        <v>34</v>
      </c>
      <c r="BL12" s="196">
        <v>14</v>
      </c>
      <c r="BM12" s="196">
        <v>7</v>
      </c>
      <c r="BN12" s="193">
        <v>165</v>
      </c>
      <c r="BO12" s="198">
        <v>165</v>
      </c>
      <c r="BP12" s="192">
        <v>4</v>
      </c>
      <c r="BQ12" s="196">
        <v>3</v>
      </c>
      <c r="BR12" s="193">
        <v>7</v>
      </c>
      <c r="BS12" s="195">
        <v>0</v>
      </c>
      <c r="BT12" s="196">
        <v>15</v>
      </c>
      <c r="BU12" s="196">
        <v>21</v>
      </c>
      <c r="BV12" s="196">
        <v>11</v>
      </c>
      <c r="BW12" s="196">
        <v>8</v>
      </c>
      <c r="BX12" s="196">
        <v>1</v>
      </c>
      <c r="BY12" s="193">
        <v>56</v>
      </c>
      <c r="BZ12" s="198">
        <v>63</v>
      </c>
      <c r="CA12" s="192">
        <v>0</v>
      </c>
      <c r="CB12" s="196">
        <v>0</v>
      </c>
      <c r="CC12" s="193">
        <v>0</v>
      </c>
      <c r="CD12" s="195">
        <v>0</v>
      </c>
      <c r="CE12" s="196">
        <v>8</v>
      </c>
      <c r="CF12" s="196">
        <v>5</v>
      </c>
      <c r="CG12" s="196">
        <v>15</v>
      </c>
      <c r="CH12" s="196">
        <v>5</v>
      </c>
      <c r="CI12" s="196">
        <v>3</v>
      </c>
      <c r="CJ12" s="193">
        <v>36</v>
      </c>
      <c r="CK12" s="198">
        <v>36</v>
      </c>
      <c r="CL12" s="192">
        <v>0</v>
      </c>
      <c r="CM12" s="196">
        <v>0</v>
      </c>
      <c r="CN12" s="193">
        <v>0</v>
      </c>
      <c r="CO12" s="195">
        <v>0</v>
      </c>
      <c r="CP12" s="196">
        <v>1</v>
      </c>
      <c r="CQ12" s="196">
        <v>1</v>
      </c>
      <c r="CR12" s="196">
        <v>1</v>
      </c>
      <c r="CS12" s="196">
        <v>1</v>
      </c>
      <c r="CT12" s="196">
        <v>0</v>
      </c>
      <c r="CU12" s="193">
        <v>4</v>
      </c>
      <c r="CV12" s="198">
        <v>4</v>
      </c>
      <c r="CW12" s="192">
        <v>0</v>
      </c>
      <c r="CX12" s="196">
        <v>0</v>
      </c>
      <c r="CY12" s="193">
        <v>0</v>
      </c>
      <c r="CZ12" s="195">
        <v>0</v>
      </c>
      <c r="DA12" s="196">
        <v>0</v>
      </c>
      <c r="DB12" s="196">
        <v>0</v>
      </c>
      <c r="DC12" s="196">
        <v>0</v>
      </c>
      <c r="DD12" s="196">
        <v>0</v>
      </c>
      <c r="DE12" s="196">
        <v>0</v>
      </c>
      <c r="DF12" s="193">
        <v>0</v>
      </c>
      <c r="DG12" s="198">
        <v>0</v>
      </c>
      <c r="DH12" s="192">
        <v>0</v>
      </c>
      <c r="DI12" s="196">
        <v>0</v>
      </c>
      <c r="DJ12" s="193">
        <v>0</v>
      </c>
      <c r="DK12" s="195">
        <v>0</v>
      </c>
      <c r="DL12" s="196">
        <v>0</v>
      </c>
      <c r="DM12" s="196">
        <v>0</v>
      </c>
      <c r="DN12" s="196">
        <v>0</v>
      </c>
      <c r="DO12" s="196">
        <v>0</v>
      </c>
      <c r="DP12" s="196">
        <v>0</v>
      </c>
      <c r="DQ12" s="193">
        <v>0</v>
      </c>
      <c r="DR12" s="198">
        <v>0</v>
      </c>
      <c r="DS12" s="192">
        <v>31</v>
      </c>
      <c r="DT12" s="196">
        <v>28</v>
      </c>
      <c r="DU12" s="193">
        <v>59</v>
      </c>
      <c r="DV12" s="195">
        <v>0</v>
      </c>
      <c r="DW12" s="196">
        <v>88</v>
      </c>
      <c r="DX12" s="196">
        <v>103</v>
      </c>
      <c r="DY12" s="196">
        <v>64</v>
      </c>
      <c r="DZ12" s="196">
        <v>50</v>
      </c>
      <c r="EA12" s="196">
        <v>31</v>
      </c>
      <c r="EB12" s="193">
        <v>336</v>
      </c>
      <c r="EC12" s="198">
        <v>395</v>
      </c>
      <c r="ED12" s="192">
        <v>11</v>
      </c>
      <c r="EE12" s="196">
        <v>4</v>
      </c>
      <c r="EF12" s="193">
        <v>15</v>
      </c>
      <c r="EG12" s="195">
        <v>0</v>
      </c>
      <c r="EH12" s="196">
        <v>21</v>
      </c>
      <c r="EI12" s="196">
        <v>16</v>
      </c>
      <c r="EJ12" s="196">
        <v>14</v>
      </c>
      <c r="EK12" s="196">
        <v>11</v>
      </c>
      <c r="EL12" s="196">
        <v>10</v>
      </c>
      <c r="EM12" s="193">
        <v>72</v>
      </c>
      <c r="EN12" s="198">
        <v>87</v>
      </c>
      <c r="EO12" s="192">
        <v>35</v>
      </c>
      <c r="EP12" s="196">
        <v>35</v>
      </c>
      <c r="EQ12" s="193">
        <v>70</v>
      </c>
      <c r="ER12" s="195">
        <v>0</v>
      </c>
      <c r="ES12" s="196">
        <v>170</v>
      </c>
      <c r="ET12" s="196">
        <v>136</v>
      </c>
      <c r="EU12" s="196">
        <v>84</v>
      </c>
      <c r="EV12" s="196">
        <v>55</v>
      </c>
      <c r="EW12" s="196">
        <v>33</v>
      </c>
      <c r="EX12" s="193">
        <v>478</v>
      </c>
      <c r="EY12" s="198">
        <v>548</v>
      </c>
    </row>
    <row r="13" spans="1:155" ht="19.5" customHeight="1" x14ac:dyDescent="0.2">
      <c r="A13" s="177" t="s">
        <v>10</v>
      </c>
      <c r="B13" s="192">
        <v>0</v>
      </c>
      <c r="C13" s="196">
        <v>0</v>
      </c>
      <c r="D13" s="458">
        <v>0</v>
      </c>
      <c r="E13" s="195">
        <v>0</v>
      </c>
      <c r="F13" s="196">
        <v>89</v>
      </c>
      <c r="G13" s="196">
        <v>47</v>
      </c>
      <c r="H13" s="196">
        <v>38</v>
      </c>
      <c r="I13" s="196">
        <v>29</v>
      </c>
      <c r="J13" s="196">
        <v>16</v>
      </c>
      <c r="K13" s="197">
        <v>219</v>
      </c>
      <c r="L13" s="198">
        <v>219</v>
      </c>
      <c r="M13" s="192">
        <v>0</v>
      </c>
      <c r="N13" s="196">
        <v>0</v>
      </c>
      <c r="O13" s="193">
        <v>0</v>
      </c>
      <c r="P13" s="195">
        <v>0</v>
      </c>
      <c r="Q13" s="196">
        <v>0</v>
      </c>
      <c r="R13" s="196">
        <v>3</v>
      </c>
      <c r="S13" s="196">
        <v>3</v>
      </c>
      <c r="T13" s="196">
        <v>10</v>
      </c>
      <c r="U13" s="196">
        <v>10</v>
      </c>
      <c r="V13" s="193">
        <v>26</v>
      </c>
      <c r="W13" s="198">
        <v>26</v>
      </c>
      <c r="X13" s="192">
        <v>16</v>
      </c>
      <c r="Y13" s="196">
        <v>27</v>
      </c>
      <c r="Z13" s="193">
        <v>43</v>
      </c>
      <c r="AA13" s="195">
        <v>0</v>
      </c>
      <c r="AB13" s="196">
        <v>53</v>
      </c>
      <c r="AC13" s="196">
        <v>42</v>
      </c>
      <c r="AD13" s="196">
        <v>20</v>
      </c>
      <c r="AE13" s="196">
        <v>26</v>
      </c>
      <c r="AF13" s="196">
        <v>15</v>
      </c>
      <c r="AG13" s="193">
        <v>156</v>
      </c>
      <c r="AH13" s="198">
        <v>199</v>
      </c>
      <c r="AI13" s="192">
        <v>1</v>
      </c>
      <c r="AJ13" s="196">
        <v>5</v>
      </c>
      <c r="AK13" s="193">
        <v>6</v>
      </c>
      <c r="AL13" s="195">
        <v>0</v>
      </c>
      <c r="AM13" s="196">
        <v>12</v>
      </c>
      <c r="AN13" s="196">
        <v>5</v>
      </c>
      <c r="AO13" s="196">
        <v>5</v>
      </c>
      <c r="AP13" s="196">
        <v>3</v>
      </c>
      <c r="AQ13" s="196">
        <v>2</v>
      </c>
      <c r="AR13" s="193">
        <v>27</v>
      </c>
      <c r="AS13" s="198">
        <v>33</v>
      </c>
      <c r="AT13" s="192">
        <v>16</v>
      </c>
      <c r="AU13" s="196">
        <v>23</v>
      </c>
      <c r="AV13" s="193">
        <v>39</v>
      </c>
      <c r="AW13" s="195">
        <v>0</v>
      </c>
      <c r="AX13" s="196">
        <v>89</v>
      </c>
      <c r="AY13" s="196">
        <v>83</v>
      </c>
      <c r="AZ13" s="196">
        <v>62</v>
      </c>
      <c r="BA13" s="196">
        <v>60</v>
      </c>
      <c r="BB13" s="196">
        <v>49</v>
      </c>
      <c r="BC13" s="197">
        <v>343</v>
      </c>
      <c r="BD13" s="198">
        <v>382</v>
      </c>
      <c r="BE13" s="192">
        <v>0</v>
      </c>
      <c r="BF13" s="196">
        <v>0</v>
      </c>
      <c r="BG13" s="193">
        <v>0</v>
      </c>
      <c r="BH13" s="195">
        <v>0</v>
      </c>
      <c r="BI13" s="196">
        <v>129</v>
      </c>
      <c r="BJ13" s="196">
        <v>69</v>
      </c>
      <c r="BK13" s="196">
        <v>41</v>
      </c>
      <c r="BL13" s="196">
        <v>16</v>
      </c>
      <c r="BM13" s="196">
        <v>11</v>
      </c>
      <c r="BN13" s="193">
        <v>266</v>
      </c>
      <c r="BO13" s="198">
        <v>266</v>
      </c>
      <c r="BP13" s="192">
        <v>4</v>
      </c>
      <c r="BQ13" s="196">
        <v>3</v>
      </c>
      <c r="BR13" s="193">
        <v>7</v>
      </c>
      <c r="BS13" s="195">
        <v>0</v>
      </c>
      <c r="BT13" s="196">
        <v>16</v>
      </c>
      <c r="BU13" s="196">
        <v>14</v>
      </c>
      <c r="BV13" s="196">
        <v>11</v>
      </c>
      <c r="BW13" s="196">
        <v>4</v>
      </c>
      <c r="BX13" s="196">
        <v>1</v>
      </c>
      <c r="BY13" s="193">
        <v>46</v>
      </c>
      <c r="BZ13" s="198">
        <v>53</v>
      </c>
      <c r="CA13" s="192">
        <v>0</v>
      </c>
      <c r="CB13" s="196">
        <v>3</v>
      </c>
      <c r="CC13" s="193">
        <v>3</v>
      </c>
      <c r="CD13" s="195">
        <v>0</v>
      </c>
      <c r="CE13" s="196">
        <v>12</v>
      </c>
      <c r="CF13" s="196">
        <v>15</v>
      </c>
      <c r="CG13" s="196">
        <v>18</v>
      </c>
      <c r="CH13" s="196">
        <v>9</v>
      </c>
      <c r="CI13" s="196">
        <v>6</v>
      </c>
      <c r="CJ13" s="193">
        <v>60</v>
      </c>
      <c r="CK13" s="198">
        <v>63</v>
      </c>
      <c r="CL13" s="192">
        <v>0</v>
      </c>
      <c r="CM13" s="196">
        <v>0</v>
      </c>
      <c r="CN13" s="193">
        <v>0</v>
      </c>
      <c r="CO13" s="195">
        <v>0</v>
      </c>
      <c r="CP13" s="196">
        <v>2</v>
      </c>
      <c r="CQ13" s="196">
        <v>3</v>
      </c>
      <c r="CR13" s="196">
        <v>5</v>
      </c>
      <c r="CS13" s="196">
        <v>0</v>
      </c>
      <c r="CT13" s="196">
        <v>1</v>
      </c>
      <c r="CU13" s="193">
        <v>11</v>
      </c>
      <c r="CV13" s="198">
        <v>11</v>
      </c>
      <c r="CW13" s="192">
        <v>0</v>
      </c>
      <c r="CX13" s="196">
        <v>0</v>
      </c>
      <c r="CY13" s="193">
        <v>0</v>
      </c>
      <c r="CZ13" s="195">
        <v>0</v>
      </c>
      <c r="DA13" s="196">
        <v>0</v>
      </c>
      <c r="DB13" s="196">
        <v>0</v>
      </c>
      <c r="DC13" s="196">
        <v>0</v>
      </c>
      <c r="DD13" s="196">
        <v>0</v>
      </c>
      <c r="DE13" s="196">
        <v>0</v>
      </c>
      <c r="DF13" s="193">
        <v>0</v>
      </c>
      <c r="DG13" s="198">
        <v>0</v>
      </c>
      <c r="DH13" s="192">
        <v>0</v>
      </c>
      <c r="DI13" s="196">
        <v>0</v>
      </c>
      <c r="DJ13" s="193">
        <v>0</v>
      </c>
      <c r="DK13" s="195">
        <v>0</v>
      </c>
      <c r="DL13" s="196">
        <v>0</v>
      </c>
      <c r="DM13" s="196">
        <v>0</v>
      </c>
      <c r="DN13" s="196">
        <v>0</v>
      </c>
      <c r="DO13" s="196">
        <v>0</v>
      </c>
      <c r="DP13" s="196">
        <v>0</v>
      </c>
      <c r="DQ13" s="193">
        <v>0</v>
      </c>
      <c r="DR13" s="198">
        <v>0</v>
      </c>
      <c r="DS13" s="192">
        <v>60</v>
      </c>
      <c r="DT13" s="196">
        <v>90</v>
      </c>
      <c r="DU13" s="193">
        <v>150</v>
      </c>
      <c r="DV13" s="195">
        <v>0</v>
      </c>
      <c r="DW13" s="196">
        <v>136</v>
      </c>
      <c r="DX13" s="196">
        <v>133</v>
      </c>
      <c r="DY13" s="196">
        <v>78</v>
      </c>
      <c r="DZ13" s="196">
        <v>59</v>
      </c>
      <c r="EA13" s="196">
        <v>29</v>
      </c>
      <c r="EB13" s="193">
        <v>435</v>
      </c>
      <c r="EC13" s="198">
        <v>585</v>
      </c>
      <c r="ED13" s="192">
        <v>9</v>
      </c>
      <c r="EE13" s="196">
        <v>8</v>
      </c>
      <c r="EF13" s="193">
        <v>17</v>
      </c>
      <c r="EG13" s="195">
        <v>0</v>
      </c>
      <c r="EH13" s="196">
        <v>30</v>
      </c>
      <c r="EI13" s="196">
        <v>16</v>
      </c>
      <c r="EJ13" s="196">
        <v>15</v>
      </c>
      <c r="EK13" s="196">
        <v>14</v>
      </c>
      <c r="EL13" s="196">
        <v>14</v>
      </c>
      <c r="EM13" s="193">
        <v>89</v>
      </c>
      <c r="EN13" s="198">
        <v>106</v>
      </c>
      <c r="EO13" s="192">
        <v>75</v>
      </c>
      <c r="EP13" s="196">
        <v>107</v>
      </c>
      <c r="EQ13" s="193">
        <v>182</v>
      </c>
      <c r="ER13" s="195">
        <v>0</v>
      </c>
      <c r="ES13" s="196">
        <v>268</v>
      </c>
      <c r="ET13" s="196">
        <v>166</v>
      </c>
      <c r="EU13" s="196">
        <v>84</v>
      </c>
      <c r="EV13" s="196">
        <v>61</v>
      </c>
      <c r="EW13" s="196">
        <v>30</v>
      </c>
      <c r="EX13" s="193">
        <v>609</v>
      </c>
      <c r="EY13" s="198">
        <v>791</v>
      </c>
    </row>
    <row r="14" spans="1:155" ht="19.5" customHeight="1" x14ac:dyDescent="0.2">
      <c r="A14" s="177" t="s">
        <v>11</v>
      </c>
      <c r="B14" s="192">
        <v>0</v>
      </c>
      <c r="C14" s="196">
        <v>0</v>
      </c>
      <c r="D14" s="458">
        <v>0</v>
      </c>
      <c r="E14" s="195">
        <v>0</v>
      </c>
      <c r="F14" s="196">
        <v>19</v>
      </c>
      <c r="G14" s="196">
        <v>13</v>
      </c>
      <c r="H14" s="196">
        <v>9</v>
      </c>
      <c r="I14" s="196">
        <v>14</v>
      </c>
      <c r="J14" s="196">
        <v>10</v>
      </c>
      <c r="K14" s="197">
        <v>65</v>
      </c>
      <c r="L14" s="198">
        <v>65</v>
      </c>
      <c r="M14" s="192">
        <v>0</v>
      </c>
      <c r="N14" s="196">
        <v>0</v>
      </c>
      <c r="O14" s="193">
        <v>0</v>
      </c>
      <c r="P14" s="195">
        <v>0</v>
      </c>
      <c r="Q14" s="196">
        <v>0</v>
      </c>
      <c r="R14" s="196">
        <v>0</v>
      </c>
      <c r="S14" s="196">
        <v>3</v>
      </c>
      <c r="T14" s="196">
        <v>5</v>
      </c>
      <c r="U14" s="196">
        <v>2</v>
      </c>
      <c r="V14" s="193">
        <v>10</v>
      </c>
      <c r="W14" s="198">
        <v>10</v>
      </c>
      <c r="X14" s="192">
        <v>4</v>
      </c>
      <c r="Y14" s="196">
        <v>5</v>
      </c>
      <c r="Z14" s="193">
        <v>9</v>
      </c>
      <c r="AA14" s="195">
        <v>0</v>
      </c>
      <c r="AB14" s="196">
        <v>22</v>
      </c>
      <c r="AC14" s="196">
        <v>16</v>
      </c>
      <c r="AD14" s="196">
        <v>14</v>
      </c>
      <c r="AE14" s="196">
        <v>13</v>
      </c>
      <c r="AF14" s="196">
        <v>10</v>
      </c>
      <c r="AG14" s="193">
        <v>75</v>
      </c>
      <c r="AH14" s="198">
        <v>84</v>
      </c>
      <c r="AI14" s="192">
        <v>1</v>
      </c>
      <c r="AJ14" s="196">
        <v>1</v>
      </c>
      <c r="AK14" s="193">
        <v>2</v>
      </c>
      <c r="AL14" s="195">
        <v>0</v>
      </c>
      <c r="AM14" s="196">
        <v>1</v>
      </c>
      <c r="AN14" s="196">
        <v>1</v>
      </c>
      <c r="AO14" s="196">
        <v>2</v>
      </c>
      <c r="AP14" s="196">
        <v>6</v>
      </c>
      <c r="AQ14" s="196">
        <v>0</v>
      </c>
      <c r="AR14" s="193">
        <v>10</v>
      </c>
      <c r="AS14" s="198">
        <v>12</v>
      </c>
      <c r="AT14" s="192">
        <v>4</v>
      </c>
      <c r="AU14" s="196">
        <v>6</v>
      </c>
      <c r="AV14" s="193">
        <v>10</v>
      </c>
      <c r="AW14" s="195">
        <v>0</v>
      </c>
      <c r="AX14" s="196">
        <v>30</v>
      </c>
      <c r="AY14" s="196">
        <v>28</v>
      </c>
      <c r="AZ14" s="196">
        <v>30</v>
      </c>
      <c r="BA14" s="196">
        <v>25</v>
      </c>
      <c r="BB14" s="196">
        <v>19</v>
      </c>
      <c r="BC14" s="197">
        <v>132</v>
      </c>
      <c r="BD14" s="198">
        <v>142</v>
      </c>
      <c r="BE14" s="192">
        <v>0</v>
      </c>
      <c r="BF14" s="196">
        <v>0</v>
      </c>
      <c r="BG14" s="193">
        <v>0</v>
      </c>
      <c r="BH14" s="195">
        <v>0</v>
      </c>
      <c r="BI14" s="196">
        <v>45</v>
      </c>
      <c r="BJ14" s="196">
        <v>22</v>
      </c>
      <c r="BK14" s="196">
        <v>15</v>
      </c>
      <c r="BL14" s="196">
        <v>10</v>
      </c>
      <c r="BM14" s="196">
        <v>2</v>
      </c>
      <c r="BN14" s="193">
        <v>94</v>
      </c>
      <c r="BO14" s="198">
        <v>94</v>
      </c>
      <c r="BP14" s="192">
        <v>3</v>
      </c>
      <c r="BQ14" s="196">
        <v>2</v>
      </c>
      <c r="BR14" s="193">
        <v>5</v>
      </c>
      <c r="BS14" s="195">
        <v>0</v>
      </c>
      <c r="BT14" s="196">
        <v>21</v>
      </c>
      <c r="BU14" s="196">
        <v>9</v>
      </c>
      <c r="BV14" s="196">
        <v>6</v>
      </c>
      <c r="BW14" s="196">
        <v>8</v>
      </c>
      <c r="BX14" s="196">
        <v>2</v>
      </c>
      <c r="BY14" s="193">
        <v>46</v>
      </c>
      <c r="BZ14" s="198">
        <v>51</v>
      </c>
      <c r="CA14" s="192">
        <v>1</v>
      </c>
      <c r="CB14" s="196">
        <v>1</v>
      </c>
      <c r="CC14" s="193">
        <v>2</v>
      </c>
      <c r="CD14" s="195">
        <v>0</v>
      </c>
      <c r="CE14" s="196">
        <v>7</v>
      </c>
      <c r="CF14" s="196">
        <v>6</v>
      </c>
      <c r="CG14" s="196">
        <v>5</v>
      </c>
      <c r="CH14" s="196">
        <v>4</v>
      </c>
      <c r="CI14" s="196">
        <v>5</v>
      </c>
      <c r="CJ14" s="193">
        <v>27</v>
      </c>
      <c r="CK14" s="198">
        <v>29</v>
      </c>
      <c r="CL14" s="192">
        <v>0</v>
      </c>
      <c r="CM14" s="196">
        <v>0</v>
      </c>
      <c r="CN14" s="193">
        <v>0</v>
      </c>
      <c r="CO14" s="195">
        <v>0</v>
      </c>
      <c r="CP14" s="196">
        <v>0</v>
      </c>
      <c r="CQ14" s="196">
        <v>1</v>
      </c>
      <c r="CR14" s="196">
        <v>0</v>
      </c>
      <c r="CS14" s="196">
        <v>1</v>
      </c>
      <c r="CT14" s="196">
        <v>1</v>
      </c>
      <c r="CU14" s="193">
        <v>3</v>
      </c>
      <c r="CV14" s="198">
        <v>3</v>
      </c>
      <c r="CW14" s="192">
        <v>0</v>
      </c>
      <c r="CX14" s="196">
        <v>0</v>
      </c>
      <c r="CY14" s="193">
        <v>0</v>
      </c>
      <c r="CZ14" s="195">
        <v>0</v>
      </c>
      <c r="DA14" s="196">
        <v>0</v>
      </c>
      <c r="DB14" s="196">
        <v>0</v>
      </c>
      <c r="DC14" s="196">
        <v>0</v>
      </c>
      <c r="DD14" s="196">
        <v>0</v>
      </c>
      <c r="DE14" s="196">
        <v>0</v>
      </c>
      <c r="DF14" s="193">
        <v>0</v>
      </c>
      <c r="DG14" s="198">
        <v>0</v>
      </c>
      <c r="DH14" s="192">
        <v>0</v>
      </c>
      <c r="DI14" s="196">
        <v>0</v>
      </c>
      <c r="DJ14" s="193">
        <v>0</v>
      </c>
      <c r="DK14" s="195">
        <v>0</v>
      </c>
      <c r="DL14" s="196">
        <v>0</v>
      </c>
      <c r="DM14" s="196">
        <v>0</v>
      </c>
      <c r="DN14" s="196">
        <v>0</v>
      </c>
      <c r="DO14" s="196">
        <v>0</v>
      </c>
      <c r="DP14" s="196">
        <v>0</v>
      </c>
      <c r="DQ14" s="193">
        <v>0</v>
      </c>
      <c r="DR14" s="198">
        <v>0</v>
      </c>
      <c r="DS14" s="192">
        <v>18</v>
      </c>
      <c r="DT14" s="196">
        <v>28</v>
      </c>
      <c r="DU14" s="193">
        <v>46</v>
      </c>
      <c r="DV14" s="195">
        <v>0</v>
      </c>
      <c r="DW14" s="196">
        <v>59</v>
      </c>
      <c r="DX14" s="196">
        <v>48</v>
      </c>
      <c r="DY14" s="196">
        <v>36</v>
      </c>
      <c r="DZ14" s="196">
        <v>29</v>
      </c>
      <c r="EA14" s="196">
        <v>13</v>
      </c>
      <c r="EB14" s="193">
        <v>185</v>
      </c>
      <c r="EC14" s="198">
        <v>231</v>
      </c>
      <c r="ED14" s="192">
        <v>4</v>
      </c>
      <c r="EE14" s="196">
        <v>3</v>
      </c>
      <c r="EF14" s="193">
        <v>7</v>
      </c>
      <c r="EG14" s="195">
        <v>0</v>
      </c>
      <c r="EH14" s="196">
        <v>25</v>
      </c>
      <c r="EI14" s="196">
        <v>20</v>
      </c>
      <c r="EJ14" s="196">
        <v>10</v>
      </c>
      <c r="EK14" s="196">
        <v>12</v>
      </c>
      <c r="EL14" s="196">
        <v>5</v>
      </c>
      <c r="EM14" s="193">
        <v>72</v>
      </c>
      <c r="EN14" s="198">
        <v>79</v>
      </c>
      <c r="EO14" s="192">
        <v>24</v>
      </c>
      <c r="EP14" s="196">
        <v>30</v>
      </c>
      <c r="EQ14" s="193">
        <v>54</v>
      </c>
      <c r="ER14" s="195">
        <v>0</v>
      </c>
      <c r="ES14" s="196">
        <v>113</v>
      </c>
      <c r="ET14" s="196">
        <v>61</v>
      </c>
      <c r="EU14" s="196">
        <v>46</v>
      </c>
      <c r="EV14" s="196">
        <v>30</v>
      </c>
      <c r="EW14" s="196">
        <v>15</v>
      </c>
      <c r="EX14" s="193">
        <v>265</v>
      </c>
      <c r="EY14" s="198">
        <v>319</v>
      </c>
    </row>
    <row r="15" spans="1:155" ht="19.5" customHeight="1" x14ac:dyDescent="0.2">
      <c r="A15" s="177" t="s">
        <v>12</v>
      </c>
      <c r="B15" s="192">
        <v>0</v>
      </c>
      <c r="C15" s="196">
        <v>0</v>
      </c>
      <c r="D15" s="458">
        <v>0</v>
      </c>
      <c r="E15" s="195">
        <v>0</v>
      </c>
      <c r="F15" s="196">
        <v>42</v>
      </c>
      <c r="G15" s="196">
        <v>37</v>
      </c>
      <c r="H15" s="196">
        <v>20</v>
      </c>
      <c r="I15" s="196">
        <v>24</v>
      </c>
      <c r="J15" s="196">
        <v>18</v>
      </c>
      <c r="K15" s="197">
        <v>141</v>
      </c>
      <c r="L15" s="198">
        <v>141</v>
      </c>
      <c r="M15" s="192">
        <v>0</v>
      </c>
      <c r="N15" s="196">
        <v>0</v>
      </c>
      <c r="O15" s="193">
        <v>0</v>
      </c>
      <c r="P15" s="195">
        <v>0</v>
      </c>
      <c r="Q15" s="196">
        <v>0</v>
      </c>
      <c r="R15" s="196">
        <v>1</v>
      </c>
      <c r="S15" s="196">
        <v>1</v>
      </c>
      <c r="T15" s="196">
        <v>2</v>
      </c>
      <c r="U15" s="196">
        <v>7</v>
      </c>
      <c r="V15" s="193">
        <v>11</v>
      </c>
      <c r="W15" s="198">
        <v>11</v>
      </c>
      <c r="X15" s="192">
        <v>16</v>
      </c>
      <c r="Y15" s="196">
        <v>19</v>
      </c>
      <c r="Z15" s="193">
        <v>35</v>
      </c>
      <c r="AA15" s="195">
        <v>0</v>
      </c>
      <c r="AB15" s="196">
        <v>33</v>
      </c>
      <c r="AC15" s="196">
        <v>37</v>
      </c>
      <c r="AD15" s="196">
        <v>12</v>
      </c>
      <c r="AE15" s="196">
        <v>14</v>
      </c>
      <c r="AF15" s="196">
        <v>9</v>
      </c>
      <c r="AG15" s="193">
        <v>105</v>
      </c>
      <c r="AH15" s="198">
        <v>140</v>
      </c>
      <c r="AI15" s="192">
        <v>0</v>
      </c>
      <c r="AJ15" s="196">
        <v>0</v>
      </c>
      <c r="AK15" s="193">
        <v>0</v>
      </c>
      <c r="AL15" s="195">
        <v>0</v>
      </c>
      <c r="AM15" s="196">
        <v>2</v>
      </c>
      <c r="AN15" s="196">
        <v>7</v>
      </c>
      <c r="AO15" s="196">
        <v>1</v>
      </c>
      <c r="AP15" s="196">
        <v>3</v>
      </c>
      <c r="AQ15" s="196">
        <v>1</v>
      </c>
      <c r="AR15" s="193">
        <v>14</v>
      </c>
      <c r="AS15" s="198">
        <v>14</v>
      </c>
      <c r="AT15" s="192">
        <v>5</v>
      </c>
      <c r="AU15" s="196">
        <v>10</v>
      </c>
      <c r="AV15" s="193">
        <v>15</v>
      </c>
      <c r="AW15" s="195">
        <v>0</v>
      </c>
      <c r="AX15" s="196">
        <v>30</v>
      </c>
      <c r="AY15" s="196">
        <v>26</v>
      </c>
      <c r="AZ15" s="196">
        <v>22</v>
      </c>
      <c r="BA15" s="196">
        <v>42</v>
      </c>
      <c r="BB15" s="196">
        <v>22</v>
      </c>
      <c r="BC15" s="197">
        <v>142</v>
      </c>
      <c r="BD15" s="198">
        <v>157</v>
      </c>
      <c r="BE15" s="192">
        <v>0</v>
      </c>
      <c r="BF15" s="196">
        <v>0</v>
      </c>
      <c r="BG15" s="193">
        <v>0</v>
      </c>
      <c r="BH15" s="195">
        <v>0</v>
      </c>
      <c r="BI15" s="196">
        <v>51</v>
      </c>
      <c r="BJ15" s="196">
        <v>30</v>
      </c>
      <c r="BK15" s="196">
        <v>24</v>
      </c>
      <c r="BL15" s="196">
        <v>11</v>
      </c>
      <c r="BM15" s="196">
        <v>5</v>
      </c>
      <c r="BN15" s="193">
        <v>121</v>
      </c>
      <c r="BO15" s="198">
        <v>121</v>
      </c>
      <c r="BP15" s="192">
        <v>12</v>
      </c>
      <c r="BQ15" s="196">
        <v>3</v>
      </c>
      <c r="BR15" s="193">
        <v>15</v>
      </c>
      <c r="BS15" s="195">
        <v>0</v>
      </c>
      <c r="BT15" s="196">
        <v>21</v>
      </c>
      <c r="BU15" s="196">
        <v>13</v>
      </c>
      <c r="BV15" s="196">
        <v>10</v>
      </c>
      <c r="BW15" s="196">
        <v>9</v>
      </c>
      <c r="BX15" s="196">
        <v>2</v>
      </c>
      <c r="BY15" s="193">
        <v>55</v>
      </c>
      <c r="BZ15" s="198">
        <v>70</v>
      </c>
      <c r="CA15" s="192">
        <v>0</v>
      </c>
      <c r="CB15" s="196">
        <v>0</v>
      </c>
      <c r="CC15" s="193">
        <v>0</v>
      </c>
      <c r="CD15" s="195">
        <v>0</v>
      </c>
      <c r="CE15" s="196">
        <v>7</v>
      </c>
      <c r="CF15" s="196">
        <v>8</v>
      </c>
      <c r="CG15" s="196">
        <v>11</v>
      </c>
      <c r="CH15" s="196">
        <v>11</v>
      </c>
      <c r="CI15" s="196">
        <v>3</v>
      </c>
      <c r="CJ15" s="193">
        <v>40</v>
      </c>
      <c r="CK15" s="198">
        <v>40</v>
      </c>
      <c r="CL15" s="192">
        <v>0</v>
      </c>
      <c r="CM15" s="196">
        <v>0</v>
      </c>
      <c r="CN15" s="193">
        <v>0</v>
      </c>
      <c r="CO15" s="195">
        <v>0</v>
      </c>
      <c r="CP15" s="196">
        <v>0</v>
      </c>
      <c r="CQ15" s="196">
        <v>1</v>
      </c>
      <c r="CR15" s="196">
        <v>1</v>
      </c>
      <c r="CS15" s="196">
        <v>1</v>
      </c>
      <c r="CT15" s="196">
        <v>0</v>
      </c>
      <c r="CU15" s="193">
        <v>3</v>
      </c>
      <c r="CV15" s="198">
        <v>3</v>
      </c>
      <c r="CW15" s="192">
        <v>0</v>
      </c>
      <c r="CX15" s="196">
        <v>0</v>
      </c>
      <c r="CY15" s="193">
        <v>0</v>
      </c>
      <c r="CZ15" s="195">
        <v>0</v>
      </c>
      <c r="DA15" s="196">
        <v>0</v>
      </c>
      <c r="DB15" s="196">
        <v>0</v>
      </c>
      <c r="DC15" s="196">
        <v>0</v>
      </c>
      <c r="DD15" s="196">
        <v>0</v>
      </c>
      <c r="DE15" s="196">
        <v>0</v>
      </c>
      <c r="DF15" s="193">
        <v>0</v>
      </c>
      <c r="DG15" s="198">
        <v>0</v>
      </c>
      <c r="DH15" s="192">
        <v>0</v>
      </c>
      <c r="DI15" s="196">
        <v>0</v>
      </c>
      <c r="DJ15" s="193">
        <v>0</v>
      </c>
      <c r="DK15" s="195">
        <v>0</v>
      </c>
      <c r="DL15" s="196">
        <v>0</v>
      </c>
      <c r="DM15" s="196">
        <v>0</v>
      </c>
      <c r="DN15" s="196">
        <v>0</v>
      </c>
      <c r="DO15" s="196">
        <v>0</v>
      </c>
      <c r="DP15" s="196">
        <v>0</v>
      </c>
      <c r="DQ15" s="193">
        <v>0</v>
      </c>
      <c r="DR15" s="198">
        <v>0</v>
      </c>
      <c r="DS15" s="192">
        <v>23</v>
      </c>
      <c r="DT15" s="196">
        <v>44</v>
      </c>
      <c r="DU15" s="193">
        <v>67</v>
      </c>
      <c r="DV15" s="195">
        <v>0</v>
      </c>
      <c r="DW15" s="196">
        <v>42</v>
      </c>
      <c r="DX15" s="196">
        <v>79</v>
      </c>
      <c r="DY15" s="196">
        <v>54</v>
      </c>
      <c r="DZ15" s="196">
        <v>45</v>
      </c>
      <c r="EA15" s="196">
        <v>22</v>
      </c>
      <c r="EB15" s="193">
        <v>242</v>
      </c>
      <c r="EC15" s="198">
        <v>309</v>
      </c>
      <c r="ED15" s="192">
        <v>1</v>
      </c>
      <c r="EE15" s="196">
        <v>4</v>
      </c>
      <c r="EF15" s="193">
        <v>5</v>
      </c>
      <c r="EG15" s="195">
        <v>0</v>
      </c>
      <c r="EH15" s="196">
        <v>6</v>
      </c>
      <c r="EI15" s="196">
        <v>8</v>
      </c>
      <c r="EJ15" s="196">
        <v>11</v>
      </c>
      <c r="EK15" s="196">
        <v>15</v>
      </c>
      <c r="EL15" s="196">
        <v>5</v>
      </c>
      <c r="EM15" s="193">
        <v>45</v>
      </c>
      <c r="EN15" s="198">
        <v>50</v>
      </c>
      <c r="EO15" s="192">
        <v>46</v>
      </c>
      <c r="EP15" s="196">
        <v>56</v>
      </c>
      <c r="EQ15" s="193">
        <v>102</v>
      </c>
      <c r="ER15" s="195">
        <v>0</v>
      </c>
      <c r="ES15" s="196">
        <v>131</v>
      </c>
      <c r="ET15" s="196">
        <v>96</v>
      </c>
      <c r="EU15" s="196">
        <v>58</v>
      </c>
      <c r="EV15" s="196">
        <v>47</v>
      </c>
      <c r="EW15" s="196">
        <v>23</v>
      </c>
      <c r="EX15" s="193">
        <v>355</v>
      </c>
      <c r="EY15" s="198">
        <v>457</v>
      </c>
    </row>
    <row r="16" spans="1:155" ht="19.5" customHeight="1" x14ac:dyDescent="0.2">
      <c r="A16" s="177" t="s">
        <v>13</v>
      </c>
      <c r="B16" s="192">
        <v>0</v>
      </c>
      <c r="C16" s="196">
        <v>0</v>
      </c>
      <c r="D16" s="458">
        <v>0</v>
      </c>
      <c r="E16" s="195">
        <v>0</v>
      </c>
      <c r="F16" s="196">
        <v>19</v>
      </c>
      <c r="G16" s="196">
        <v>21</v>
      </c>
      <c r="H16" s="196">
        <v>13</v>
      </c>
      <c r="I16" s="196">
        <v>13</v>
      </c>
      <c r="J16" s="196">
        <v>6</v>
      </c>
      <c r="K16" s="197">
        <v>72</v>
      </c>
      <c r="L16" s="198">
        <v>72</v>
      </c>
      <c r="M16" s="192">
        <v>0</v>
      </c>
      <c r="N16" s="196">
        <v>0</v>
      </c>
      <c r="O16" s="193">
        <v>0</v>
      </c>
      <c r="P16" s="195">
        <v>0</v>
      </c>
      <c r="Q16" s="196">
        <v>0</v>
      </c>
      <c r="R16" s="196">
        <v>0</v>
      </c>
      <c r="S16" s="196">
        <v>0</v>
      </c>
      <c r="T16" s="196">
        <v>2</v>
      </c>
      <c r="U16" s="196">
        <v>3</v>
      </c>
      <c r="V16" s="193">
        <v>5</v>
      </c>
      <c r="W16" s="198">
        <v>5</v>
      </c>
      <c r="X16" s="192">
        <v>0</v>
      </c>
      <c r="Y16" s="196">
        <v>1</v>
      </c>
      <c r="Z16" s="193">
        <v>1</v>
      </c>
      <c r="AA16" s="195">
        <v>0</v>
      </c>
      <c r="AB16" s="196">
        <v>11</v>
      </c>
      <c r="AC16" s="196">
        <v>15</v>
      </c>
      <c r="AD16" s="196">
        <v>8</v>
      </c>
      <c r="AE16" s="196">
        <v>13</v>
      </c>
      <c r="AF16" s="196">
        <v>8</v>
      </c>
      <c r="AG16" s="193">
        <v>55</v>
      </c>
      <c r="AH16" s="198">
        <v>56</v>
      </c>
      <c r="AI16" s="192">
        <v>0</v>
      </c>
      <c r="AJ16" s="196">
        <v>0</v>
      </c>
      <c r="AK16" s="193">
        <v>0</v>
      </c>
      <c r="AL16" s="195">
        <v>0</v>
      </c>
      <c r="AM16" s="196">
        <v>0</v>
      </c>
      <c r="AN16" s="196">
        <v>1</v>
      </c>
      <c r="AO16" s="196">
        <v>0</v>
      </c>
      <c r="AP16" s="196">
        <v>2</v>
      </c>
      <c r="AQ16" s="196">
        <v>1</v>
      </c>
      <c r="AR16" s="193">
        <v>4</v>
      </c>
      <c r="AS16" s="198">
        <v>4</v>
      </c>
      <c r="AT16" s="192">
        <v>2</v>
      </c>
      <c r="AU16" s="196">
        <v>0</v>
      </c>
      <c r="AV16" s="193">
        <v>2</v>
      </c>
      <c r="AW16" s="195">
        <v>0</v>
      </c>
      <c r="AX16" s="196">
        <v>10</v>
      </c>
      <c r="AY16" s="196">
        <v>20</v>
      </c>
      <c r="AZ16" s="196">
        <v>17</v>
      </c>
      <c r="BA16" s="196">
        <v>22</v>
      </c>
      <c r="BB16" s="196">
        <v>12</v>
      </c>
      <c r="BC16" s="197">
        <v>81</v>
      </c>
      <c r="BD16" s="198">
        <v>83</v>
      </c>
      <c r="BE16" s="192">
        <v>0</v>
      </c>
      <c r="BF16" s="196">
        <v>0</v>
      </c>
      <c r="BG16" s="193">
        <v>0</v>
      </c>
      <c r="BH16" s="195">
        <v>0</v>
      </c>
      <c r="BI16" s="196">
        <v>12</v>
      </c>
      <c r="BJ16" s="196">
        <v>27</v>
      </c>
      <c r="BK16" s="196">
        <v>17</v>
      </c>
      <c r="BL16" s="196">
        <v>7</v>
      </c>
      <c r="BM16" s="196">
        <v>2</v>
      </c>
      <c r="BN16" s="193">
        <v>65</v>
      </c>
      <c r="BO16" s="198">
        <v>65</v>
      </c>
      <c r="BP16" s="192">
        <v>0</v>
      </c>
      <c r="BQ16" s="196">
        <v>1</v>
      </c>
      <c r="BR16" s="193">
        <v>1</v>
      </c>
      <c r="BS16" s="195">
        <v>0</v>
      </c>
      <c r="BT16" s="196">
        <v>4</v>
      </c>
      <c r="BU16" s="196">
        <v>6</v>
      </c>
      <c r="BV16" s="196">
        <v>4</v>
      </c>
      <c r="BW16" s="196">
        <v>5</v>
      </c>
      <c r="BX16" s="196">
        <v>0</v>
      </c>
      <c r="BY16" s="193">
        <v>19</v>
      </c>
      <c r="BZ16" s="198">
        <v>20</v>
      </c>
      <c r="CA16" s="192">
        <v>0</v>
      </c>
      <c r="CB16" s="196">
        <v>0</v>
      </c>
      <c r="CC16" s="193">
        <v>0</v>
      </c>
      <c r="CD16" s="195">
        <v>0</v>
      </c>
      <c r="CE16" s="196">
        <v>1</v>
      </c>
      <c r="CF16" s="196">
        <v>5</v>
      </c>
      <c r="CG16" s="196">
        <v>4</v>
      </c>
      <c r="CH16" s="196">
        <v>3</v>
      </c>
      <c r="CI16" s="196">
        <v>3</v>
      </c>
      <c r="CJ16" s="193">
        <v>16</v>
      </c>
      <c r="CK16" s="198">
        <v>16</v>
      </c>
      <c r="CL16" s="192">
        <v>0</v>
      </c>
      <c r="CM16" s="196">
        <v>0</v>
      </c>
      <c r="CN16" s="193">
        <v>0</v>
      </c>
      <c r="CO16" s="195">
        <v>0</v>
      </c>
      <c r="CP16" s="196">
        <v>1</v>
      </c>
      <c r="CQ16" s="196">
        <v>2</v>
      </c>
      <c r="CR16" s="196">
        <v>3</v>
      </c>
      <c r="CS16" s="196">
        <v>0</v>
      </c>
      <c r="CT16" s="196">
        <v>0</v>
      </c>
      <c r="CU16" s="193">
        <v>6</v>
      </c>
      <c r="CV16" s="198">
        <v>6</v>
      </c>
      <c r="CW16" s="192">
        <v>0</v>
      </c>
      <c r="CX16" s="196">
        <v>0</v>
      </c>
      <c r="CY16" s="193">
        <v>0</v>
      </c>
      <c r="CZ16" s="195">
        <v>0</v>
      </c>
      <c r="DA16" s="196">
        <v>0</v>
      </c>
      <c r="DB16" s="196">
        <v>0</v>
      </c>
      <c r="DC16" s="196">
        <v>0</v>
      </c>
      <c r="DD16" s="196">
        <v>0</v>
      </c>
      <c r="DE16" s="196">
        <v>0</v>
      </c>
      <c r="DF16" s="193">
        <v>0</v>
      </c>
      <c r="DG16" s="198">
        <v>0</v>
      </c>
      <c r="DH16" s="192">
        <v>0</v>
      </c>
      <c r="DI16" s="196">
        <v>0</v>
      </c>
      <c r="DJ16" s="193">
        <v>0</v>
      </c>
      <c r="DK16" s="195">
        <v>0</v>
      </c>
      <c r="DL16" s="196">
        <v>0</v>
      </c>
      <c r="DM16" s="196">
        <v>0</v>
      </c>
      <c r="DN16" s="196">
        <v>0</v>
      </c>
      <c r="DO16" s="196">
        <v>0</v>
      </c>
      <c r="DP16" s="196">
        <v>0</v>
      </c>
      <c r="DQ16" s="193">
        <v>0</v>
      </c>
      <c r="DR16" s="198">
        <v>0</v>
      </c>
      <c r="DS16" s="192">
        <v>5</v>
      </c>
      <c r="DT16" s="196">
        <v>12</v>
      </c>
      <c r="DU16" s="193">
        <v>17</v>
      </c>
      <c r="DV16" s="195">
        <v>0</v>
      </c>
      <c r="DW16" s="196">
        <v>21</v>
      </c>
      <c r="DX16" s="196">
        <v>32</v>
      </c>
      <c r="DY16" s="196">
        <v>25</v>
      </c>
      <c r="DZ16" s="196">
        <v>26</v>
      </c>
      <c r="EA16" s="196">
        <v>7</v>
      </c>
      <c r="EB16" s="193">
        <v>111</v>
      </c>
      <c r="EC16" s="198">
        <v>128</v>
      </c>
      <c r="ED16" s="192">
        <v>1</v>
      </c>
      <c r="EE16" s="196">
        <v>0</v>
      </c>
      <c r="EF16" s="193">
        <v>1</v>
      </c>
      <c r="EG16" s="195">
        <v>0</v>
      </c>
      <c r="EH16" s="196">
        <v>6</v>
      </c>
      <c r="EI16" s="196">
        <v>6</v>
      </c>
      <c r="EJ16" s="196">
        <v>6</v>
      </c>
      <c r="EK16" s="196">
        <v>9</v>
      </c>
      <c r="EL16" s="196">
        <v>5</v>
      </c>
      <c r="EM16" s="193">
        <v>32</v>
      </c>
      <c r="EN16" s="198">
        <v>33</v>
      </c>
      <c r="EO16" s="192">
        <v>5</v>
      </c>
      <c r="EP16" s="196">
        <v>12</v>
      </c>
      <c r="EQ16" s="193">
        <v>17</v>
      </c>
      <c r="ER16" s="195">
        <v>0</v>
      </c>
      <c r="ES16" s="196">
        <v>50</v>
      </c>
      <c r="ET16" s="196">
        <v>55</v>
      </c>
      <c r="EU16" s="196">
        <v>33</v>
      </c>
      <c r="EV16" s="196">
        <v>27</v>
      </c>
      <c r="EW16" s="196">
        <v>11</v>
      </c>
      <c r="EX16" s="193">
        <v>176</v>
      </c>
      <c r="EY16" s="198">
        <v>193</v>
      </c>
    </row>
    <row r="17" spans="1:155" ht="19.5" customHeight="1" x14ac:dyDescent="0.2">
      <c r="A17" s="177" t="s">
        <v>15</v>
      </c>
      <c r="B17" s="192">
        <v>0</v>
      </c>
      <c r="C17" s="196">
        <v>0</v>
      </c>
      <c r="D17" s="458">
        <v>0</v>
      </c>
      <c r="E17" s="195">
        <v>0</v>
      </c>
      <c r="F17" s="196">
        <v>5</v>
      </c>
      <c r="G17" s="196">
        <v>6</v>
      </c>
      <c r="H17" s="196">
        <v>4</v>
      </c>
      <c r="I17" s="196">
        <v>2</v>
      </c>
      <c r="J17" s="196">
        <v>3</v>
      </c>
      <c r="K17" s="197">
        <v>20</v>
      </c>
      <c r="L17" s="198">
        <v>20</v>
      </c>
      <c r="M17" s="192">
        <v>0</v>
      </c>
      <c r="N17" s="196">
        <v>0</v>
      </c>
      <c r="O17" s="193">
        <v>0</v>
      </c>
      <c r="P17" s="195">
        <v>0</v>
      </c>
      <c r="Q17" s="196">
        <v>0</v>
      </c>
      <c r="R17" s="196">
        <v>0</v>
      </c>
      <c r="S17" s="196">
        <v>0</v>
      </c>
      <c r="T17" s="196">
        <v>3</v>
      </c>
      <c r="U17" s="196">
        <v>1</v>
      </c>
      <c r="V17" s="193">
        <v>4</v>
      </c>
      <c r="W17" s="198">
        <v>4</v>
      </c>
      <c r="X17" s="192">
        <v>0</v>
      </c>
      <c r="Y17" s="196">
        <v>0</v>
      </c>
      <c r="Z17" s="193">
        <v>0</v>
      </c>
      <c r="AA17" s="195">
        <v>0</v>
      </c>
      <c r="AB17" s="196">
        <v>2</v>
      </c>
      <c r="AC17" s="196">
        <v>8</v>
      </c>
      <c r="AD17" s="196">
        <v>0</v>
      </c>
      <c r="AE17" s="196">
        <v>5</v>
      </c>
      <c r="AF17" s="196">
        <v>1</v>
      </c>
      <c r="AG17" s="193">
        <v>16</v>
      </c>
      <c r="AH17" s="198">
        <v>16</v>
      </c>
      <c r="AI17" s="192">
        <v>0</v>
      </c>
      <c r="AJ17" s="196">
        <v>0</v>
      </c>
      <c r="AK17" s="193">
        <v>0</v>
      </c>
      <c r="AL17" s="195">
        <v>0</v>
      </c>
      <c r="AM17" s="196">
        <v>1</v>
      </c>
      <c r="AN17" s="196">
        <v>1</v>
      </c>
      <c r="AO17" s="196">
        <v>1</v>
      </c>
      <c r="AP17" s="196">
        <v>0</v>
      </c>
      <c r="AQ17" s="196">
        <v>0</v>
      </c>
      <c r="AR17" s="193">
        <v>3</v>
      </c>
      <c r="AS17" s="198">
        <v>3</v>
      </c>
      <c r="AT17" s="192">
        <v>1</v>
      </c>
      <c r="AU17" s="196">
        <v>0</v>
      </c>
      <c r="AV17" s="193">
        <v>1</v>
      </c>
      <c r="AW17" s="195">
        <v>0</v>
      </c>
      <c r="AX17" s="196">
        <v>7</v>
      </c>
      <c r="AY17" s="196">
        <v>5</v>
      </c>
      <c r="AZ17" s="196">
        <v>7</v>
      </c>
      <c r="BA17" s="196">
        <v>8</v>
      </c>
      <c r="BB17" s="196">
        <v>1</v>
      </c>
      <c r="BC17" s="197">
        <v>28</v>
      </c>
      <c r="BD17" s="198">
        <v>29</v>
      </c>
      <c r="BE17" s="192">
        <v>0</v>
      </c>
      <c r="BF17" s="196">
        <v>0</v>
      </c>
      <c r="BG17" s="193">
        <v>0</v>
      </c>
      <c r="BH17" s="195">
        <v>0</v>
      </c>
      <c r="BI17" s="196">
        <v>3</v>
      </c>
      <c r="BJ17" s="196">
        <v>5</v>
      </c>
      <c r="BK17" s="196">
        <v>2</v>
      </c>
      <c r="BL17" s="196">
        <v>1</v>
      </c>
      <c r="BM17" s="196">
        <v>0</v>
      </c>
      <c r="BN17" s="193">
        <v>11</v>
      </c>
      <c r="BO17" s="198">
        <v>11</v>
      </c>
      <c r="BP17" s="192">
        <v>0</v>
      </c>
      <c r="BQ17" s="196">
        <v>0</v>
      </c>
      <c r="BR17" s="193">
        <v>0</v>
      </c>
      <c r="BS17" s="195">
        <v>0</v>
      </c>
      <c r="BT17" s="196">
        <v>1</v>
      </c>
      <c r="BU17" s="196">
        <v>3</v>
      </c>
      <c r="BV17" s="196">
        <v>2</v>
      </c>
      <c r="BW17" s="196">
        <v>0</v>
      </c>
      <c r="BX17" s="196">
        <v>0</v>
      </c>
      <c r="BY17" s="193">
        <v>6</v>
      </c>
      <c r="BZ17" s="198">
        <v>6</v>
      </c>
      <c r="CA17" s="192">
        <v>0</v>
      </c>
      <c r="CB17" s="196">
        <v>0</v>
      </c>
      <c r="CC17" s="193">
        <v>0</v>
      </c>
      <c r="CD17" s="195">
        <v>0</v>
      </c>
      <c r="CE17" s="196">
        <v>0</v>
      </c>
      <c r="CF17" s="196">
        <v>0</v>
      </c>
      <c r="CG17" s="196">
        <v>0</v>
      </c>
      <c r="CH17" s="196">
        <v>1</v>
      </c>
      <c r="CI17" s="196">
        <v>1</v>
      </c>
      <c r="CJ17" s="193">
        <v>2</v>
      </c>
      <c r="CK17" s="198">
        <v>2</v>
      </c>
      <c r="CL17" s="192">
        <v>0</v>
      </c>
      <c r="CM17" s="196">
        <v>0</v>
      </c>
      <c r="CN17" s="193">
        <v>0</v>
      </c>
      <c r="CO17" s="195">
        <v>0</v>
      </c>
      <c r="CP17" s="196">
        <v>0</v>
      </c>
      <c r="CQ17" s="196">
        <v>0</v>
      </c>
      <c r="CR17" s="196">
        <v>0</v>
      </c>
      <c r="CS17" s="196">
        <v>1</v>
      </c>
      <c r="CT17" s="196">
        <v>0</v>
      </c>
      <c r="CU17" s="193">
        <v>1</v>
      </c>
      <c r="CV17" s="198">
        <v>1</v>
      </c>
      <c r="CW17" s="192">
        <v>0</v>
      </c>
      <c r="CX17" s="196">
        <v>0</v>
      </c>
      <c r="CY17" s="193">
        <v>0</v>
      </c>
      <c r="CZ17" s="195">
        <v>0</v>
      </c>
      <c r="DA17" s="196">
        <v>0</v>
      </c>
      <c r="DB17" s="196">
        <v>0</v>
      </c>
      <c r="DC17" s="196">
        <v>0</v>
      </c>
      <c r="DD17" s="196">
        <v>0</v>
      </c>
      <c r="DE17" s="196">
        <v>0</v>
      </c>
      <c r="DF17" s="193">
        <v>0</v>
      </c>
      <c r="DG17" s="198">
        <v>0</v>
      </c>
      <c r="DH17" s="192">
        <v>0</v>
      </c>
      <c r="DI17" s="196">
        <v>0</v>
      </c>
      <c r="DJ17" s="193">
        <v>0</v>
      </c>
      <c r="DK17" s="195">
        <v>0</v>
      </c>
      <c r="DL17" s="196">
        <v>0</v>
      </c>
      <c r="DM17" s="196">
        <v>0</v>
      </c>
      <c r="DN17" s="196">
        <v>0</v>
      </c>
      <c r="DO17" s="196">
        <v>0</v>
      </c>
      <c r="DP17" s="196">
        <v>0</v>
      </c>
      <c r="DQ17" s="193">
        <v>0</v>
      </c>
      <c r="DR17" s="198">
        <v>0</v>
      </c>
      <c r="DS17" s="192">
        <v>1</v>
      </c>
      <c r="DT17" s="196">
        <v>4</v>
      </c>
      <c r="DU17" s="193">
        <v>5</v>
      </c>
      <c r="DV17" s="195">
        <v>0</v>
      </c>
      <c r="DW17" s="196">
        <v>10</v>
      </c>
      <c r="DX17" s="196">
        <v>14</v>
      </c>
      <c r="DY17" s="196">
        <v>10</v>
      </c>
      <c r="DZ17" s="196">
        <v>10</v>
      </c>
      <c r="EA17" s="196">
        <v>3</v>
      </c>
      <c r="EB17" s="193">
        <v>47</v>
      </c>
      <c r="EC17" s="198">
        <v>52</v>
      </c>
      <c r="ED17" s="192">
        <v>4</v>
      </c>
      <c r="EE17" s="196">
        <v>2</v>
      </c>
      <c r="EF17" s="193">
        <v>6</v>
      </c>
      <c r="EG17" s="195">
        <v>0</v>
      </c>
      <c r="EH17" s="196">
        <v>5</v>
      </c>
      <c r="EI17" s="196">
        <v>4</v>
      </c>
      <c r="EJ17" s="196">
        <v>4</v>
      </c>
      <c r="EK17" s="196">
        <v>3</v>
      </c>
      <c r="EL17" s="196">
        <v>1</v>
      </c>
      <c r="EM17" s="193">
        <v>17</v>
      </c>
      <c r="EN17" s="198">
        <v>23</v>
      </c>
      <c r="EO17" s="192">
        <v>1</v>
      </c>
      <c r="EP17" s="196">
        <v>4</v>
      </c>
      <c r="EQ17" s="193">
        <v>5</v>
      </c>
      <c r="ER17" s="195">
        <v>0</v>
      </c>
      <c r="ES17" s="196">
        <v>16</v>
      </c>
      <c r="ET17" s="196">
        <v>21</v>
      </c>
      <c r="EU17" s="196">
        <v>10</v>
      </c>
      <c r="EV17" s="196">
        <v>9</v>
      </c>
      <c r="EW17" s="196">
        <v>3</v>
      </c>
      <c r="EX17" s="193">
        <v>59</v>
      </c>
      <c r="EY17" s="198">
        <v>64</v>
      </c>
    </row>
    <row r="18" spans="1:155" ht="19.5" customHeight="1" x14ac:dyDescent="0.2">
      <c r="A18" s="177" t="s">
        <v>16</v>
      </c>
      <c r="B18" s="192">
        <v>0</v>
      </c>
      <c r="C18" s="196">
        <v>0</v>
      </c>
      <c r="D18" s="458">
        <v>0</v>
      </c>
      <c r="E18" s="195">
        <v>0</v>
      </c>
      <c r="F18" s="196">
        <v>12</v>
      </c>
      <c r="G18" s="196">
        <v>13</v>
      </c>
      <c r="H18" s="196">
        <v>10</v>
      </c>
      <c r="I18" s="196">
        <v>4</v>
      </c>
      <c r="J18" s="196">
        <v>4</v>
      </c>
      <c r="K18" s="197">
        <v>43</v>
      </c>
      <c r="L18" s="198">
        <v>43</v>
      </c>
      <c r="M18" s="192">
        <v>0</v>
      </c>
      <c r="N18" s="196">
        <v>0</v>
      </c>
      <c r="O18" s="193">
        <v>0</v>
      </c>
      <c r="P18" s="195">
        <v>0</v>
      </c>
      <c r="Q18" s="196">
        <v>0</v>
      </c>
      <c r="R18" s="196">
        <v>0</v>
      </c>
      <c r="S18" s="196">
        <v>0</v>
      </c>
      <c r="T18" s="196">
        <v>2</v>
      </c>
      <c r="U18" s="196">
        <v>3</v>
      </c>
      <c r="V18" s="193">
        <v>5</v>
      </c>
      <c r="W18" s="198">
        <v>5</v>
      </c>
      <c r="X18" s="192">
        <v>1</v>
      </c>
      <c r="Y18" s="196">
        <v>5</v>
      </c>
      <c r="Z18" s="193">
        <v>6</v>
      </c>
      <c r="AA18" s="195">
        <v>0</v>
      </c>
      <c r="AB18" s="196">
        <v>13</v>
      </c>
      <c r="AC18" s="196">
        <v>20</v>
      </c>
      <c r="AD18" s="196">
        <v>10</v>
      </c>
      <c r="AE18" s="196">
        <v>7</v>
      </c>
      <c r="AF18" s="196">
        <v>5</v>
      </c>
      <c r="AG18" s="193">
        <v>55</v>
      </c>
      <c r="AH18" s="198">
        <v>61</v>
      </c>
      <c r="AI18" s="192">
        <v>0</v>
      </c>
      <c r="AJ18" s="196">
        <v>0</v>
      </c>
      <c r="AK18" s="193">
        <v>0</v>
      </c>
      <c r="AL18" s="195">
        <v>0</v>
      </c>
      <c r="AM18" s="196">
        <v>0</v>
      </c>
      <c r="AN18" s="196">
        <v>1</v>
      </c>
      <c r="AO18" s="196">
        <v>1</v>
      </c>
      <c r="AP18" s="196">
        <v>0</v>
      </c>
      <c r="AQ18" s="196">
        <v>1</v>
      </c>
      <c r="AR18" s="193">
        <v>3</v>
      </c>
      <c r="AS18" s="198">
        <v>3</v>
      </c>
      <c r="AT18" s="192">
        <v>2</v>
      </c>
      <c r="AU18" s="196">
        <v>3</v>
      </c>
      <c r="AV18" s="193">
        <v>5</v>
      </c>
      <c r="AW18" s="195">
        <v>0</v>
      </c>
      <c r="AX18" s="196">
        <v>16</v>
      </c>
      <c r="AY18" s="196">
        <v>17</v>
      </c>
      <c r="AZ18" s="196">
        <v>19</v>
      </c>
      <c r="BA18" s="196">
        <v>22</v>
      </c>
      <c r="BB18" s="196">
        <v>15</v>
      </c>
      <c r="BC18" s="197">
        <v>89</v>
      </c>
      <c r="BD18" s="198">
        <v>94</v>
      </c>
      <c r="BE18" s="192">
        <v>0</v>
      </c>
      <c r="BF18" s="196">
        <v>0</v>
      </c>
      <c r="BG18" s="193">
        <v>0</v>
      </c>
      <c r="BH18" s="195">
        <v>0</v>
      </c>
      <c r="BI18" s="196">
        <v>21</v>
      </c>
      <c r="BJ18" s="196">
        <v>27</v>
      </c>
      <c r="BK18" s="196">
        <v>10</v>
      </c>
      <c r="BL18" s="196">
        <v>10</v>
      </c>
      <c r="BM18" s="196">
        <v>5</v>
      </c>
      <c r="BN18" s="193">
        <v>73</v>
      </c>
      <c r="BO18" s="198">
        <v>73</v>
      </c>
      <c r="BP18" s="192">
        <v>2</v>
      </c>
      <c r="BQ18" s="196">
        <v>3</v>
      </c>
      <c r="BR18" s="193">
        <v>5</v>
      </c>
      <c r="BS18" s="195">
        <v>0</v>
      </c>
      <c r="BT18" s="196">
        <v>14</v>
      </c>
      <c r="BU18" s="196">
        <v>26</v>
      </c>
      <c r="BV18" s="196">
        <v>5</v>
      </c>
      <c r="BW18" s="196">
        <v>5</v>
      </c>
      <c r="BX18" s="196">
        <v>1</v>
      </c>
      <c r="BY18" s="193">
        <v>51</v>
      </c>
      <c r="BZ18" s="198">
        <v>56</v>
      </c>
      <c r="CA18" s="192">
        <v>0</v>
      </c>
      <c r="CB18" s="196">
        <v>1</v>
      </c>
      <c r="CC18" s="193">
        <v>1</v>
      </c>
      <c r="CD18" s="195">
        <v>0</v>
      </c>
      <c r="CE18" s="196">
        <v>1</v>
      </c>
      <c r="CF18" s="196">
        <v>9</v>
      </c>
      <c r="CG18" s="196">
        <v>4</v>
      </c>
      <c r="CH18" s="196">
        <v>2</v>
      </c>
      <c r="CI18" s="196">
        <v>0</v>
      </c>
      <c r="CJ18" s="193">
        <v>16</v>
      </c>
      <c r="CK18" s="198">
        <v>17</v>
      </c>
      <c r="CL18" s="192">
        <v>0</v>
      </c>
      <c r="CM18" s="196">
        <v>0</v>
      </c>
      <c r="CN18" s="193">
        <v>0</v>
      </c>
      <c r="CO18" s="195">
        <v>0</v>
      </c>
      <c r="CP18" s="196">
        <v>0</v>
      </c>
      <c r="CQ18" s="196">
        <v>0</v>
      </c>
      <c r="CR18" s="196">
        <v>0</v>
      </c>
      <c r="CS18" s="196">
        <v>2</v>
      </c>
      <c r="CT18" s="196">
        <v>0</v>
      </c>
      <c r="CU18" s="193">
        <v>2</v>
      </c>
      <c r="CV18" s="198">
        <v>2</v>
      </c>
      <c r="CW18" s="192">
        <v>0</v>
      </c>
      <c r="CX18" s="196">
        <v>0</v>
      </c>
      <c r="CY18" s="193">
        <v>0</v>
      </c>
      <c r="CZ18" s="195">
        <v>0</v>
      </c>
      <c r="DA18" s="196">
        <v>0</v>
      </c>
      <c r="DB18" s="196">
        <v>0</v>
      </c>
      <c r="DC18" s="196">
        <v>0</v>
      </c>
      <c r="DD18" s="196">
        <v>0</v>
      </c>
      <c r="DE18" s="196">
        <v>0</v>
      </c>
      <c r="DF18" s="193">
        <v>0</v>
      </c>
      <c r="DG18" s="198">
        <v>0</v>
      </c>
      <c r="DH18" s="192">
        <v>0</v>
      </c>
      <c r="DI18" s="196">
        <v>0</v>
      </c>
      <c r="DJ18" s="193">
        <v>0</v>
      </c>
      <c r="DK18" s="195">
        <v>0</v>
      </c>
      <c r="DL18" s="196">
        <v>0</v>
      </c>
      <c r="DM18" s="196">
        <v>0</v>
      </c>
      <c r="DN18" s="196">
        <v>0</v>
      </c>
      <c r="DO18" s="196">
        <v>0</v>
      </c>
      <c r="DP18" s="196">
        <v>0</v>
      </c>
      <c r="DQ18" s="193">
        <v>0</v>
      </c>
      <c r="DR18" s="198">
        <v>0</v>
      </c>
      <c r="DS18" s="192">
        <v>12</v>
      </c>
      <c r="DT18" s="196">
        <v>11</v>
      </c>
      <c r="DU18" s="193">
        <v>23</v>
      </c>
      <c r="DV18" s="195">
        <v>0</v>
      </c>
      <c r="DW18" s="196">
        <v>25</v>
      </c>
      <c r="DX18" s="196">
        <v>54</v>
      </c>
      <c r="DY18" s="196">
        <v>26</v>
      </c>
      <c r="DZ18" s="196">
        <v>17</v>
      </c>
      <c r="EA18" s="196">
        <v>10</v>
      </c>
      <c r="EB18" s="193">
        <v>132</v>
      </c>
      <c r="EC18" s="198">
        <v>155</v>
      </c>
      <c r="ED18" s="192">
        <v>3</v>
      </c>
      <c r="EE18" s="196">
        <v>3</v>
      </c>
      <c r="EF18" s="193">
        <v>6</v>
      </c>
      <c r="EG18" s="195">
        <v>0</v>
      </c>
      <c r="EH18" s="196">
        <v>10</v>
      </c>
      <c r="EI18" s="196">
        <v>8</v>
      </c>
      <c r="EJ18" s="196">
        <v>11</v>
      </c>
      <c r="EK18" s="196">
        <v>16</v>
      </c>
      <c r="EL18" s="196">
        <v>8</v>
      </c>
      <c r="EM18" s="193">
        <v>53</v>
      </c>
      <c r="EN18" s="198">
        <v>59</v>
      </c>
      <c r="EO18" s="192">
        <v>15</v>
      </c>
      <c r="EP18" s="196">
        <v>17</v>
      </c>
      <c r="EQ18" s="193">
        <v>32</v>
      </c>
      <c r="ER18" s="195">
        <v>0</v>
      </c>
      <c r="ES18" s="196">
        <v>54</v>
      </c>
      <c r="ET18" s="196">
        <v>79</v>
      </c>
      <c r="EU18" s="196">
        <v>33</v>
      </c>
      <c r="EV18" s="196">
        <v>20</v>
      </c>
      <c r="EW18" s="196">
        <v>11</v>
      </c>
      <c r="EX18" s="193">
        <v>197</v>
      </c>
      <c r="EY18" s="198">
        <v>229</v>
      </c>
    </row>
    <row r="19" spans="1:155" ht="19.5" customHeight="1" x14ac:dyDescent="0.2">
      <c r="A19" s="177" t="s">
        <v>17</v>
      </c>
      <c r="B19" s="192">
        <v>0</v>
      </c>
      <c r="C19" s="196">
        <v>0</v>
      </c>
      <c r="D19" s="458">
        <v>0</v>
      </c>
      <c r="E19" s="195">
        <v>0</v>
      </c>
      <c r="F19" s="196">
        <v>9</v>
      </c>
      <c r="G19" s="196">
        <v>22</v>
      </c>
      <c r="H19" s="196">
        <v>14</v>
      </c>
      <c r="I19" s="196">
        <v>10</v>
      </c>
      <c r="J19" s="196">
        <v>10</v>
      </c>
      <c r="K19" s="197">
        <v>65</v>
      </c>
      <c r="L19" s="198">
        <v>65</v>
      </c>
      <c r="M19" s="192">
        <v>0</v>
      </c>
      <c r="N19" s="196">
        <v>0</v>
      </c>
      <c r="O19" s="193">
        <v>0</v>
      </c>
      <c r="P19" s="195">
        <v>0</v>
      </c>
      <c r="Q19" s="196">
        <v>0</v>
      </c>
      <c r="R19" s="196">
        <v>1</v>
      </c>
      <c r="S19" s="196">
        <v>0</v>
      </c>
      <c r="T19" s="196">
        <v>0</v>
      </c>
      <c r="U19" s="196">
        <v>4</v>
      </c>
      <c r="V19" s="193">
        <v>5</v>
      </c>
      <c r="W19" s="198">
        <v>5</v>
      </c>
      <c r="X19" s="192">
        <v>0</v>
      </c>
      <c r="Y19" s="196">
        <v>5</v>
      </c>
      <c r="Z19" s="193">
        <v>5</v>
      </c>
      <c r="AA19" s="195">
        <v>0</v>
      </c>
      <c r="AB19" s="196">
        <v>11</v>
      </c>
      <c r="AC19" s="196">
        <v>16</v>
      </c>
      <c r="AD19" s="196">
        <v>10</v>
      </c>
      <c r="AE19" s="196">
        <v>12</v>
      </c>
      <c r="AF19" s="196">
        <v>8</v>
      </c>
      <c r="AG19" s="193">
        <v>57</v>
      </c>
      <c r="AH19" s="198">
        <v>62</v>
      </c>
      <c r="AI19" s="192">
        <v>1</v>
      </c>
      <c r="AJ19" s="196">
        <v>0</v>
      </c>
      <c r="AK19" s="193">
        <v>1</v>
      </c>
      <c r="AL19" s="195">
        <v>0</v>
      </c>
      <c r="AM19" s="196">
        <v>0</v>
      </c>
      <c r="AN19" s="196">
        <v>3</v>
      </c>
      <c r="AO19" s="196">
        <v>0</v>
      </c>
      <c r="AP19" s="196">
        <v>1</v>
      </c>
      <c r="AQ19" s="196">
        <v>1</v>
      </c>
      <c r="AR19" s="193">
        <v>5</v>
      </c>
      <c r="AS19" s="198">
        <v>6</v>
      </c>
      <c r="AT19" s="192">
        <v>1</v>
      </c>
      <c r="AU19" s="196">
        <v>2</v>
      </c>
      <c r="AV19" s="193">
        <v>3</v>
      </c>
      <c r="AW19" s="195">
        <v>0</v>
      </c>
      <c r="AX19" s="196">
        <v>10</v>
      </c>
      <c r="AY19" s="196">
        <v>28</v>
      </c>
      <c r="AZ19" s="196">
        <v>19</v>
      </c>
      <c r="BA19" s="196">
        <v>20</v>
      </c>
      <c r="BB19" s="196">
        <v>15</v>
      </c>
      <c r="BC19" s="197">
        <v>92</v>
      </c>
      <c r="BD19" s="198">
        <v>95</v>
      </c>
      <c r="BE19" s="192">
        <v>0</v>
      </c>
      <c r="BF19" s="196">
        <v>0</v>
      </c>
      <c r="BG19" s="193">
        <v>0</v>
      </c>
      <c r="BH19" s="195">
        <v>0</v>
      </c>
      <c r="BI19" s="196">
        <v>26</v>
      </c>
      <c r="BJ19" s="196">
        <v>21</v>
      </c>
      <c r="BK19" s="196">
        <v>16</v>
      </c>
      <c r="BL19" s="196">
        <v>10</v>
      </c>
      <c r="BM19" s="196">
        <v>5</v>
      </c>
      <c r="BN19" s="193">
        <v>78</v>
      </c>
      <c r="BO19" s="198">
        <v>78</v>
      </c>
      <c r="BP19" s="192">
        <v>4</v>
      </c>
      <c r="BQ19" s="196">
        <v>4</v>
      </c>
      <c r="BR19" s="193">
        <v>8</v>
      </c>
      <c r="BS19" s="195">
        <v>0</v>
      </c>
      <c r="BT19" s="196">
        <v>8</v>
      </c>
      <c r="BU19" s="196">
        <v>13</v>
      </c>
      <c r="BV19" s="196">
        <v>5</v>
      </c>
      <c r="BW19" s="196">
        <v>2</v>
      </c>
      <c r="BX19" s="196">
        <v>1</v>
      </c>
      <c r="BY19" s="193">
        <v>29</v>
      </c>
      <c r="BZ19" s="198">
        <v>37</v>
      </c>
      <c r="CA19" s="192">
        <v>0</v>
      </c>
      <c r="CB19" s="196">
        <v>0</v>
      </c>
      <c r="CC19" s="193">
        <v>0</v>
      </c>
      <c r="CD19" s="195">
        <v>0</v>
      </c>
      <c r="CE19" s="196">
        <v>2</v>
      </c>
      <c r="CF19" s="196">
        <v>4</v>
      </c>
      <c r="CG19" s="196">
        <v>10</v>
      </c>
      <c r="CH19" s="196">
        <v>10</v>
      </c>
      <c r="CI19" s="196">
        <v>3</v>
      </c>
      <c r="CJ19" s="193">
        <v>29</v>
      </c>
      <c r="CK19" s="198">
        <v>29</v>
      </c>
      <c r="CL19" s="192">
        <v>0</v>
      </c>
      <c r="CM19" s="196">
        <v>0</v>
      </c>
      <c r="CN19" s="193">
        <v>0</v>
      </c>
      <c r="CO19" s="195">
        <v>0</v>
      </c>
      <c r="CP19" s="196">
        <v>1</v>
      </c>
      <c r="CQ19" s="196">
        <v>4</v>
      </c>
      <c r="CR19" s="196">
        <v>0</v>
      </c>
      <c r="CS19" s="196">
        <v>0</v>
      </c>
      <c r="CT19" s="196">
        <v>0</v>
      </c>
      <c r="CU19" s="193">
        <v>5</v>
      </c>
      <c r="CV19" s="198">
        <v>5</v>
      </c>
      <c r="CW19" s="192">
        <v>0</v>
      </c>
      <c r="CX19" s="196">
        <v>0</v>
      </c>
      <c r="CY19" s="193">
        <v>0</v>
      </c>
      <c r="CZ19" s="195">
        <v>0</v>
      </c>
      <c r="DA19" s="196">
        <v>0</v>
      </c>
      <c r="DB19" s="196">
        <v>0</v>
      </c>
      <c r="DC19" s="196">
        <v>0</v>
      </c>
      <c r="DD19" s="196">
        <v>0</v>
      </c>
      <c r="DE19" s="196">
        <v>0</v>
      </c>
      <c r="DF19" s="193">
        <v>0</v>
      </c>
      <c r="DG19" s="198">
        <v>0</v>
      </c>
      <c r="DH19" s="192">
        <v>0</v>
      </c>
      <c r="DI19" s="196">
        <v>0</v>
      </c>
      <c r="DJ19" s="193">
        <v>0</v>
      </c>
      <c r="DK19" s="195">
        <v>0</v>
      </c>
      <c r="DL19" s="196">
        <v>0</v>
      </c>
      <c r="DM19" s="196">
        <v>0</v>
      </c>
      <c r="DN19" s="196">
        <v>0</v>
      </c>
      <c r="DO19" s="196">
        <v>0</v>
      </c>
      <c r="DP19" s="196">
        <v>0</v>
      </c>
      <c r="DQ19" s="193">
        <v>0</v>
      </c>
      <c r="DR19" s="198">
        <v>0</v>
      </c>
      <c r="DS19" s="192">
        <v>4</v>
      </c>
      <c r="DT19" s="196">
        <v>29</v>
      </c>
      <c r="DU19" s="193">
        <v>33</v>
      </c>
      <c r="DV19" s="195">
        <v>0</v>
      </c>
      <c r="DW19" s="196">
        <v>31</v>
      </c>
      <c r="DX19" s="196">
        <v>56</v>
      </c>
      <c r="DY19" s="196">
        <v>42</v>
      </c>
      <c r="DZ19" s="196">
        <v>25</v>
      </c>
      <c r="EA19" s="196">
        <v>15</v>
      </c>
      <c r="EB19" s="193">
        <v>169</v>
      </c>
      <c r="EC19" s="198">
        <v>202</v>
      </c>
      <c r="ED19" s="192">
        <v>2</v>
      </c>
      <c r="EE19" s="196">
        <v>1</v>
      </c>
      <c r="EF19" s="193">
        <v>3</v>
      </c>
      <c r="EG19" s="195">
        <v>0</v>
      </c>
      <c r="EH19" s="196">
        <v>7</v>
      </c>
      <c r="EI19" s="196">
        <v>6</v>
      </c>
      <c r="EJ19" s="196">
        <v>8</v>
      </c>
      <c r="EK19" s="196">
        <v>7</v>
      </c>
      <c r="EL19" s="196">
        <v>4</v>
      </c>
      <c r="EM19" s="193">
        <v>32</v>
      </c>
      <c r="EN19" s="198">
        <v>35</v>
      </c>
      <c r="EO19" s="192">
        <v>8</v>
      </c>
      <c r="EP19" s="196">
        <v>32</v>
      </c>
      <c r="EQ19" s="193">
        <v>40</v>
      </c>
      <c r="ER19" s="195">
        <v>0</v>
      </c>
      <c r="ES19" s="196">
        <v>72</v>
      </c>
      <c r="ET19" s="196">
        <v>73</v>
      </c>
      <c r="EU19" s="196">
        <v>48</v>
      </c>
      <c r="EV19" s="196">
        <v>30</v>
      </c>
      <c r="EW19" s="196">
        <v>15</v>
      </c>
      <c r="EX19" s="193">
        <v>238</v>
      </c>
      <c r="EY19" s="198">
        <v>278</v>
      </c>
    </row>
    <row r="20" spans="1:155" ht="19.5" customHeight="1" x14ac:dyDescent="0.2">
      <c r="A20" s="177" t="s">
        <v>18</v>
      </c>
      <c r="B20" s="192">
        <v>0</v>
      </c>
      <c r="C20" s="196">
        <v>0</v>
      </c>
      <c r="D20" s="458">
        <v>0</v>
      </c>
      <c r="E20" s="195">
        <v>0</v>
      </c>
      <c r="F20" s="196">
        <v>24</v>
      </c>
      <c r="G20" s="196">
        <v>41</v>
      </c>
      <c r="H20" s="196">
        <v>16</v>
      </c>
      <c r="I20" s="196">
        <v>15</v>
      </c>
      <c r="J20" s="196">
        <v>7</v>
      </c>
      <c r="K20" s="197">
        <v>103</v>
      </c>
      <c r="L20" s="198">
        <v>103</v>
      </c>
      <c r="M20" s="192">
        <v>0</v>
      </c>
      <c r="N20" s="196">
        <v>0</v>
      </c>
      <c r="O20" s="193">
        <v>0</v>
      </c>
      <c r="P20" s="195">
        <v>0</v>
      </c>
      <c r="Q20" s="196">
        <v>0</v>
      </c>
      <c r="R20" s="196">
        <v>1</v>
      </c>
      <c r="S20" s="196">
        <v>2</v>
      </c>
      <c r="T20" s="196">
        <v>5</v>
      </c>
      <c r="U20" s="196">
        <v>3</v>
      </c>
      <c r="V20" s="193">
        <v>11</v>
      </c>
      <c r="W20" s="198">
        <v>11</v>
      </c>
      <c r="X20" s="192">
        <v>2</v>
      </c>
      <c r="Y20" s="196">
        <v>10</v>
      </c>
      <c r="Z20" s="193">
        <v>12</v>
      </c>
      <c r="AA20" s="195">
        <v>0</v>
      </c>
      <c r="AB20" s="196">
        <v>19</v>
      </c>
      <c r="AC20" s="196">
        <v>21</v>
      </c>
      <c r="AD20" s="196">
        <v>14</v>
      </c>
      <c r="AE20" s="196">
        <v>10</v>
      </c>
      <c r="AF20" s="196">
        <v>4</v>
      </c>
      <c r="AG20" s="193">
        <v>68</v>
      </c>
      <c r="AH20" s="198">
        <v>80</v>
      </c>
      <c r="AI20" s="192">
        <v>0</v>
      </c>
      <c r="AJ20" s="196">
        <v>4</v>
      </c>
      <c r="AK20" s="193">
        <v>4</v>
      </c>
      <c r="AL20" s="195">
        <v>0</v>
      </c>
      <c r="AM20" s="196">
        <v>2</v>
      </c>
      <c r="AN20" s="196">
        <v>2</v>
      </c>
      <c r="AO20" s="196">
        <v>0</v>
      </c>
      <c r="AP20" s="196">
        <v>1</v>
      </c>
      <c r="AQ20" s="196">
        <v>0</v>
      </c>
      <c r="AR20" s="193">
        <v>5</v>
      </c>
      <c r="AS20" s="198">
        <v>9</v>
      </c>
      <c r="AT20" s="192">
        <v>3</v>
      </c>
      <c r="AU20" s="196">
        <v>11</v>
      </c>
      <c r="AV20" s="193">
        <v>14</v>
      </c>
      <c r="AW20" s="195">
        <v>0</v>
      </c>
      <c r="AX20" s="196">
        <v>34</v>
      </c>
      <c r="AY20" s="196">
        <v>50</v>
      </c>
      <c r="AZ20" s="196">
        <v>33</v>
      </c>
      <c r="BA20" s="196">
        <v>24</v>
      </c>
      <c r="BB20" s="196">
        <v>16</v>
      </c>
      <c r="BC20" s="197">
        <v>157</v>
      </c>
      <c r="BD20" s="198">
        <v>171</v>
      </c>
      <c r="BE20" s="192">
        <v>0</v>
      </c>
      <c r="BF20" s="196">
        <v>0</v>
      </c>
      <c r="BG20" s="193">
        <v>0</v>
      </c>
      <c r="BH20" s="195">
        <v>0</v>
      </c>
      <c r="BI20" s="196">
        <v>42</v>
      </c>
      <c r="BJ20" s="196">
        <v>38</v>
      </c>
      <c r="BK20" s="196">
        <v>22</v>
      </c>
      <c r="BL20" s="196">
        <v>9</v>
      </c>
      <c r="BM20" s="196">
        <v>4</v>
      </c>
      <c r="BN20" s="193">
        <v>115</v>
      </c>
      <c r="BO20" s="198">
        <v>115</v>
      </c>
      <c r="BP20" s="192">
        <v>2</v>
      </c>
      <c r="BQ20" s="196">
        <v>11</v>
      </c>
      <c r="BR20" s="193">
        <v>13</v>
      </c>
      <c r="BS20" s="195">
        <v>0</v>
      </c>
      <c r="BT20" s="196">
        <v>9</v>
      </c>
      <c r="BU20" s="196">
        <v>17</v>
      </c>
      <c r="BV20" s="196">
        <v>10</v>
      </c>
      <c r="BW20" s="196">
        <v>4</v>
      </c>
      <c r="BX20" s="196">
        <v>3</v>
      </c>
      <c r="BY20" s="193">
        <v>43</v>
      </c>
      <c r="BZ20" s="198">
        <v>56</v>
      </c>
      <c r="CA20" s="192">
        <v>0</v>
      </c>
      <c r="CB20" s="196">
        <v>1</v>
      </c>
      <c r="CC20" s="193">
        <v>1</v>
      </c>
      <c r="CD20" s="195">
        <v>0</v>
      </c>
      <c r="CE20" s="196">
        <v>2</v>
      </c>
      <c r="CF20" s="196">
        <v>9</v>
      </c>
      <c r="CG20" s="196">
        <v>6</v>
      </c>
      <c r="CH20" s="196">
        <v>8</v>
      </c>
      <c r="CI20" s="196">
        <v>1</v>
      </c>
      <c r="CJ20" s="193">
        <v>26</v>
      </c>
      <c r="CK20" s="198">
        <v>27</v>
      </c>
      <c r="CL20" s="192">
        <v>0</v>
      </c>
      <c r="CM20" s="196">
        <v>0</v>
      </c>
      <c r="CN20" s="193">
        <v>0</v>
      </c>
      <c r="CO20" s="195">
        <v>0</v>
      </c>
      <c r="CP20" s="196">
        <v>1</v>
      </c>
      <c r="CQ20" s="196">
        <v>0</v>
      </c>
      <c r="CR20" s="196">
        <v>0</v>
      </c>
      <c r="CS20" s="196">
        <v>0</v>
      </c>
      <c r="CT20" s="196">
        <v>0</v>
      </c>
      <c r="CU20" s="193">
        <v>1</v>
      </c>
      <c r="CV20" s="198">
        <v>1</v>
      </c>
      <c r="CW20" s="192">
        <v>0</v>
      </c>
      <c r="CX20" s="196">
        <v>0</v>
      </c>
      <c r="CY20" s="193">
        <v>0</v>
      </c>
      <c r="CZ20" s="195">
        <v>0</v>
      </c>
      <c r="DA20" s="196">
        <v>0</v>
      </c>
      <c r="DB20" s="196">
        <v>0</v>
      </c>
      <c r="DC20" s="196">
        <v>0</v>
      </c>
      <c r="DD20" s="196">
        <v>0</v>
      </c>
      <c r="DE20" s="196">
        <v>0</v>
      </c>
      <c r="DF20" s="193">
        <v>0</v>
      </c>
      <c r="DG20" s="198">
        <v>0</v>
      </c>
      <c r="DH20" s="192">
        <v>0</v>
      </c>
      <c r="DI20" s="196">
        <v>0</v>
      </c>
      <c r="DJ20" s="193">
        <v>0</v>
      </c>
      <c r="DK20" s="195">
        <v>0</v>
      </c>
      <c r="DL20" s="196">
        <v>0</v>
      </c>
      <c r="DM20" s="196">
        <v>0</v>
      </c>
      <c r="DN20" s="196">
        <v>0</v>
      </c>
      <c r="DO20" s="196">
        <v>0</v>
      </c>
      <c r="DP20" s="196">
        <v>0</v>
      </c>
      <c r="DQ20" s="193">
        <v>0</v>
      </c>
      <c r="DR20" s="198">
        <v>0</v>
      </c>
      <c r="DS20" s="192">
        <v>8</v>
      </c>
      <c r="DT20" s="196">
        <v>32</v>
      </c>
      <c r="DU20" s="193">
        <v>40</v>
      </c>
      <c r="DV20" s="195">
        <v>0</v>
      </c>
      <c r="DW20" s="196">
        <v>40</v>
      </c>
      <c r="DX20" s="196">
        <v>73</v>
      </c>
      <c r="DY20" s="196">
        <v>42</v>
      </c>
      <c r="DZ20" s="196">
        <v>31</v>
      </c>
      <c r="EA20" s="196">
        <v>10</v>
      </c>
      <c r="EB20" s="193">
        <v>196</v>
      </c>
      <c r="EC20" s="198">
        <v>236</v>
      </c>
      <c r="ED20" s="192">
        <v>1</v>
      </c>
      <c r="EE20" s="196">
        <v>3</v>
      </c>
      <c r="EF20" s="193">
        <v>4</v>
      </c>
      <c r="EG20" s="195">
        <v>0</v>
      </c>
      <c r="EH20" s="196">
        <v>10</v>
      </c>
      <c r="EI20" s="196">
        <v>12</v>
      </c>
      <c r="EJ20" s="196">
        <v>13</v>
      </c>
      <c r="EK20" s="196">
        <v>5</v>
      </c>
      <c r="EL20" s="196">
        <v>8</v>
      </c>
      <c r="EM20" s="193">
        <v>48</v>
      </c>
      <c r="EN20" s="198">
        <v>52</v>
      </c>
      <c r="EO20" s="192">
        <v>11</v>
      </c>
      <c r="EP20" s="196">
        <v>47</v>
      </c>
      <c r="EQ20" s="193">
        <v>58</v>
      </c>
      <c r="ER20" s="195">
        <v>0</v>
      </c>
      <c r="ES20" s="196">
        <v>99</v>
      </c>
      <c r="ET20" s="196">
        <v>108</v>
      </c>
      <c r="EU20" s="196">
        <v>51</v>
      </c>
      <c r="EV20" s="196">
        <v>30</v>
      </c>
      <c r="EW20" s="196">
        <v>12</v>
      </c>
      <c r="EX20" s="193">
        <v>300</v>
      </c>
      <c r="EY20" s="198">
        <v>358</v>
      </c>
    </row>
    <row r="21" spans="1:155" ht="19.5" customHeight="1" x14ac:dyDescent="0.2">
      <c r="A21" s="177" t="s">
        <v>19</v>
      </c>
      <c r="B21" s="192">
        <v>0</v>
      </c>
      <c r="C21" s="196">
        <v>0</v>
      </c>
      <c r="D21" s="458">
        <v>0</v>
      </c>
      <c r="E21" s="195">
        <v>0</v>
      </c>
      <c r="F21" s="196">
        <v>15</v>
      </c>
      <c r="G21" s="196">
        <v>11</v>
      </c>
      <c r="H21" s="196">
        <v>4</v>
      </c>
      <c r="I21" s="196">
        <v>7</v>
      </c>
      <c r="J21" s="196">
        <v>2</v>
      </c>
      <c r="K21" s="197">
        <v>39</v>
      </c>
      <c r="L21" s="198">
        <v>39</v>
      </c>
      <c r="M21" s="192">
        <v>0</v>
      </c>
      <c r="N21" s="196">
        <v>0</v>
      </c>
      <c r="O21" s="193">
        <v>0</v>
      </c>
      <c r="P21" s="195">
        <v>0</v>
      </c>
      <c r="Q21" s="196">
        <v>0</v>
      </c>
      <c r="R21" s="196">
        <v>1</v>
      </c>
      <c r="S21" s="196">
        <v>0</v>
      </c>
      <c r="T21" s="196">
        <v>3</v>
      </c>
      <c r="U21" s="196">
        <v>3</v>
      </c>
      <c r="V21" s="193">
        <v>7</v>
      </c>
      <c r="W21" s="198">
        <v>7</v>
      </c>
      <c r="X21" s="192">
        <v>1</v>
      </c>
      <c r="Y21" s="196">
        <v>1</v>
      </c>
      <c r="Z21" s="193">
        <v>2</v>
      </c>
      <c r="AA21" s="195">
        <v>0</v>
      </c>
      <c r="AB21" s="196">
        <v>12</v>
      </c>
      <c r="AC21" s="196">
        <v>12</v>
      </c>
      <c r="AD21" s="196">
        <v>4</v>
      </c>
      <c r="AE21" s="196">
        <v>5</v>
      </c>
      <c r="AF21" s="196">
        <v>5</v>
      </c>
      <c r="AG21" s="193">
        <v>38</v>
      </c>
      <c r="AH21" s="198">
        <v>40</v>
      </c>
      <c r="AI21" s="192">
        <v>0</v>
      </c>
      <c r="AJ21" s="196">
        <v>0</v>
      </c>
      <c r="AK21" s="193">
        <v>0</v>
      </c>
      <c r="AL21" s="195">
        <v>0</v>
      </c>
      <c r="AM21" s="196">
        <v>0</v>
      </c>
      <c r="AN21" s="196">
        <v>3</v>
      </c>
      <c r="AO21" s="196">
        <v>3</v>
      </c>
      <c r="AP21" s="196">
        <v>0</v>
      </c>
      <c r="AQ21" s="196">
        <v>0</v>
      </c>
      <c r="AR21" s="193">
        <v>6</v>
      </c>
      <c r="AS21" s="198">
        <v>6</v>
      </c>
      <c r="AT21" s="192">
        <v>1</v>
      </c>
      <c r="AU21" s="196">
        <v>4</v>
      </c>
      <c r="AV21" s="193">
        <v>5</v>
      </c>
      <c r="AW21" s="195">
        <v>0</v>
      </c>
      <c r="AX21" s="196">
        <v>19</v>
      </c>
      <c r="AY21" s="196">
        <v>15</v>
      </c>
      <c r="AZ21" s="196">
        <v>14</v>
      </c>
      <c r="BA21" s="196">
        <v>12</v>
      </c>
      <c r="BB21" s="196">
        <v>6</v>
      </c>
      <c r="BC21" s="197">
        <v>66</v>
      </c>
      <c r="BD21" s="198">
        <v>71</v>
      </c>
      <c r="BE21" s="192">
        <v>0</v>
      </c>
      <c r="BF21" s="196">
        <v>0</v>
      </c>
      <c r="BG21" s="193">
        <v>0</v>
      </c>
      <c r="BH21" s="195">
        <v>0</v>
      </c>
      <c r="BI21" s="196">
        <v>21</v>
      </c>
      <c r="BJ21" s="196">
        <v>19</v>
      </c>
      <c r="BK21" s="196">
        <v>9</v>
      </c>
      <c r="BL21" s="196">
        <v>3</v>
      </c>
      <c r="BM21" s="196">
        <v>1</v>
      </c>
      <c r="BN21" s="193">
        <v>53</v>
      </c>
      <c r="BO21" s="198">
        <v>53</v>
      </c>
      <c r="BP21" s="192">
        <v>1</v>
      </c>
      <c r="BQ21" s="196">
        <v>2</v>
      </c>
      <c r="BR21" s="193">
        <v>3</v>
      </c>
      <c r="BS21" s="195">
        <v>0</v>
      </c>
      <c r="BT21" s="196">
        <v>9</v>
      </c>
      <c r="BU21" s="196">
        <v>9</v>
      </c>
      <c r="BV21" s="196">
        <v>4</v>
      </c>
      <c r="BW21" s="196">
        <v>3</v>
      </c>
      <c r="BX21" s="196">
        <v>0</v>
      </c>
      <c r="BY21" s="193">
        <v>25</v>
      </c>
      <c r="BZ21" s="198">
        <v>28</v>
      </c>
      <c r="CA21" s="192">
        <v>0</v>
      </c>
      <c r="CB21" s="196">
        <v>1</v>
      </c>
      <c r="CC21" s="193">
        <v>1</v>
      </c>
      <c r="CD21" s="195">
        <v>0</v>
      </c>
      <c r="CE21" s="196">
        <v>4</v>
      </c>
      <c r="CF21" s="196">
        <v>2</v>
      </c>
      <c r="CG21" s="196">
        <v>2</v>
      </c>
      <c r="CH21" s="196">
        <v>0</v>
      </c>
      <c r="CI21" s="196">
        <v>0</v>
      </c>
      <c r="CJ21" s="193">
        <v>8</v>
      </c>
      <c r="CK21" s="198">
        <v>9</v>
      </c>
      <c r="CL21" s="192">
        <v>0</v>
      </c>
      <c r="CM21" s="196">
        <v>0</v>
      </c>
      <c r="CN21" s="193">
        <v>0</v>
      </c>
      <c r="CO21" s="195">
        <v>0</v>
      </c>
      <c r="CP21" s="196">
        <v>0</v>
      </c>
      <c r="CQ21" s="196">
        <v>0</v>
      </c>
      <c r="CR21" s="196">
        <v>1</v>
      </c>
      <c r="CS21" s="196">
        <v>1</v>
      </c>
      <c r="CT21" s="196">
        <v>0</v>
      </c>
      <c r="CU21" s="193">
        <v>2</v>
      </c>
      <c r="CV21" s="198">
        <v>2</v>
      </c>
      <c r="CW21" s="192">
        <v>0</v>
      </c>
      <c r="CX21" s="196">
        <v>0</v>
      </c>
      <c r="CY21" s="193">
        <v>0</v>
      </c>
      <c r="CZ21" s="195">
        <v>0</v>
      </c>
      <c r="DA21" s="196">
        <v>0</v>
      </c>
      <c r="DB21" s="196">
        <v>0</v>
      </c>
      <c r="DC21" s="196">
        <v>0</v>
      </c>
      <c r="DD21" s="196">
        <v>0</v>
      </c>
      <c r="DE21" s="196">
        <v>0</v>
      </c>
      <c r="DF21" s="193">
        <v>0</v>
      </c>
      <c r="DG21" s="198">
        <v>0</v>
      </c>
      <c r="DH21" s="192">
        <v>0</v>
      </c>
      <c r="DI21" s="196">
        <v>0</v>
      </c>
      <c r="DJ21" s="193">
        <v>0</v>
      </c>
      <c r="DK21" s="195">
        <v>0</v>
      </c>
      <c r="DL21" s="196">
        <v>0</v>
      </c>
      <c r="DM21" s="196">
        <v>0</v>
      </c>
      <c r="DN21" s="196">
        <v>0</v>
      </c>
      <c r="DO21" s="196">
        <v>0</v>
      </c>
      <c r="DP21" s="196">
        <v>0</v>
      </c>
      <c r="DQ21" s="193">
        <v>0</v>
      </c>
      <c r="DR21" s="198">
        <v>0</v>
      </c>
      <c r="DS21" s="192">
        <v>3</v>
      </c>
      <c r="DT21" s="196">
        <v>7</v>
      </c>
      <c r="DU21" s="193">
        <v>10</v>
      </c>
      <c r="DV21" s="195">
        <v>0</v>
      </c>
      <c r="DW21" s="196">
        <v>31</v>
      </c>
      <c r="DX21" s="196">
        <v>29</v>
      </c>
      <c r="DY21" s="196">
        <v>14</v>
      </c>
      <c r="DZ21" s="196">
        <v>12</v>
      </c>
      <c r="EA21" s="196">
        <v>5</v>
      </c>
      <c r="EB21" s="193">
        <v>91</v>
      </c>
      <c r="EC21" s="198">
        <v>101</v>
      </c>
      <c r="ED21" s="192">
        <v>0</v>
      </c>
      <c r="EE21" s="196">
        <v>3</v>
      </c>
      <c r="EF21" s="193">
        <v>3</v>
      </c>
      <c r="EG21" s="195">
        <v>0</v>
      </c>
      <c r="EH21" s="196">
        <v>7</v>
      </c>
      <c r="EI21" s="196">
        <v>4</v>
      </c>
      <c r="EJ21" s="196">
        <v>3</v>
      </c>
      <c r="EK21" s="196">
        <v>4</v>
      </c>
      <c r="EL21" s="196">
        <v>1</v>
      </c>
      <c r="EM21" s="193">
        <v>19</v>
      </c>
      <c r="EN21" s="198">
        <v>22</v>
      </c>
      <c r="EO21" s="192">
        <v>5</v>
      </c>
      <c r="EP21" s="196">
        <v>11</v>
      </c>
      <c r="EQ21" s="193">
        <v>16</v>
      </c>
      <c r="ER21" s="195">
        <v>0</v>
      </c>
      <c r="ES21" s="196">
        <v>52</v>
      </c>
      <c r="ET21" s="196">
        <v>46</v>
      </c>
      <c r="EU21" s="196">
        <v>18</v>
      </c>
      <c r="EV21" s="196">
        <v>14</v>
      </c>
      <c r="EW21" s="196">
        <v>3</v>
      </c>
      <c r="EX21" s="193">
        <v>133</v>
      </c>
      <c r="EY21" s="198">
        <v>149</v>
      </c>
    </row>
    <row r="22" spans="1:155" ht="19.5" customHeight="1" x14ac:dyDescent="0.2">
      <c r="A22" s="177" t="s">
        <v>20</v>
      </c>
      <c r="B22" s="192">
        <v>0</v>
      </c>
      <c r="C22" s="196">
        <v>0</v>
      </c>
      <c r="D22" s="458">
        <v>0</v>
      </c>
      <c r="E22" s="195">
        <v>0</v>
      </c>
      <c r="F22" s="196">
        <v>18</v>
      </c>
      <c r="G22" s="196">
        <v>12</v>
      </c>
      <c r="H22" s="196">
        <v>9</v>
      </c>
      <c r="I22" s="196">
        <v>6</v>
      </c>
      <c r="J22" s="196">
        <v>1</v>
      </c>
      <c r="K22" s="197">
        <v>46</v>
      </c>
      <c r="L22" s="198">
        <v>46</v>
      </c>
      <c r="M22" s="192">
        <v>0</v>
      </c>
      <c r="N22" s="196">
        <v>0</v>
      </c>
      <c r="O22" s="193">
        <v>0</v>
      </c>
      <c r="P22" s="195">
        <v>0</v>
      </c>
      <c r="Q22" s="196">
        <v>0</v>
      </c>
      <c r="R22" s="196">
        <v>0</v>
      </c>
      <c r="S22" s="196">
        <v>0</v>
      </c>
      <c r="T22" s="196">
        <v>3</v>
      </c>
      <c r="U22" s="196">
        <v>1</v>
      </c>
      <c r="V22" s="193">
        <v>4</v>
      </c>
      <c r="W22" s="198">
        <v>4</v>
      </c>
      <c r="X22" s="192">
        <v>2</v>
      </c>
      <c r="Y22" s="196">
        <v>9</v>
      </c>
      <c r="Z22" s="193">
        <v>11</v>
      </c>
      <c r="AA22" s="195">
        <v>0</v>
      </c>
      <c r="AB22" s="196">
        <v>27</v>
      </c>
      <c r="AC22" s="196">
        <v>8</v>
      </c>
      <c r="AD22" s="196">
        <v>10</v>
      </c>
      <c r="AE22" s="196">
        <v>8</v>
      </c>
      <c r="AF22" s="196">
        <v>2</v>
      </c>
      <c r="AG22" s="193">
        <v>55</v>
      </c>
      <c r="AH22" s="198">
        <v>66</v>
      </c>
      <c r="AI22" s="192">
        <v>0</v>
      </c>
      <c r="AJ22" s="196">
        <v>1</v>
      </c>
      <c r="AK22" s="193">
        <v>1</v>
      </c>
      <c r="AL22" s="195">
        <v>0</v>
      </c>
      <c r="AM22" s="196">
        <v>5</v>
      </c>
      <c r="AN22" s="196">
        <v>3</v>
      </c>
      <c r="AO22" s="196">
        <v>4</v>
      </c>
      <c r="AP22" s="196">
        <v>2</v>
      </c>
      <c r="AQ22" s="196">
        <v>0</v>
      </c>
      <c r="AR22" s="193">
        <v>14</v>
      </c>
      <c r="AS22" s="198">
        <v>15</v>
      </c>
      <c r="AT22" s="192">
        <v>2</v>
      </c>
      <c r="AU22" s="196">
        <v>6</v>
      </c>
      <c r="AV22" s="193">
        <v>8</v>
      </c>
      <c r="AW22" s="195">
        <v>0</v>
      </c>
      <c r="AX22" s="196">
        <v>25</v>
      </c>
      <c r="AY22" s="196">
        <v>22</v>
      </c>
      <c r="AZ22" s="196">
        <v>18</v>
      </c>
      <c r="BA22" s="196">
        <v>18</v>
      </c>
      <c r="BB22" s="196">
        <v>4</v>
      </c>
      <c r="BC22" s="197">
        <v>87</v>
      </c>
      <c r="BD22" s="198">
        <v>95</v>
      </c>
      <c r="BE22" s="192">
        <v>0</v>
      </c>
      <c r="BF22" s="196">
        <v>0</v>
      </c>
      <c r="BG22" s="193">
        <v>0</v>
      </c>
      <c r="BH22" s="195">
        <v>0</v>
      </c>
      <c r="BI22" s="196">
        <v>24</v>
      </c>
      <c r="BJ22" s="196">
        <v>16</v>
      </c>
      <c r="BK22" s="196">
        <v>13</v>
      </c>
      <c r="BL22" s="196">
        <v>4</v>
      </c>
      <c r="BM22" s="196">
        <v>1</v>
      </c>
      <c r="BN22" s="193">
        <v>58</v>
      </c>
      <c r="BO22" s="198">
        <v>58</v>
      </c>
      <c r="BP22" s="192">
        <v>5</v>
      </c>
      <c r="BQ22" s="196">
        <v>2</v>
      </c>
      <c r="BR22" s="193">
        <v>7</v>
      </c>
      <c r="BS22" s="195">
        <v>0</v>
      </c>
      <c r="BT22" s="196">
        <v>14</v>
      </c>
      <c r="BU22" s="196">
        <v>6</v>
      </c>
      <c r="BV22" s="196">
        <v>5</v>
      </c>
      <c r="BW22" s="196">
        <v>7</v>
      </c>
      <c r="BX22" s="196">
        <v>1</v>
      </c>
      <c r="BY22" s="193">
        <v>33</v>
      </c>
      <c r="BZ22" s="198">
        <v>40</v>
      </c>
      <c r="CA22" s="192">
        <v>1</v>
      </c>
      <c r="CB22" s="196">
        <v>2</v>
      </c>
      <c r="CC22" s="193">
        <v>3</v>
      </c>
      <c r="CD22" s="195">
        <v>0</v>
      </c>
      <c r="CE22" s="196">
        <v>4</v>
      </c>
      <c r="CF22" s="196">
        <v>3</v>
      </c>
      <c r="CG22" s="196">
        <v>3</v>
      </c>
      <c r="CH22" s="196">
        <v>11</v>
      </c>
      <c r="CI22" s="196">
        <v>0</v>
      </c>
      <c r="CJ22" s="193">
        <v>21</v>
      </c>
      <c r="CK22" s="198">
        <v>24</v>
      </c>
      <c r="CL22" s="192">
        <v>0</v>
      </c>
      <c r="CM22" s="196">
        <v>0</v>
      </c>
      <c r="CN22" s="193">
        <v>0</v>
      </c>
      <c r="CO22" s="195">
        <v>0</v>
      </c>
      <c r="CP22" s="196">
        <v>0</v>
      </c>
      <c r="CQ22" s="196">
        <v>1</v>
      </c>
      <c r="CR22" s="196">
        <v>0</v>
      </c>
      <c r="CS22" s="196">
        <v>2</v>
      </c>
      <c r="CT22" s="196">
        <v>0</v>
      </c>
      <c r="CU22" s="193">
        <v>3</v>
      </c>
      <c r="CV22" s="198">
        <v>3</v>
      </c>
      <c r="CW22" s="192">
        <v>0</v>
      </c>
      <c r="CX22" s="196">
        <v>0</v>
      </c>
      <c r="CY22" s="193">
        <v>0</v>
      </c>
      <c r="CZ22" s="195">
        <v>0</v>
      </c>
      <c r="DA22" s="196">
        <v>0</v>
      </c>
      <c r="DB22" s="196">
        <v>0</v>
      </c>
      <c r="DC22" s="196">
        <v>0</v>
      </c>
      <c r="DD22" s="196">
        <v>0</v>
      </c>
      <c r="DE22" s="196">
        <v>0</v>
      </c>
      <c r="DF22" s="193">
        <v>0</v>
      </c>
      <c r="DG22" s="198">
        <v>0</v>
      </c>
      <c r="DH22" s="192">
        <v>0</v>
      </c>
      <c r="DI22" s="196">
        <v>0</v>
      </c>
      <c r="DJ22" s="193">
        <v>0</v>
      </c>
      <c r="DK22" s="195">
        <v>0</v>
      </c>
      <c r="DL22" s="196">
        <v>0</v>
      </c>
      <c r="DM22" s="196">
        <v>0</v>
      </c>
      <c r="DN22" s="196">
        <v>0</v>
      </c>
      <c r="DO22" s="196">
        <v>0</v>
      </c>
      <c r="DP22" s="196">
        <v>0</v>
      </c>
      <c r="DQ22" s="193">
        <v>0</v>
      </c>
      <c r="DR22" s="198">
        <v>0</v>
      </c>
      <c r="DS22" s="192">
        <v>12</v>
      </c>
      <c r="DT22" s="196">
        <v>19</v>
      </c>
      <c r="DU22" s="193">
        <v>31</v>
      </c>
      <c r="DV22" s="195">
        <v>0</v>
      </c>
      <c r="DW22" s="196">
        <v>46</v>
      </c>
      <c r="DX22" s="196">
        <v>31</v>
      </c>
      <c r="DY22" s="196">
        <v>26</v>
      </c>
      <c r="DZ22" s="196">
        <v>21</v>
      </c>
      <c r="EA22" s="196">
        <v>5</v>
      </c>
      <c r="EB22" s="193">
        <v>129</v>
      </c>
      <c r="EC22" s="198">
        <v>160</v>
      </c>
      <c r="ED22" s="192">
        <v>2</v>
      </c>
      <c r="EE22" s="196">
        <v>4</v>
      </c>
      <c r="EF22" s="193">
        <v>6</v>
      </c>
      <c r="EG22" s="195">
        <v>0</v>
      </c>
      <c r="EH22" s="196">
        <v>9</v>
      </c>
      <c r="EI22" s="196">
        <v>11</v>
      </c>
      <c r="EJ22" s="196">
        <v>8</v>
      </c>
      <c r="EK22" s="196">
        <v>7</v>
      </c>
      <c r="EL22" s="196">
        <v>1</v>
      </c>
      <c r="EM22" s="193">
        <v>36</v>
      </c>
      <c r="EN22" s="198">
        <v>42</v>
      </c>
      <c r="EO22" s="192">
        <v>20</v>
      </c>
      <c r="EP22" s="196">
        <v>30</v>
      </c>
      <c r="EQ22" s="193">
        <v>50</v>
      </c>
      <c r="ER22" s="195">
        <v>0</v>
      </c>
      <c r="ES22" s="196">
        <v>83</v>
      </c>
      <c r="ET22" s="196">
        <v>45</v>
      </c>
      <c r="EU22" s="196">
        <v>33</v>
      </c>
      <c r="EV22" s="196">
        <v>23</v>
      </c>
      <c r="EW22" s="196">
        <v>4</v>
      </c>
      <c r="EX22" s="193">
        <v>188</v>
      </c>
      <c r="EY22" s="198">
        <v>238</v>
      </c>
    </row>
    <row r="23" spans="1:155" ht="19.5" customHeight="1" x14ac:dyDescent="0.2">
      <c r="A23" s="177" t="s">
        <v>21</v>
      </c>
      <c r="B23" s="192">
        <v>0</v>
      </c>
      <c r="C23" s="196">
        <v>0</v>
      </c>
      <c r="D23" s="458">
        <v>0</v>
      </c>
      <c r="E23" s="195">
        <v>0</v>
      </c>
      <c r="F23" s="196">
        <v>18</v>
      </c>
      <c r="G23" s="196">
        <v>10</v>
      </c>
      <c r="H23" s="196">
        <v>8</v>
      </c>
      <c r="I23" s="196">
        <v>9</v>
      </c>
      <c r="J23" s="196">
        <v>5</v>
      </c>
      <c r="K23" s="197">
        <v>50</v>
      </c>
      <c r="L23" s="198">
        <v>50</v>
      </c>
      <c r="M23" s="192">
        <v>0</v>
      </c>
      <c r="N23" s="196">
        <v>0</v>
      </c>
      <c r="O23" s="193">
        <v>0</v>
      </c>
      <c r="P23" s="195">
        <v>0</v>
      </c>
      <c r="Q23" s="196">
        <v>0</v>
      </c>
      <c r="R23" s="196">
        <v>0</v>
      </c>
      <c r="S23" s="196">
        <v>0</v>
      </c>
      <c r="T23" s="196">
        <v>1</v>
      </c>
      <c r="U23" s="196">
        <v>1</v>
      </c>
      <c r="V23" s="193">
        <v>2</v>
      </c>
      <c r="W23" s="198">
        <v>2</v>
      </c>
      <c r="X23" s="192">
        <v>3</v>
      </c>
      <c r="Y23" s="196">
        <v>3</v>
      </c>
      <c r="Z23" s="193">
        <v>6</v>
      </c>
      <c r="AA23" s="195">
        <v>0</v>
      </c>
      <c r="AB23" s="196">
        <v>13</v>
      </c>
      <c r="AC23" s="196">
        <v>22</v>
      </c>
      <c r="AD23" s="196">
        <v>8</v>
      </c>
      <c r="AE23" s="196">
        <v>6</v>
      </c>
      <c r="AF23" s="196">
        <v>4</v>
      </c>
      <c r="AG23" s="193">
        <v>53</v>
      </c>
      <c r="AH23" s="198">
        <v>59</v>
      </c>
      <c r="AI23" s="192">
        <v>1</v>
      </c>
      <c r="AJ23" s="196">
        <v>1</v>
      </c>
      <c r="AK23" s="193">
        <v>2</v>
      </c>
      <c r="AL23" s="195">
        <v>0</v>
      </c>
      <c r="AM23" s="196">
        <v>3</v>
      </c>
      <c r="AN23" s="196">
        <v>3</v>
      </c>
      <c r="AO23" s="196">
        <v>0</v>
      </c>
      <c r="AP23" s="196">
        <v>0</v>
      </c>
      <c r="AQ23" s="196">
        <v>0</v>
      </c>
      <c r="AR23" s="193">
        <v>6</v>
      </c>
      <c r="AS23" s="198">
        <v>8</v>
      </c>
      <c r="AT23" s="192">
        <v>4</v>
      </c>
      <c r="AU23" s="196">
        <v>1</v>
      </c>
      <c r="AV23" s="193">
        <v>5</v>
      </c>
      <c r="AW23" s="195">
        <v>0</v>
      </c>
      <c r="AX23" s="196">
        <v>17</v>
      </c>
      <c r="AY23" s="196">
        <v>19</v>
      </c>
      <c r="AZ23" s="196">
        <v>12</v>
      </c>
      <c r="BA23" s="196">
        <v>18</v>
      </c>
      <c r="BB23" s="196">
        <v>9</v>
      </c>
      <c r="BC23" s="197">
        <v>75</v>
      </c>
      <c r="BD23" s="198">
        <v>80</v>
      </c>
      <c r="BE23" s="192">
        <v>0</v>
      </c>
      <c r="BF23" s="196">
        <v>0</v>
      </c>
      <c r="BG23" s="193">
        <v>0</v>
      </c>
      <c r="BH23" s="195">
        <v>0</v>
      </c>
      <c r="BI23" s="196">
        <v>22</v>
      </c>
      <c r="BJ23" s="196">
        <v>19</v>
      </c>
      <c r="BK23" s="196">
        <v>10</v>
      </c>
      <c r="BL23" s="196">
        <v>3</v>
      </c>
      <c r="BM23" s="196">
        <v>3</v>
      </c>
      <c r="BN23" s="193">
        <v>57</v>
      </c>
      <c r="BO23" s="198">
        <v>57</v>
      </c>
      <c r="BP23" s="192">
        <v>0</v>
      </c>
      <c r="BQ23" s="196">
        <v>2</v>
      </c>
      <c r="BR23" s="193">
        <v>2</v>
      </c>
      <c r="BS23" s="195">
        <v>0</v>
      </c>
      <c r="BT23" s="196">
        <v>4</v>
      </c>
      <c r="BU23" s="196">
        <v>10</v>
      </c>
      <c r="BV23" s="196">
        <v>3</v>
      </c>
      <c r="BW23" s="196">
        <v>1</v>
      </c>
      <c r="BX23" s="196">
        <v>0</v>
      </c>
      <c r="BY23" s="193">
        <v>18</v>
      </c>
      <c r="BZ23" s="198">
        <v>20</v>
      </c>
      <c r="CA23" s="192">
        <v>0</v>
      </c>
      <c r="CB23" s="196">
        <v>0</v>
      </c>
      <c r="CC23" s="193">
        <v>0</v>
      </c>
      <c r="CD23" s="195">
        <v>0</v>
      </c>
      <c r="CE23" s="196">
        <v>3</v>
      </c>
      <c r="CF23" s="196">
        <v>2</v>
      </c>
      <c r="CG23" s="196">
        <v>7</v>
      </c>
      <c r="CH23" s="196">
        <v>5</v>
      </c>
      <c r="CI23" s="196">
        <v>2</v>
      </c>
      <c r="CJ23" s="193">
        <v>19</v>
      </c>
      <c r="CK23" s="198">
        <v>19</v>
      </c>
      <c r="CL23" s="192">
        <v>0</v>
      </c>
      <c r="CM23" s="196">
        <v>0</v>
      </c>
      <c r="CN23" s="193">
        <v>0</v>
      </c>
      <c r="CO23" s="195">
        <v>0</v>
      </c>
      <c r="CP23" s="196">
        <v>0</v>
      </c>
      <c r="CQ23" s="196">
        <v>0</v>
      </c>
      <c r="CR23" s="196">
        <v>0</v>
      </c>
      <c r="CS23" s="196">
        <v>0</v>
      </c>
      <c r="CT23" s="196">
        <v>0</v>
      </c>
      <c r="CU23" s="193">
        <v>0</v>
      </c>
      <c r="CV23" s="198">
        <v>0</v>
      </c>
      <c r="CW23" s="192">
        <v>0</v>
      </c>
      <c r="CX23" s="196">
        <v>0</v>
      </c>
      <c r="CY23" s="193">
        <v>0</v>
      </c>
      <c r="CZ23" s="195">
        <v>0</v>
      </c>
      <c r="DA23" s="196">
        <v>0</v>
      </c>
      <c r="DB23" s="196">
        <v>0</v>
      </c>
      <c r="DC23" s="196">
        <v>0</v>
      </c>
      <c r="DD23" s="196">
        <v>0</v>
      </c>
      <c r="DE23" s="196">
        <v>0</v>
      </c>
      <c r="DF23" s="193">
        <v>0</v>
      </c>
      <c r="DG23" s="198">
        <v>0</v>
      </c>
      <c r="DH23" s="192">
        <v>0</v>
      </c>
      <c r="DI23" s="196">
        <v>0</v>
      </c>
      <c r="DJ23" s="193">
        <v>0</v>
      </c>
      <c r="DK23" s="195">
        <v>0</v>
      </c>
      <c r="DL23" s="196">
        <v>0</v>
      </c>
      <c r="DM23" s="196">
        <v>0</v>
      </c>
      <c r="DN23" s="196">
        <v>0</v>
      </c>
      <c r="DO23" s="196">
        <v>0</v>
      </c>
      <c r="DP23" s="196">
        <v>0</v>
      </c>
      <c r="DQ23" s="193">
        <v>0</v>
      </c>
      <c r="DR23" s="198">
        <v>0</v>
      </c>
      <c r="DS23" s="192">
        <v>8</v>
      </c>
      <c r="DT23" s="196">
        <v>12</v>
      </c>
      <c r="DU23" s="193">
        <v>20</v>
      </c>
      <c r="DV23" s="195">
        <v>0</v>
      </c>
      <c r="DW23" s="196">
        <v>24</v>
      </c>
      <c r="DX23" s="196">
        <v>43</v>
      </c>
      <c r="DY23" s="196">
        <v>17</v>
      </c>
      <c r="DZ23" s="196">
        <v>18</v>
      </c>
      <c r="EA23" s="196">
        <v>5</v>
      </c>
      <c r="EB23" s="193">
        <v>107</v>
      </c>
      <c r="EC23" s="198">
        <v>127</v>
      </c>
      <c r="ED23" s="192">
        <v>1</v>
      </c>
      <c r="EE23" s="196">
        <v>1</v>
      </c>
      <c r="EF23" s="193">
        <v>2</v>
      </c>
      <c r="EG23" s="195">
        <v>0</v>
      </c>
      <c r="EH23" s="196">
        <v>9</v>
      </c>
      <c r="EI23" s="196">
        <v>6</v>
      </c>
      <c r="EJ23" s="196">
        <v>3</v>
      </c>
      <c r="EK23" s="196">
        <v>4</v>
      </c>
      <c r="EL23" s="196">
        <v>3</v>
      </c>
      <c r="EM23" s="193">
        <v>25</v>
      </c>
      <c r="EN23" s="198">
        <v>27</v>
      </c>
      <c r="EO23" s="192">
        <v>11</v>
      </c>
      <c r="EP23" s="196">
        <v>14</v>
      </c>
      <c r="EQ23" s="193">
        <v>25</v>
      </c>
      <c r="ER23" s="195">
        <v>0</v>
      </c>
      <c r="ES23" s="196">
        <v>53</v>
      </c>
      <c r="ET23" s="196">
        <v>60</v>
      </c>
      <c r="EU23" s="196">
        <v>24</v>
      </c>
      <c r="EV23" s="196">
        <v>18</v>
      </c>
      <c r="EW23" s="196">
        <v>7</v>
      </c>
      <c r="EX23" s="193">
        <v>162</v>
      </c>
      <c r="EY23" s="198">
        <v>187</v>
      </c>
    </row>
    <row r="24" spans="1:155" ht="19.5" customHeight="1" x14ac:dyDescent="0.2">
      <c r="A24" s="177" t="s">
        <v>22</v>
      </c>
      <c r="B24" s="192">
        <v>0</v>
      </c>
      <c r="C24" s="196">
        <v>0</v>
      </c>
      <c r="D24" s="458">
        <v>0</v>
      </c>
      <c r="E24" s="195">
        <v>0</v>
      </c>
      <c r="F24" s="196">
        <v>4</v>
      </c>
      <c r="G24" s="196">
        <v>5</v>
      </c>
      <c r="H24" s="196">
        <v>1</v>
      </c>
      <c r="I24" s="196">
        <v>2</v>
      </c>
      <c r="J24" s="196">
        <v>1</v>
      </c>
      <c r="K24" s="197">
        <v>13</v>
      </c>
      <c r="L24" s="198">
        <v>13</v>
      </c>
      <c r="M24" s="192">
        <v>0</v>
      </c>
      <c r="N24" s="196">
        <v>0</v>
      </c>
      <c r="O24" s="193">
        <v>0</v>
      </c>
      <c r="P24" s="195">
        <v>0</v>
      </c>
      <c r="Q24" s="196">
        <v>0</v>
      </c>
      <c r="R24" s="196">
        <v>0</v>
      </c>
      <c r="S24" s="196">
        <v>1</v>
      </c>
      <c r="T24" s="196">
        <v>1</v>
      </c>
      <c r="U24" s="196">
        <v>2</v>
      </c>
      <c r="V24" s="193">
        <v>4</v>
      </c>
      <c r="W24" s="198">
        <v>4</v>
      </c>
      <c r="X24" s="192">
        <v>1</v>
      </c>
      <c r="Y24" s="196">
        <v>0</v>
      </c>
      <c r="Z24" s="193">
        <v>1</v>
      </c>
      <c r="AA24" s="195">
        <v>0</v>
      </c>
      <c r="AB24" s="196">
        <v>2</v>
      </c>
      <c r="AC24" s="196">
        <v>4</v>
      </c>
      <c r="AD24" s="196">
        <v>2</v>
      </c>
      <c r="AE24" s="196">
        <v>3</v>
      </c>
      <c r="AF24" s="196">
        <v>3</v>
      </c>
      <c r="AG24" s="193">
        <v>14</v>
      </c>
      <c r="AH24" s="198">
        <v>15</v>
      </c>
      <c r="AI24" s="192">
        <v>0</v>
      </c>
      <c r="AJ24" s="196">
        <v>0</v>
      </c>
      <c r="AK24" s="193">
        <v>0</v>
      </c>
      <c r="AL24" s="195">
        <v>0</v>
      </c>
      <c r="AM24" s="196">
        <v>2</v>
      </c>
      <c r="AN24" s="196">
        <v>0</v>
      </c>
      <c r="AO24" s="196">
        <v>0</v>
      </c>
      <c r="AP24" s="196">
        <v>2</v>
      </c>
      <c r="AQ24" s="196">
        <v>1</v>
      </c>
      <c r="AR24" s="193">
        <v>5</v>
      </c>
      <c r="AS24" s="198">
        <v>5</v>
      </c>
      <c r="AT24" s="192">
        <v>0</v>
      </c>
      <c r="AU24" s="196">
        <v>0</v>
      </c>
      <c r="AV24" s="193">
        <v>0</v>
      </c>
      <c r="AW24" s="195">
        <v>0</v>
      </c>
      <c r="AX24" s="196">
        <v>4</v>
      </c>
      <c r="AY24" s="196">
        <v>7</v>
      </c>
      <c r="AZ24" s="196">
        <v>2</v>
      </c>
      <c r="BA24" s="196">
        <v>2</v>
      </c>
      <c r="BB24" s="196">
        <v>2</v>
      </c>
      <c r="BC24" s="197">
        <v>17</v>
      </c>
      <c r="BD24" s="198">
        <v>17</v>
      </c>
      <c r="BE24" s="192">
        <v>0</v>
      </c>
      <c r="BF24" s="196">
        <v>0</v>
      </c>
      <c r="BG24" s="193">
        <v>0</v>
      </c>
      <c r="BH24" s="195">
        <v>0</v>
      </c>
      <c r="BI24" s="196">
        <v>6</v>
      </c>
      <c r="BJ24" s="196">
        <v>14</v>
      </c>
      <c r="BK24" s="196">
        <v>5</v>
      </c>
      <c r="BL24" s="196">
        <v>3</v>
      </c>
      <c r="BM24" s="196">
        <v>3</v>
      </c>
      <c r="BN24" s="193">
        <v>31</v>
      </c>
      <c r="BO24" s="198">
        <v>31</v>
      </c>
      <c r="BP24" s="192">
        <v>0</v>
      </c>
      <c r="BQ24" s="196">
        <v>0</v>
      </c>
      <c r="BR24" s="193">
        <v>0</v>
      </c>
      <c r="BS24" s="195">
        <v>0</v>
      </c>
      <c r="BT24" s="196">
        <v>4</v>
      </c>
      <c r="BU24" s="196">
        <v>2</v>
      </c>
      <c r="BV24" s="196">
        <v>1</v>
      </c>
      <c r="BW24" s="196">
        <v>1</v>
      </c>
      <c r="BX24" s="196">
        <v>2</v>
      </c>
      <c r="BY24" s="193">
        <v>10</v>
      </c>
      <c r="BZ24" s="198">
        <v>10</v>
      </c>
      <c r="CA24" s="192">
        <v>0</v>
      </c>
      <c r="CB24" s="196">
        <v>0</v>
      </c>
      <c r="CC24" s="193">
        <v>0</v>
      </c>
      <c r="CD24" s="195">
        <v>0</v>
      </c>
      <c r="CE24" s="196">
        <v>0</v>
      </c>
      <c r="CF24" s="196">
        <v>3</v>
      </c>
      <c r="CG24" s="196">
        <v>4</v>
      </c>
      <c r="CH24" s="196">
        <v>4</v>
      </c>
      <c r="CI24" s="196">
        <v>1</v>
      </c>
      <c r="CJ24" s="193">
        <v>12</v>
      </c>
      <c r="CK24" s="198">
        <v>12</v>
      </c>
      <c r="CL24" s="192">
        <v>0</v>
      </c>
      <c r="CM24" s="196">
        <v>0</v>
      </c>
      <c r="CN24" s="193">
        <v>0</v>
      </c>
      <c r="CO24" s="195">
        <v>0</v>
      </c>
      <c r="CP24" s="196">
        <v>0</v>
      </c>
      <c r="CQ24" s="196">
        <v>0</v>
      </c>
      <c r="CR24" s="196">
        <v>0</v>
      </c>
      <c r="CS24" s="196">
        <v>0</v>
      </c>
      <c r="CT24" s="196">
        <v>0</v>
      </c>
      <c r="CU24" s="193">
        <v>0</v>
      </c>
      <c r="CV24" s="198">
        <v>0</v>
      </c>
      <c r="CW24" s="192">
        <v>0</v>
      </c>
      <c r="CX24" s="196">
        <v>0</v>
      </c>
      <c r="CY24" s="193">
        <v>0</v>
      </c>
      <c r="CZ24" s="195">
        <v>0</v>
      </c>
      <c r="DA24" s="196">
        <v>0</v>
      </c>
      <c r="DB24" s="196">
        <v>0</v>
      </c>
      <c r="DC24" s="196">
        <v>0</v>
      </c>
      <c r="DD24" s="196">
        <v>0</v>
      </c>
      <c r="DE24" s="196">
        <v>0</v>
      </c>
      <c r="DF24" s="193">
        <v>0</v>
      </c>
      <c r="DG24" s="198">
        <v>0</v>
      </c>
      <c r="DH24" s="192">
        <v>0</v>
      </c>
      <c r="DI24" s="196">
        <v>0</v>
      </c>
      <c r="DJ24" s="193">
        <v>0</v>
      </c>
      <c r="DK24" s="195">
        <v>0</v>
      </c>
      <c r="DL24" s="196">
        <v>0</v>
      </c>
      <c r="DM24" s="196">
        <v>0</v>
      </c>
      <c r="DN24" s="196">
        <v>0</v>
      </c>
      <c r="DO24" s="196">
        <v>0</v>
      </c>
      <c r="DP24" s="196">
        <v>0</v>
      </c>
      <c r="DQ24" s="193">
        <v>0</v>
      </c>
      <c r="DR24" s="198">
        <v>0</v>
      </c>
      <c r="DS24" s="192">
        <v>2</v>
      </c>
      <c r="DT24" s="196">
        <v>6</v>
      </c>
      <c r="DU24" s="193">
        <v>8</v>
      </c>
      <c r="DV24" s="195">
        <v>0</v>
      </c>
      <c r="DW24" s="196">
        <v>10</v>
      </c>
      <c r="DX24" s="196">
        <v>20</v>
      </c>
      <c r="DY24" s="196">
        <v>10</v>
      </c>
      <c r="DZ24" s="196">
        <v>9</v>
      </c>
      <c r="EA24" s="196">
        <v>7</v>
      </c>
      <c r="EB24" s="193">
        <v>56</v>
      </c>
      <c r="EC24" s="198">
        <v>64</v>
      </c>
      <c r="ED24" s="192">
        <v>0</v>
      </c>
      <c r="EE24" s="196">
        <v>1</v>
      </c>
      <c r="EF24" s="193">
        <v>1</v>
      </c>
      <c r="EG24" s="195">
        <v>0</v>
      </c>
      <c r="EH24" s="196">
        <v>3</v>
      </c>
      <c r="EI24" s="196">
        <v>3</v>
      </c>
      <c r="EJ24" s="196">
        <v>1</v>
      </c>
      <c r="EK24" s="196">
        <v>2</v>
      </c>
      <c r="EL24" s="196">
        <v>0</v>
      </c>
      <c r="EM24" s="193">
        <v>9</v>
      </c>
      <c r="EN24" s="198">
        <v>10</v>
      </c>
      <c r="EO24" s="192">
        <v>3</v>
      </c>
      <c r="EP24" s="196">
        <v>6</v>
      </c>
      <c r="EQ24" s="193">
        <v>9</v>
      </c>
      <c r="ER24" s="195">
        <v>0</v>
      </c>
      <c r="ES24" s="196">
        <v>23</v>
      </c>
      <c r="ET24" s="196">
        <v>26</v>
      </c>
      <c r="EU24" s="196">
        <v>11</v>
      </c>
      <c r="EV24" s="196">
        <v>9</v>
      </c>
      <c r="EW24" s="196">
        <v>7</v>
      </c>
      <c r="EX24" s="193">
        <v>76</v>
      </c>
      <c r="EY24" s="198">
        <v>85</v>
      </c>
    </row>
    <row r="25" spans="1:155" ht="19.5" customHeight="1" x14ac:dyDescent="0.2">
      <c r="A25" s="177" t="s">
        <v>23</v>
      </c>
      <c r="B25" s="192">
        <v>0</v>
      </c>
      <c r="C25" s="196">
        <v>0</v>
      </c>
      <c r="D25" s="458">
        <v>0</v>
      </c>
      <c r="E25" s="195">
        <v>0</v>
      </c>
      <c r="F25" s="196">
        <v>10</v>
      </c>
      <c r="G25" s="196">
        <v>9</v>
      </c>
      <c r="H25" s="196">
        <v>6</v>
      </c>
      <c r="I25" s="196">
        <v>3</v>
      </c>
      <c r="J25" s="196">
        <v>2</v>
      </c>
      <c r="K25" s="197">
        <v>30</v>
      </c>
      <c r="L25" s="198">
        <v>30</v>
      </c>
      <c r="M25" s="192">
        <v>0</v>
      </c>
      <c r="N25" s="196">
        <v>0</v>
      </c>
      <c r="O25" s="193">
        <v>0</v>
      </c>
      <c r="P25" s="195">
        <v>0</v>
      </c>
      <c r="Q25" s="196">
        <v>0</v>
      </c>
      <c r="R25" s="196">
        <v>0</v>
      </c>
      <c r="S25" s="196">
        <v>0</v>
      </c>
      <c r="T25" s="196">
        <v>0</v>
      </c>
      <c r="U25" s="196">
        <v>0</v>
      </c>
      <c r="V25" s="193">
        <v>0</v>
      </c>
      <c r="W25" s="198">
        <v>0</v>
      </c>
      <c r="X25" s="192">
        <v>3</v>
      </c>
      <c r="Y25" s="196">
        <v>5</v>
      </c>
      <c r="Z25" s="193">
        <v>8</v>
      </c>
      <c r="AA25" s="195">
        <v>0</v>
      </c>
      <c r="AB25" s="196">
        <v>7</v>
      </c>
      <c r="AC25" s="196">
        <v>11</v>
      </c>
      <c r="AD25" s="196">
        <v>2</v>
      </c>
      <c r="AE25" s="196">
        <v>6</v>
      </c>
      <c r="AF25" s="196">
        <v>1</v>
      </c>
      <c r="AG25" s="193">
        <v>27</v>
      </c>
      <c r="AH25" s="198">
        <v>35</v>
      </c>
      <c r="AI25" s="192">
        <v>0</v>
      </c>
      <c r="AJ25" s="196">
        <v>0</v>
      </c>
      <c r="AK25" s="193">
        <v>0</v>
      </c>
      <c r="AL25" s="195">
        <v>0</v>
      </c>
      <c r="AM25" s="196">
        <v>1</v>
      </c>
      <c r="AN25" s="196">
        <v>1</v>
      </c>
      <c r="AO25" s="196">
        <v>0</v>
      </c>
      <c r="AP25" s="196">
        <v>0</v>
      </c>
      <c r="AQ25" s="196">
        <v>0</v>
      </c>
      <c r="AR25" s="193">
        <v>2</v>
      </c>
      <c r="AS25" s="198">
        <v>2</v>
      </c>
      <c r="AT25" s="192">
        <v>2</v>
      </c>
      <c r="AU25" s="196">
        <v>3</v>
      </c>
      <c r="AV25" s="193">
        <v>5</v>
      </c>
      <c r="AW25" s="195">
        <v>0</v>
      </c>
      <c r="AX25" s="196">
        <v>12</v>
      </c>
      <c r="AY25" s="196">
        <v>12</v>
      </c>
      <c r="AZ25" s="196">
        <v>5</v>
      </c>
      <c r="BA25" s="196">
        <v>7</v>
      </c>
      <c r="BB25" s="196">
        <v>5</v>
      </c>
      <c r="BC25" s="197">
        <v>41</v>
      </c>
      <c r="BD25" s="198">
        <v>46</v>
      </c>
      <c r="BE25" s="192">
        <v>0</v>
      </c>
      <c r="BF25" s="196">
        <v>0</v>
      </c>
      <c r="BG25" s="193">
        <v>0</v>
      </c>
      <c r="BH25" s="195">
        <v>0</v>
      </c>
      <c r="BI25" s="196">
        <v>23</v>
      </c>
      <c r="BJ25" s="196">
        <v>11</v>
      </c>
      <c r="BK25" s="196">
        <v>6</v>
      </c>
      <c r="BL25" s="196">
        <v>3</v>
      </c>
      <c r="BM25" s="196">
        <v>0</v>
      </c>
      <c r="BN25" s="193">
        <v>43</v>
      </c>
      <c r="BO25" s="198">
        <v>43</v>
      </c>
      <c r="BP25" s="192">
        <v>0</v>
      </c>
      <c r="BQ25" s="196">
        <v>0</v>
      </c>
      <c r="BR25" s="193">
        <v>0</v>
      </c>
      <c r="BS25" s="195">
        <v>0</v>
      </c>
      <c r="BT25" s="196">
        <v>3</v>
      </c>
      <c r="BU25" s="196">
        <v>5</v>
      </c>
      <c r="BV25" s="196">
        <v>1</v>
      </c>
      <c r="BW25" s="196">
        <v>4</v>
      </c>
      <c r="BX25" s="196">
        <v>0</v>
      </c>
      <c r="BY25" s="193">
        <v>13</v>
      </c>
      <c r="BZ25" s="198">
        <v>13</v>
      </c>
      <c r="CA25" s="192">
        <v>0</v>
      </c>
      <c r="CB25" s="196">
        <v>0</v>
      </c>
      <c r="CC25" s="193">
        <v>0</v>
      </c>
      <c r="CD25" s="195">
        <v>0</v>
      </c>
      <c r="CE25" s="196">
        <v>2</v>
      </c>
      <c r="CF25" s="196">
        <v>0</v>
      </c>
      <c r="CG25" s="196">
        <v>4</v>
      </c>
      <c r="CH25" s="196">
        <v>3</v>
      </c>
      <c r="CI25" s="196">
        <v>0</v>
      </c>
      <c r="CJ25" s="193">
        <v>9</v>
      </c>
      <c r="CK25" s="198">
        <v>9</v>
      </c>
      <c r="CL25" s="192">
        <v>0</v>
      </c>
      <c r="CM25" s="196">
        <v>0</v>
      </c>
      <c r="CN25" s="193">
        <v>0</v>
      </c>
      <c r="CO25" s="195">
        <v>0</v>
      </c>
      <c r="CP25" s="196">
        <v>0</v>
      </c>
      <c r="CQ25" s="196">
        <v>0</v>
      </c>
      <c r="CR25" s="196">
        <v>0</v>
      </c>
      <c r="CS25" s="196">
        <v>0</v>
      </c>
      <c r="CT25" s="196">
        <v>0</v>
      </c>
      <c r="CU25" s="193">
        <v>0</v>
      </c>
      <c r="CV25" s="198">
        <v>0</v>
      </c>
      <c r="CW25" s="192">
        <v>0</v>
      </c>
      <c r="CX25" s="196">
        <v>0</v>
      </c>
      <c r="CY25" s="193">
        <v>0</v>
      </c>
      <c r="CZ25" s="195">
        <v>0</v>
      </c>
      <c r="DA25" s="196">
        <v>0</v>
      </c>
      <c r="DB25" s="196">
        <v>0</v>
      </c>
      <c r="DC25" s="196">
        <v>0</v>
      </c>
      <c r="DD25" s="196">
        <v>0</v>
      </c>
      <c r="DE25" s="196">
        <v>0</v>
      </c>
      <c r="DF25" s="193">
        <v>0</v>
      </c>
      <c r="DG25" s="198">
        <v>0</v>
      </c>
      <c r="DH25" s="192">
        <v>0</v>
      </c>
      <c r="DI25" s="196">
        <v>0</v>
      </c>
      <c r="DJ25" s="193">
        <v>0</v>
      </c>
      <c r="DK25" s="195">
        <v>0</v>
      </c>
      <c r="DL25" s="196">
        <v>0</v>
      </c>
      <c r="DM25" s="196">
        <v>0</v>
      </c>
      <c r="DN25" s="196">
        <v>0</v>
      </c>
      <c r="DO25" s="196">
        <v>0</v>
      </c>
      <c r="DP25" s="196">
        <v>0</v>
      </c>
      <c r="DQ25" s="193">
        <v>0</v>
      </c>
      <c r="DR25" s="198">
        <v>0</v>
      </c>
      <c r="DS25" s="192">
        <v>2</v>
      </c>
      <c r="DT25" s="196">
        <v>8</v>
      </c>
      <c r="DU25" s="193">
        <v>10</v>
      </c>
      <c r="DV25" s="195">
        <v>0</v>
      </c>
      <c r="DW25" s="196">
        <v>11</v>
      </c>
      <c r="DX25" s="196">
        <v>21</v>
      </c>
      <c r="DY25" s="196">
        <v>12</v>
      </c>
      <c r="DZ25" s="196">
        <v>13</v>
      </c>
      <c r="EA25" s="196">
        <v>2</v>
      </c>
      <c r="EB25" s="193">
        <v>59</v>
      </c>
      <c r="EC25" s="198">
        <v>69</v>
      </c>
      <c r="ED25" s="192">
        <v>2</v>
      </c>
      <c r="EE25" s="196">
        <v>2</v>
      </c>
      <c r="EF25" s="193">
        <v>4</v>
      </c>
      <c r="EG25" s="195">
        <v>0</v>
      </c>
      <c r="EH25" s="196">
        <v>5</v>
      </c>
      <c r="EI25" s="196">
        <v>2</v>
      </c>
      <c r="EJ25" s="196">
        <v>1</v>
      </c>
      <c r="EK25" s="196">
        <v>3</v>
      </c>
      <c r="EL25" s="196">
        <v>3</v>
      </c>
      <c r="EM25" s="193">
        <v>14</v>
      </c>
      <c r="EN25" s="198">
        <v>18</v>
      </c>
      <c r="EO25" s="192">
        <v>5</v>
      </c>
      <c r="EP25" s="196">
        <v>11</v>
      </c>
      <c r="EQ25" s="193">
        <v>16</v>
      </c>
      <c r="ER25" s="195">
        <v>0</v>
      </c>
      <c r="ES25" s="196">
        <v>38</v>
      </c>
      <c r="ET25" s="196">
        <v>27</v>
      </c>
      <c r="EU25" s="196">
        <v>15</v>
      </c>
      <c r="EV25" s="196">
        <v>14</v>
      </c>
      <c r="EW25" s="196">
        <v>2</v>
      </c>
      <c r="EX25" s="193">
        <v>96</v>
      </c>
      <c r="EY25" s="198">
        <v>112</v>
      </c>
    </row>
    <row r="26" spans="1:155" ht="19.5" customHeight="1" x14ac:dyDescent="0.2">
      <c r="A26" s="177" t="s">
        <v>24</v>
      </c>
      <c r="B26" s="192">
        <v>0</v>
      </c>
      <c r="C26" s="196">
        <v>0</v>
      </c>
      <c r="D26" s="458">
        <v>0</v>
      </c>
      <c r="E26" s="195">
        <v>0</v>
      </c>
      <c r="F26" s="196">
        <v>14</v>
      </c>
      <c r="G26" s="196">
        <v>8</v>
      </c>
      <c r="H26" s="196">
        <v>2</v>
      </c>
      <c r="I26" s="196">
        <v>3</v>
      </c>
      <c r="J26" s="196">
        <v>4</v>
      </c>
      <c r="K26" s="197">
        <v>31</v>
      </c>
      <c r="L26" s="198">
        <v>31</v>
      </c>
      <c r="M26" s="192">
        <v>0</v>
      </c>
      <c r="N26" s="196">
        <v>0</v>
      </c>
      <c r="O26" s="193">
        <v>0</v>
      </c>
      <c r="P26" s="195">
        <v>0</v>
      </c>
      <c r="Q26" s="196">
        <v>0</v>
      </c>
      <c r="R26" s="196">
        <v>2</v>
      </c>
      <c r="S26" s="196">
        <v>0</v>
      </c>
      <c r="T26" s="196">
        <v>1</v>
      </c>
      <c r="U26" s="196">
        <v>2</v>
      </c>
      <c r="V26" s="193">
        <v>5</v>
      </c>
      <c r="W26" s="198">
        <v>5</v>
      </c>
      <c r="X26" s="192">
        <v>6</v>
      </c>
      <c r="Y26" s="196">
        <v>2</v>
      </c>
      <c r="Z26" s="193">
        <v>8</v>
      </c>
      <c r="AA26" s="195">
        <v>0</v>
      </c>
      <c r="AB26" s="196">
        <v>12</v>
      </c>
      <c r="AC26" s="196">
        <v>6</v>
      </c>
      <c r="AD26" s="196">
        <v>3</v>
      </c>
      <c r="AE26" s="196">
        <v>7</v>
      </c>
      <c r="AF26" s="196">
        <v>2</v>
      </c>
      <c r="AG26" s="193">
        <v>30</v>
      </c>
      <c r="AH26" s="198">
        <v>38</v>
      </c>
      <c r="AI26" s="192">
        <v>1</v>
      </c>
      <c r="AJ26" s="196">
        <v>1</v>
      </c>
      <c r="AK26" s="193">
        <v>2</v>
      </c>
      <c r="AL26" s="195">
        <v>0</v>
      </c>
      <c r="AM26" s="196">
        <v>2</v>
      </c>
      <c r="AN26" s="196">
        <v>0</v>
      </c>
      <c r="AO26" s="196">
        <v>0</v>
      </c>
      <c r="AP26" s="196">
        <v>0</v>
      </c>
      <c r="AQ26" s="196">
        <v>0</v>
      </c>
      <c r="AR26" s="193">
        <v>2</v>
      </c>
      <c r="AS26" s="198">
        <v>4</v>
      </c>
      <c r="AT26" s="192">
        <v>5</v>
      </c>
      <c r="AU26" s="196">
        <v>2</v>
      </c>
      <c r="AV26" s="193">
        <v>7</v>
      </c>
      <c r="AW26" s="195">
        <v>0</v>
      </c>
      <c r="AX26" s="196">
        <v>11</v>
      </c>
      <c r="AY26" s="196">
        <v>9</v>
      </c>
      <c r="AZ26" s="196">
        <v>9</v>
      </c>
      <c r="BA26" s="196">
        <v>10</v>
      </c>
      <c r="BB26" s="196">
        <v>5</v>
      </c>
      <c r="BC26" s="197">
        <v>44</v>
      </c>
      <c r="BD26" s="198">
        <v>51</v>
      </c>
      <c r="BE26" s="192">
        <v>0</v>
      </c>
      <c r="BF26" s="196">
        <v>0</v>
      </c>
      <c r="BG26" s="193">
        <v>0</v>
      </c>
      <c r="BH26" s="195">
        <v>0</v>
      </c>
      <c r="BI26" s="196">
        <v>13</v>
      </c>
      <c r="BJ26" s="196">
        <v>11</v>
      </c>
      <c r="BK26" s="196">
        <v>1</v>
      </c>
      <c r="BL26" s="196">
        <v>3</v>
      </c>
      <c r="BM26" s="196">
        <v>1</v>
      </c>
      <c r="BN26" s="193">
        <v>29</v>
      </c>
      <c r="BO26" s="198">
        <v>29</v>
      </c>
      <c r="BP26" s="192">
        <v>2</v>
      </c>
      <c r="BQ26" s="196">
        <v>3</v>
      </c>
      <c r="BR26" s="193">
        <v>5</v>
      </c>
      <c r="BS26" s="195">
        <v>0</v>
      </c>
      <c r="BT26" s="196">
        <v>5</v>
      </c>
      <c r="BU26" s="196">
        <v>2</v>
      </c>
      <c r="BV26" s="196">
        <v>4</v>
      </c>
      <c r="BW26" s="196">
        <v>0</v>
      </c>
      <c r="BX26" s="196">
        <v>0</v>
      </c>
      <c r="BY26" s="193">
        <v>11</v>
      </c>
      <c r="BZ26" s="198">
        <v>16</v>
      </c>
      <c r="CA26" s="192">
        <v>0</v>
      </c>
      <c r="CB26" s="196">
        <v>0</v>
      </c>
      <c r="CC26" s="193">
        <v>0</v>
      </c>
      <c r="CD26" s="195">
        <v>0</v>
      </c>
      <c r="CE26" s="196">
        <v>1</v>
      </c>
      <c r="CF26" s="196">
        <v>1</v>
      </c>
      <c r="CG26" s="196">
        <v>3</v>
      </c>
      <c r="CH26" s="196">
        <v>2</v>
      </c>
      <c r="CI26" s="196">
        <v>0</v>
      </c>
      <c r="CJ26" s="193">
        <v>7</v>
      </c>
      <c r="CK26" s="198">
        <v>7</v>
      </c>
      <c r="CL26" s="192">
        <v>0</v>
      </c>
      <c r="CM26" s="196">
        <v>0</v>
      </c>
      <c r="CN26" s="193">
        <v>0</v>
      </c>
      <c r="CO26" s="195">
        <v>0</v>
      </c>
      <c r="CP26" s="196">
        <v>0</v>
      </c>
      <c r="CQ26" s="196">
        <v>0</v>
      </c>
      <c r="CR26" s="196">
        <v>0</v>
      </c>
      <c r="CS26" s="196">
        <v>0</v>
      </c>
      <c r="CT26" s="196">
        <v>0</v>
      </c>
      <c r="CU26" s="193">
        <v>0</v>
      </c>
      <c r="CV26" s="198">
        <v>0</v>
      </c>
      <c r="CW26" s="192">
        <v>0</v>
      </c>
      <c r="CX26" s="196">
        <v>0</v>
      </c>
      <c r="CY26" s="193">
        <v>0</v>
      </c>
      <c r="CZ26" s="195">
        <v>0</v>
      </c>
      <c r="DA26" s="196">
        <v>0</v>
      </c>
      <c r="DB26" s="196">
        <v>0</v>
      </c>
      <c r="DC26" s="196">
        <v>0</v>
      </c>
      <c r="DD26" s="196">
        <v>0</v>
      </c>
      <c r="DE26" s="196">
        <v>0</v>
      </c>
      <c r="DF26" s="193">
        <v>0</v>
      </c>
      <c r="DG26" s="198">
        <v>0</v>
      </c>
      <c r="DH26" s="192">
        <v>0</v>
      </c>
      <c r="DI26" s="196">
        <v>0</v>
      </c>
      <c r="DJ26" s="193">
        <v>0</v>
      </c>
      <c r="DK26" s="195">
        <v>0</v>
      </c>
      <c r="DL26" s="196">
        <v>0</v>
      </c>
      <c r="DM26" s="196">
        <v>0</v>
      </c>
      <c r="DN26" s="196">
        <v>0</v>
      </c>
      <c r="DO26" s="196">
        <v>0</v>
      </c>
      <c r="DP26" s="196">
        <v>0</v>
      </c>
      <c r="DQ26" s="193">
        <v>0</v>
      </c>
      <c r="DR26" s="198">
        <v>0</v>
      </c>
      <c r="DS26" s="192">
        <v>14</v>
      </c>
      <c r="DT26" s="196">
        <v>7</v>
      </c>
      <c r="DU26" s="193">
        <v>21</v>
      </c>
      <c r="DV26" s="195">
        <v>0</v>
      </c>
      <c r="DW26" s="196">
        <v>21</v>
      </c>
      <c r="DX26" s="196">
        <v>16</v>
      </c>
      <c r="DY26" s="196">
        <v>8</v>
      </c>
      <c r="DZ26" s="196">
        <v>11</v>
      </c>
      <c r="EA26" s="196">
        <v>4</v>
      </c>
      <c r="EB26" s="193">
        <v>60</v>
      </c>
      <c r="EC26" s="198">
        <v>81</v>
      </c>
      <c r="ED26" s="192">
        <v>2</v>
      </c>
      <c r="EE26" s="196">
        <v>1</v>
      </c>
      <c r="EF26" s="193">
        <v>3</v>
      </c>
      <c r="EG26" s="195">
        <v>0</v>
      </c>
      <c r="EH26" s="196">
        <v>3</v>
      </c>
      <c r="EI26" s="196">
        <v>3</v>
      </c>
      <c r="EJ26" s="196">
        <v>5</v>
      </c>
      <c r="EK26" s="196">
        <v>3</v>
      </c>
      <c r="EL26" s="196">
        <v>1</v>
      </c>
      <c r="EM26" s="193">
        <v>15</v>
      </c>
      <c r="EN26" s="198">
        <v>18</v>
      </c>
      <c r="EO26" s="192">
        <v>20</v>
      </c>
      <c r="EP26" s="196">
        <v>9</v>
      </c>
      <c r="EQ26" s="193">
        <v>29</v>
      </c>
      <c r="ER26" s="195">
        <v>0</v>
      </c>
      <c r="ES26" s="196">
        <v>37</v>
      </c>
      <c r="ET26" s="196">
        <v>24</v>
      </c>
      <c r="EU26" s="196">
        <v>12</v>
      </c>
      <c r="EV26" s="196">
        <v>10</v>
      </c>
      <c r="EW26" s="196">
        <v>5</v>
      </c>
      <c r="EX26" s="193">
        <v>88</v>
      </c>
      <c r="EY26" s="198">
        <v>117</v>
      </c>
    </row>
    <row r="27" spans="1:155" ht="19.5" customHeight="1" x14ac:dyDescent="0.2">
      <c r="A27" s="177" t="s">
        <v>25</v>
      </c>
      <c r="B27" s="192">
        <v>0</v>
      </c>
      <c r="C27" s="196">
        <v>0</v>
      </c>
      <c r="D27" s="458">
        <v>0</v>
      </c>
      <c r="E27" s="195">
        <v>0</v>
      </c>
      <c r="F27" s="196">
        <v>4</v>
      </c>
      <c r="G27" s="196">
        <v>3</v>
      </c>
      <c r="H27" s="196">
        <v>1</v>
      </c>
      <c r="I27" s="196">
        <v>3</v>
      </c>
      <c r="J27" s="196">
        <v>0</v>
      </c>
      <c r="K27" s="197">
        <v>11</v>
      </c>
      <c r="L27" s="198">
        <v>11</v>
      </c>
      <c r="M27" s="192">
        <v>0</v>
      </c>
      <c r="N27" s="196">
        <v>0</v>
      </c>
      <c r="O27" s="193">
        <v>0</v>
      </c>
      <c r="P27" s="195">
        <v>0</v>
      </c>
      <c r="Q27" s="196">
        <v>0</v>
      </c>
      <c r="R27" s="196">
        <v>1</v>
      </c>
      <c r="S27" s="196">
        <v>0</v>
      </c>
      <c r="T27" s="196">
        <v>1</v>
      </c>
      <c r="U27" s="196">
        <v>1</v>
      </c>
      <c r="V27" s="193">
        <v>3</v>
      </c>
      <c r="W27" s="198">
        <v>3</v>
      </c>
      <c r="X27" s="192">
        <v>0</v>
      </c>
      <c r="Y27" s="196">
        <v>2</v>
      </c>
      <c r="Z27" s="193">
        <v>2</v>
      </c>
      <c r="AA27" s="195">
        <v>0</v>
      </c>
      <c r="AB27" s="196">
        <v>5</v>
      </c>
      <c r="AC27" s="196">
        <v>7</v>
      </c>
      <c r="AD27" s="196">
        <v>1</v>
      </c>
      <c r="AE27" s="196">
        <v>1</v>
      </c>
      <c r="AF27" s="196">
        <v>2</v>
      </c>
      <c r="AG27" s="193">
        <v>16</v>
      </c>
      <c r="AH27" s="198">
        <v>18</v>
      </c>
      <c r="AI27" s="192">
        <v>0</v>
      </c>
      <c r="AJ27" s="196">
        <v>1</v>
      </c>
      <c r="AK27" s="193">
        <v>1</v>
      </c>
      <c r="AL27" s="195">
        <v>0</v>
      </c>
      <c r="AM27" s="196">
        <v>1</v>
      </c>
      <c r="AN27" s="196">
        <v>0</v>
      </c>
      <c r="AO27" s="196">
        <v>0</v>
      </c>
      <c r="AP27" s="196">
        <v>0</v>
      </c>
      <c r="AQ27" s="196">
        <v>1</v>
      </c>
      <c r="AR27" s="193">
        <v>2</v>
      </c>
      <c r="AS27" s="198">
        <v>3</v>
      </c>
      <c r="AT27" s="192">
        <v>1</v>
      </c>
      <c r="AU27" s="196">
        <v>0</v>
      </c>
      <c r="AV27" s="193">
        <v>1</v>
      </c>
      <c r="AW27" s="195">
        <v>0</v>
      </c>
      <c r="AX27" s="196">
        <v>8</v>
      </c>
      <c r="AY27" s="196">
        <v>2</v>
      </c>
      <c r="AZ27" s="196">
        <v>2</v>
      </c>
      <c r="BA27" s="196">
        <v>4</v>
      </c>
      <c r="BB27" s="196">
        <v>1</v>
      </c>
      <c r="BC27" s="197">
        <v>17</v>
      </c>
      <c r="BD27" s="198">
        <v>18</v>
      </c>
      <c r="BE27" s="192">
        <v>0</v>
      </c>
      <c r="BF27" s="196">
        <v>0</v>
      </c>
      <c r="BG27" s="193">
        <v>0</v>
      </c>
      <c r="BH27" s="195">
        <v>0</v>
      </c>
      <c r="BI27" s="196">
        <v>8</v>
      </c>
      <c r="BJ27" s="196">
        <v>4</v>
      </c>
      <c r="BK27" s="196">
        <v>0</v>
      </c>
      <c r="BL27" s="196">
        <v>3</v>
      </c>
      <c r="BM27" s="196">
        <v>0</v>
      </c>
      <c r="BN27" s="193">
        <v>15</v>
      </c>
      <c r="BO27" s="198">
        <v>15</v>
      </c>
      <c r="BP27" s="192">
        <v>0</v>
      </c>
      <c r="BQ27" s="196">
        <v>0</v>
      </c>
      <c r="BR27" s="193">
        <v>0</v>
      </c>
      <c r="BS27" s="195">
        <v>0</v>
      </c>
      <c r="BT27" s="196">
        <v>3</v>
      </c>
      <c r="BU27" s="196">
        <v>2</v>
      </c>
      <c r="BV27" s="196">
        <v>1</v>
      </c>
      <c r="BW27" s="196">
        <v>1</v>
      </c>
      <c r="BX27" s="196">
        <v>0</v>
      </c>
      <c r="BY27" s="193">
        <v>7</v>
      </c>
      <c r="BZ27" s="198">
        <v>7</v>
      </c>
      <c r="CA27" s="192">
        <v>0</v>
      </c>
      <c r="CB27" s="196">
        <v>0</v>
      </c>
      <c r="CC27" s="193">
        <v>0</v>
      </c>
      <c r="CD27" s="195">
        <v>0</v>
      </c>
      <c r="CE27" s="196">
        <v>1</v>
      </c>
      <c r="CF27" s="196">
        <v>0</v>
      </c>
      <c r="CG27" s="196">
        <v>1</v>
      </c>
      <c r="CH27" s="196">
        <v>1</v>
      </c>
      <c r="CI27" s="196">
        <v>0</v>
      </c>
      <c r="CJ27" s="193">
        <v>3</v>
      </c>
      <c r="CK27" s="198">
        <v>3</v>
      </c>
      <c r="CL27" s="192">
        <v>0</v>
      </c>
      <c r="CM27" s="196">
        <v>0</v>
      </c>
      <c r="CN27" s="193">
        <v>0</v>
      </c>
      <c r="CO27" s="195">
        <v>0</v>
      </c>
      <c r="CP27" s="196">
        <v>0</v>
      </c>
      <c r="CQ27" s="196">
        <v>0</v>
      </c>
      <c r="CR27" s="196">
        <v>0</v>
      </c>
      <c r="CS27" s="196">
        <v>1</v>
      </c>
      <c r="CT27" s="196">
        <v>0</v>
      </c>
      <c r="CU27" s="193">
        <v>1</v>
      </c>
      <c r="CV27" s="198">
        <v>1</v>
      </c>
      <c r="CW27" s="192">
        <v>0</v>
      </c>
      <c r="CX27" s="196">
        <v>0</v>
      </c>
      <c r="CY27" s="193">
        <v>0</v>
      </c>
      <c r="CZ27" s="195">
        <v>0</v>
      </c>
      <c r="DA27" s="196">
        <v>0</v>
      </c>
      <c r="DB27" s="196">
        <v>0</v>
      </c>
      <c r="DC27" s="196">
        <v>0</v>
      </c>
      <c r="DD27" s="196">
        <v>0</v>
      </c>
      <c r="DE27" s="196">
        <v>0</v>
      </c>
      <c r="DF27" s="193">
        <v>0</v>
      </c>
      <c r="DG27" s="198">
        <v>0</v>
      </c>
      <c r="DH27" s="192">
        <v>0</v>
      </c>
      <c r="DI27" s="196">
        <v>0</v>
      </c>
      <c r="DJ27" s="193">
        <v>0</v>
      </c>
      <c r="DK27" s="195">
        <v>0</v>
      </c>
      <c r="DL27" s="196">
        <v>0</v>
      </c>
      <c r="DM27" s="196">
        <v>0</v>
      </c>
      <c r="DN27" s="196">
        <v>0</v>
      </c>
      <c r="DO27" s="196">
        <v>0</v>
      </c>
      <c r="DP27" s="196">
        <v>0</v>
      </c>
      <c r="DQ27" s="193">
        <v>0</v>
      </c>
      <c r="DR27" s="198">
        <v>0</v>
      </c>
      <c r="DS27" s="192">
        <v>1</v>
      </c>
      <c r="DT27" s="196">
        <v>2</v>
      </c>
      <c r="DU27" s="193">
        <v>3</v>
      </c>
      <c r="DV27" s="195">
        <v>0</v>
      </c>
      <c r="DW27" s="196">
        <v>9</v>
      </c>
      <c r="DX27" s="196">
        <v>8</v>
      </c>
      <c r="DY27" s="196">
        <v>4</v>
      </c>
      <c r="DZ27" s="196">
        <v>6</v>
      </c>
      <c r="EA27" s="196">
        <v>2</v>
      </c>
      <c r="EB27" s="193">
        <v>29</v>
      </c>
      <c r="EC27" s="198">
        <v>32</v>
      </c>
      <c r="ED27" s="192">
        <v>0</v>
      </c>
      <c r="EE27" s="196">
        <v>1</v>
      </c>
      <c r="EF27" s="193">
        <v>1</v>
      </c>
      <c r="EG27" s="195">
        <v>0</v>
      </c>
      <c r="EH27" s="196">
        <v>5</v>
      </c>
      <c r="EI27" s="196">
        <v>0</v>
      </c>
      <c r="EJ27" s="196">
        <v>1</v>
      </c>
      <c r="EK27" s="196">
        <v>2</v>
      </c>
      <c r="EL27" s="196">
        <v>0</v>
      </c>
      <c r="EM27" s="193">
        <v>8</v>
      </c>
      <c r="EN27" s="198">
        <v>9</v>
      </c>
      <c r="EO27" s="192">
        <v>1</v>
      </c>
      <c r="EP27" s="196">
        <v>4</v>
      </c>
      <c r="EQ27" s="193">
        <v>5</v>
      </c>
      <c r="ER27" s="195">
        <v>0</v>
      </c>
      <c r="ES27" s="196">
        <v>24</v>
      </c>
      <c r="ET27" s="196">
        <v>11</v>
      </c>
      <c r="EU27" s="196">
        <v>3</v>
      </c>
      <c r="EV27" s="196">
        <v>8</v>
      </c>
      <c r="EW27" s="196">
        <v>2</v>
      </c>
      <c r="EX27" s="193">
        <v>48</v>
      </c>
      <c r="EY27" s="198">
        <v>53</v>
      </c>
    </row>
    <row r="28" spans="1:155" ht="19.5" customHeight="1" x14ac:dyDescent="0.2">
      <c r="A28" s="177" t="s">
        <v>26</v>
      </c>
      <c r="B28" s="192">
        <v>0</v>
      </c>
      <c r="C28" s="196">
        <v>0</v>
      </c>
      <c r="D28" s="458">
        <v>0</v>
      </c>
      <c r="E28" s="195">
        <v>0</v>
      </c>
      <c r="F28" s="196">
        <v>5</v>
      </c>
      <c r="G28" s="196">
        <v>6</v>
      </c>
      <c r="H28" s="196">
        <v>5</v>
      </c>
      <c r="I28" s="196">
        <v>2</v>
      </c>
      <c r="J28" s="196">
        <v>4</v>
      </c>
      <c r="K28" s="197">
        <v>22</v>
      </c>
      <c r="L28" s="198">
        <v>22</v>
      </c>
      <c r="M28" s="192">
        <v>0</v>
      </c>
      <c r="N28" s="196">
        <v>0</v>
      </c>
      <c r="O28" s="193">
        <v>0</v>
      </c>
      <c r="P28" s="195">
        <v>0</v>
      </c>
      <c r="Q28" s="196">
        <v>0</v>
      </c>
      <c r="R28" s="196">
        <v>0</v>
      </c>
      <c r="S28" s="196">
        <v>0</v>
      </c>
      <c r="T28" s="196">
        <v>2</v>
      </c>
      <c r="U28" s="196">
        <v>1</v>
      </c>
      <c r="V28" s="193">
        <v>3</v>
      </c>
      <c r="W28" s="198">
        <v>3</v>
      </c>
      <c r="X28" s="192">
        <v>0</v>
      </c>
      <c r="Y28" s="196">
        <v>3</v>
      </c>
      <c r="Z28" s="193">
        <v>3</v>
      </c>
      <c r="AA28" s="195">
        <v>0</v>
      </c>
      <c r="AB28" s="196">
        <v>5</v>
      </c>
      <c r="AC28" s="196">
        <v>3</v>
      </c>
      <c r="AD28" s="196">
        <v>7</v>
      </c>
      <c r="AE28" s="196">
        <v>1</v>
      </c>
      <c r="AF28" s="196">
        <v>3</v>
      </c>
      <c r="AG28" s="193">
        <v>19</v>
      </c>
      <c r="AH28" s="198">
        <v>22</v>
      </c>
      <c r="AI28" s="192">
        <v>0</v>
      </c>
      <c r="AJ28" s="196">
        <v>0</v>
      </c>
      <c r="AK28" s="193">
        <v>0</v>
      </c>
      <c r="AL28" s="195">
        <v>0</v>
      </c>
      <c r="AM28" s="196">
        <v>0</v>
      </c>
      <c r="AN28" s="196">
        <v>1</v>
      </c>
      <c r="AO28" s="196">
        <v>2</v>
      </c>
      <c r="AP28" s="196">
        <v>0</v>
      </c>
      <c r="AQ28" s="196">
        <v>0</v>
      </c>
      <c r="AR28" s="193">
        <v>3</v>
      </c>
      <c r="AS28" s="198">
        <v>3</v>
      </c>
      <c r="AT28" s="192">
        <v>1</v>
      </c>
      <c r="AU28" s="196">
        <v>0</v>
      </c>
      <c r="AV28" s="193">
        <v>1</v>
      </c>
      <c r="AW28" s="195">
        <v>0</v>
      </c>
      <c r="AX28" s="196">
        <v>4</v>
      </c>
      <c r="AY28" s="196">
        <v>5</v>
      </c>
      <c r="AZ28" s="196">
        <v>9</v>
      </c>
      <c r="BA28" s="196">
        <v>1</v>
      </c>
      <c r="BB28" s="196">
        <v>4</v>
      </c>
      <c r="BC28" s="197">
        <v>23</v>
      </c>
      <c r="BD28" s="198">
        <v>24</v>
      </c>
      <c r="BE28" s="192">
        <v>0</v>
      </c>
      <c r="BF28" s="196">
        <v>0</v>
      </c>
      <c r="BG28" s="193">
        <v>0</v>
      </c>
      <c r="BH28" s="195">
        <v>0</v>
      </c>
      <c r="BI28" s="196">
        <v>6</v>
      </c>
      <c r="BJ28" s="196">
        <v>7</v>
      </c>
      <c r="BK28" s="196">
        <v>5</v>
      </c>
      <c r="BL28" s="196">
        <v>3</v>
      </c>
      <c r="BM28" s="196">
        <v>2</v>
      </c>
      <c r="BN28" s="193">
        <v>23</v>
      </c>
      <c r="BO28" s="198">
        <v>23</v>
      </c>
      <c r="BP28" s="192">
        <v>1</v>
      </c>
      <c r="BQ28" s="196">
        <v>1</v>
      </c>
      <c r="BR28" s="193">
        <v>2</v>
      </c>
      <c r="BS28" s="195">
        <v>0</v>
      </c>
      <c r="BT28" s="196">
        <v>1</v>
      </c>
      <c r="BU28" s="196">
        <v>3</v>
      </c>
      <c r="BV28" s="196">
        <v>3</v>
      </c>
      <c r="BW28" s="196">
        <v>0</v>
      </c>
      <c r="BX28" s="196">
        <v>0</v>
      </c>
      <c r="BY28" s="193">
        <v>7</v>
      </c>
      <c r="BZ28" s="198">
        <v>9</v>
      </c>
      <c r="CA28" s="192">
        <v>0</v>
      </c>
      <c r="CB28" s="196">
        <v>0</v>
      </c>
      <c r="CC28" s="193">
        <v>0</v>
      </c>
      <c r="CD28" s="195">
        <v>0</v>
      </c>
      <c r="CE28" s="196">
        <v>1</v>
      </c>
      <c r="CF28" s="196">
        <v>3</v>
      </c>
      <c r="CG28" s="196">
        <v>1</v>
      </c>
      <c r="CH28" s="196">
        <v>2</v>
      </c>
      <c r="CI28" s="196">
        <v>1</v>
      </c>
      <c r="CJ28" s="193">
        <v>8</v>
      </c>
      <c r="CK28" s="198">
        <v>8</v>
      </c>
      <c r="CL28" s="192">
        <v>0</v>
      </c>
      <c r="CM28" s="196">
        <v>0</v>
      </c>
      <c r="CN28" s="193">
        <v>0</v>
      </c>
      <c r="CO28" s="195">
        <v>0</v>
      </c>
      <c r="CP28" s="196">
        <v>0</v>
      </c>
      <c r="CQ28" s="196">
        <v>0</v>
      </c>
      <c r="CR28" s="196">
        <v>1</v>
      </c>
      <c r="CS28" s="196">
        <v>0</v>
      </c>
      <c r="CT28" s="196">
        <v>0</v>
      </c>
      <c r="CU28" s="193">
        <v>1</v>
      </c>
      <c r="CV28" s="198">
        <v>1</v>
      </c>
      <c r="CW28" s="192">
        <v>0</v>
      </c>
      <c r="CX28" s="196">
        <v>0</v>
      </c>
      <c r="CY28" s="193">
        <v>0</v>
      </c>
      <c r="CZ28" s="195">
        <v>0</v>
      </c>
      <c r="DA28" s="196">
        <v>0</v>
      </c>
      <c r="DB28" s="196">
        <v>0</v>
      </c>
      <c r="DC28" s="196">
        <v>0</v>
      </c>
      <c r="DD28" s="196">
        <v>0</v>
      </c>
      <c r="DE28" s="196">
        <v>0</v>
      </c>
      <c r="DF28" s="193">
        <v>0</v>
      </c>
      <c r="DG28" s="198">
        <v>0</v>
      </c>
      <c r="DH28" s="192">
        <v>0</v>
      </c>
      <c r="DI28" s="196">
        <v>0</v>
      </c>
      <c r="DJ28" s="193">
        <v>0</v>
      </c>
      <c r="DK28" s="195">
        <v>0</v>
      </c>
      <c r="DL28" s="196">
        <v>0</v>
      </c>
      <c r="DM28" s="196">
        <v>0</v>
      </c>
      <c r="DN28" s="196">
        <v>0</v>
      </c>
      <c r="DO28" s="196">
        <v>0</v>
      </c>
      <c r="DP28" s="196">
        <v>0</v>
      </c>
      <c r="DQ28" s="193">
        <v>0</v>
      </c>
      <c r="DR28" s="198">
        <v>0</v>
      </c>
      <c r="DS28" s="192">
        <v>2</v>
      </c>
      <c r="DT28" s="196">
        <v>6</v>
      </c>
      <c r="DU28" s="193">
        <v>8</v>
      </c>
      <c r="DV28" s="195">
        <v>0</v>
      </c>
      <c r="DW28" s="196">
        <v>9</v>
      </c>
      <c r="DX28" s="196">
        <v>13</v>
      </c>
      <c r="DY28" s="196">
        <v>17</v>
      </c>
      <c r="DZ28" s="196">
        <v>6</v>
      </c>
      <c r="EA28" s="196">
        <v>4</v>
      </c>
      <c r="EB28" s="193">
        <v>49</v>
      </c>
      <c r="EC28" s="198">
        <v>57</v>
      </c>
      <c r="ED28" s="192">
        <v>0</v>
      </c>
      <c r="EE28" s="196">
        <v>0</v>
      </c>
      <c r="EF28" s="193">
        <v>0</v>
      </c>
      <c r="EG28" s="195">
        <v>0</v>
      </c>
      <c r="EH28" s="196">
        <v>3</v>
      </c>
      <c r="EI28" s="196">
        <v>1</v>
      </c>
      <c r="EJ28" s="196">
        <v>0</v>
      </c>
      <c r="EK28" s="196">
        <v>0</v>
      </c>
      <c r="EL28" s="196">
        <v>0</v>
      </c>
      <c r="EM28" s="193">
        <v>4</v>
      </c>
      <c r="EN28" s="198">
        <v>4</v>
      </c>
      <c r="EO28" s="192">
        <v>3</v>
      </c>
      <c r="EP28" s="196">
        <v>8</v>
      </c>
      <c r="EQ28" s="193">
        <v>11</v>
      </c>
      <c r="ER28" s="195">
        <v>0</v>
      </c>
      <c r="ES28" s="196">
        <v>18</v>
      </c>
      <c r="ET28" s="196">
        <v>19</v>
      </c>
      <c r="EU28" s="196">
        <v>17</v>
      </c>
      <c r="EV28" s="196">
        <v>6</v>
      </c>
      <c r="EW28" s="196">
        <v>6</v>
      </c>
      <c r="EX28" s="193">
        <v>66</v>
      </c>
      <c r="EY28" s="198">
        <v>77</v>
      </c>
    </row>
    <row r="29" spans="1:155" ht="19.5" customHeight="1" x14ac:dyDescent="0.2">
      <c r="A29" s="177" t="s">
        <v>27</v>
      </c>
      <c r="B29" s="192">
        <v>0</v>
      </c>
      <c r="C29" s="196">
        <v>0</v>
      </c>
      <c r="D29" s="458">
        <v>0</v>
      </c>
      <c r="E29" s="195">
        <v>0</v>
      </c>
      <c r="F29" s="196">
        <v>4</v>
      </c>
      <c r="G29" s="196">
        <v>2</v>
      </c>
      <c r="H29" s="196">
        <v>7</v>
      </c>
      <c r="I29" s="196">
        <v>5</v>
      </c>
      <c r="J29" s="196">
        <v>2</v>
      </c>
      <c r="K29" s="197">
        <v>20</v>
      </c>
      <c r="L29" s="198">
        <v>20</v>
      </c>
      <c r="M29" s="192">
        <v>0</v>
      </c>
      <c r="N29" s="196">
        <v>0</v>
      </c>
      <c r="O29" s="193">
        <v>0</v>
      </c>
      <c r="P29" s="195">
        <v>0</v>
      </c>
      <c r="Q29" s="196">
        <v>0</v>
      </c>
      <c r="R29" s="196">
        <v>1</v>
      </c>
      <c r="S29" s="196">
        <v>0</v>
      </c>
      <c r="T29" s="196">
        <v>2</v>
      </c>
      <c r="U29" s="196">
        <v>1</v>
      </c>
      <c r="V29" s="193">
        <v>4</v>
      </c>
      <c r="W29" s="198">
        <v>4</v>
      </c>
      <c r="X29" s="192">
        <v>1</v>
      </c>
      <c r="Y29" s="196">
        <v>3</v>
      </c>
      <c r="Z29" s="193">
        <v>4</v>
      </c>
      <c r="AA29" s="195">
        <v>0</v>
      </c>
      <c r="AB29" s="196">
        <v>4</v>
      </c>
      <c r="AC29" s="196">
        <v>5</v>
      </c>
      <c r="AD29" s="196">
        <v>2</v>
      </c>
      <c r="AE29" s="196">
        <v>5</v>
      </c>
      <c r="AF29" s="196">
        <v>2</v>
      </c>
      <c r="AG29" s="193">
        <v>18</v>
      </c>
      <c r="AH29" s="198">
        <v>22</v>
      </c>
      <c r="AI29" s="192">
        <v>0</v>
      </c>
      <c r="AJ29" s="196">
        <v>1</v>
      </c>
      <c r="AK29" s="193">
        <v>1</v>
      </c>
      <c r="AL29" s="195">
        <v>0</v>
      </c>
      <c r="AM29" s="196">
        <v>0</v>
      </c>
      <c r="AN29" s="196">
        <v>1</v>
      </c>
      <c r="AO29" s="196">
        <v>0</v>
      </c>
      <c r="AP29" s="196">
        <v>0</v>
      </c>
      <c r="AQ29" s="196">
        <v>0</v>
      </c>
      <c r="AR29" s="193">
        <v>1</v>
      </c>
      <c r="AS29" s="198">
        <v>2</v>
      </c>
      <c r="AT29" s="192">
        <v>0</v>
      </c>
      <c r="AU29" s="196">
        <v>1</v>
      </c>
      <c r="AV29" s="193">
        <v>1</v>
      </c>
      <c r="AW29" s="195">
        <v>0</v>
      </c>
      <c r="AX29" s="196">
        <v>4</v>
      </c>
      <c r="AY29" s="196">
        <v>6</v>
      </c>
      <c r="AZ29" s="196">
        <v>6</v>
      </c>
      <c r="BA29" s="196">
        <v>11</v>
      </c>
      <c r="BB29" s="196">
        <v>7</v>
      </c>
      <c r="BC29" s="197">
        <v>34</v>
      </c>
      <c r="BD29" s="198">
        <v>35</v>
      </c>
      <c r="BE29" s="192">
        <v>0</v>
      </c>
      <c r="BF29" s="196">
        <v>0</v>
      </c>
      <c r="BG29" s="193">
        <v>0</v>
      </c>
      <c r="BH29" s="195">
        <v>0</v>
      </c>
      <c r="BI29" s="196">
        <v>9</v>
      </c>
      <c r="BJ29" s="196">
        <v>8</v>
      </c>
      <c r="BK29" s="196">
        <v>6</v>
      </c>
      <c r="BL29" s="196">
        <v>5</v>
      </c>
      <c r="BM29" s="196">
        <v>3</v>
      </c>
      <c r="BN29" s="193">
        <v>31</v>
      </c>
      <c r="BO29" s="198">
        <v>31</v>
      </c>
      <c r="BP29" s="192">
        <v>1</v>
      </c>
      <c r="BQ29" s="196">
        <v>1</v>
      </c>
      <c r="BR29" s="193">
        <v>2</v>
      </c>
      <c r="BS29" s="195">
        <v>0</v>
      </c>
      <c r="BT29" s="196">
        <v>1</v>
      </c>
      <c r="BU29" s="196">
        <v>4</v>
      </c>
      <c r="BV29" s="196">
        <v>3</v>
      </c>
      <c r="BW29" s="196">
        <v>1</v>
      </c>
      <c r="BX29" s="196">
        <v>1</v>
      </c>
      <c r="BY29" s="193">
        <v>10</v>
      </c>
      <c r="BZ29" s="198">
        <v>12</v>
      </c>
      <c r="CA29" s="192">
        <v>0</v>
      </c>
      <c r="CB29" s="196">
        <v>0</v>
      </c>
      <c r="CC29" s="193">
        <v>0</v>
      </c>
      <c r="CD29" s="195">
        <v>0</v>
      </c>
      <c r="CE29" s="196">
        <v>0</v>
      </c>
      <c r="CF29" s="196">
        <v>1</v>
      </c>
      <c r="CG29" s="196">
        <v>2</v>
      </c>
      <c r="CH29" s="196">
        <v>0</v>
      </c>
      <c r="CI29" s="196">
        <v>2</v>
      </c>
      <c r="CJ29" s="193">
        <v>5</v>
      </c>
      <c r="CK29" s="198">
        <v>5</v>
      </c>
      <c r="CL29" s="192">
        <v>0</v>
      </c>
      <c r="CM29" s="196">
        <v>0</v>
      </c>
      <c r="CN29" s="193">
        <v>0</v>
      </c>
      <c r="CO29" s="195">
        <v>0</v>
      </c>
      <c r="CP29" s="196">
        <v>0</v>
      </c>
      <c r="CQ29" s="196">
        <v>0</v>
      </c>
      <c r="CR29" s="196">
        <v>1</v>
      </c>
      <c r="CS29" s="196">
        <v>0</v>
      </c>
      <c r="CT29" s="196">
        <v>0</v>
      </c>
      <c r="CU29" s="193">
        <v>1</v>
      </c>
      <c r="CV29" s="198">
        <v>1</v>
      </c>
      <c r="CW29" s="192">
        <v>0</v>
      </c>
      <c r="CX29" s="196">
        <v>0</v>
      </c>
      <c r="CY29" s="193">
        <v>0</v>
      </c>
      <c r="CZ29" s="195">
        <v>0</v>
      </c>
      <c r="DA29" s="196">
        <v>0</v>
      </c>
      <c r="DB29" s="196">
        <v>0</v>
      </c>
      <c r="DC29" s="196">
        <v>0</v>
      </c>
      <c r="DD29" s="196">
        <v>0</v>
      </c>
      <c r="DE29" s="196">
        <v>0</v>
      </c>
      <c r="DF29" s="193">
        <v>0</v>
      </c>
      <c r="DG29" s="198">
        <v>0</v>
      </c>
      <c r="DH29" s="192">
        <v>0</v>
      </c>
      <c r="DI29" s="196">
        <v>0</v>
      </c>
      <c r="DJ29" s="193">
        <v>0</v>
      </c>
      <c r="DK29" s="195">
        <v>0</v>
      </c>
      <c r="DL29" s="196">
        <v>0</v>
      </c>
      <c r="DM29" s="196">
        <v>0</v>
      </c>
      <c r="DN29" s="196">
        <v>0</v>
      </c>
      <c r="DO29" s="196">
        <v>0</v>
      </c>
      <c r="DP29" s="196">
        <v>0</v>
      </c>
      <c r="DQ29" s="193">
        <v>0</v>
      </c>
      <c r="DR29" s="198">
        <v>0</v>
      </c>
      <c r="DS29" s="192">
        <v>2</v>
      </c>
      <c r="DT29" s="196">
        <v>8</v>
      </c>
      <c r="DU29" s="193">
        <v>10</v>
      </c>
      <c r="DV29" s="195">
        <v>0</v>
      </c>
      <c r="DW29" s="196">
        <v>5</v>
      </c>
      <c r="DX29" s="196">
        <v>14</v>
      </c>
      <c r="DY29" s="196">
        <v>12</v>
      </c>
      <c r="DZ29" s="196">
        <v>8</v>
      </c>
      <c r="EA29" s="196">
        <v>7</v>
      </c>
      <c r="EB29" s="193">
        <v>46</v>
      </c>
      <c r="EC29" s="198">
        <v>56</v>
      </c>
      <c r="ED29" s="192">
        <v>0</v>
      </c>
      <c r="EE29" s="196">
        <v>1</v>
      </c>
      <c r="EF29" s="193">
        <v>1</v>
      </c>
      <c r="EG29" s="195">
        <v>0</v>
      </c>
      <c r="EH29" s="196">
        <v>1</v>
      </c>
      <c r="EI29" s="196">
        <v>2</v>
      </c>
      <c r="EJ29" s="196">
        <v>1</v>
      </c>
      <c r="EK29" s="196">
        <v>4</v>
      </c>
      <c r="EL29" s="196">
        <v>3</v>
      </c>
      <c r="EM29" s="193">
        <v>11</v>
      </c>
      <c r="EN29" s="198">
        <v>12</v>
      </c>
      <c r="EO29" s="192">
        <v>4</v>
      </c>
      <c r="EP29" s="196">
        <v>11</v>
      </c>
      <c r="EQ29" s="193">
        <v>15</v>
      </c>
      <c r="ER29" s="195">
        <v>0</v>
      </c>
      <c r="ES29" s="196">
        <v>17</v>
      </c>
      <c r="ET29" s="196">
        <v>18</v>
      </c>
      <c r="EU29" s="196">
        <v>13</v>
      </c>
      <c r="EV29" s="196">
        <v>9</v>
      </c>
      <c r="EW29" s="196">
        <v>7</v>
      </c>
      <c r="EX29" s="193">
        <v>64</v>
      </c>
      <c r="EY29" s="198">
        <v>79</v>
      </c>
    </row>
    <row r="30" spans="1:155" ht="19.5" customHeight="1" x14ac:dyDescent="0.2">
      <c r="A30" s="177" t="s">
        <v>28</v>
      </c>
      <c r="B30" s="192">
        <v>0</v>
      </c>
      <c r="C30" s="196">
        <v>0</v>
      </c>
      <c r="D30" s="458">
        <v>0</v>
      </c>
      <c r="E30" s="195">
        <v>0</v>
      </c>
      <c r="F30" s="196">
        <v>0</v>
      </c>
      <c r="G30" s="196">
        <v>1</v>
      </c>
      <c r="H30" s="196">
        <v>1</v>
      </c>
      <c r="I30" s="196">
        <v>0</v>
      </c>
      <c r="J30" s="196">
        <v>0</v>
      </c>
      <c r="K30" s="197">
        <v>2</v>
      </c>
      <c r="L30" s="198">
        <v>2</v>
      </c>
      <c r="M30" s="192">
        <v>0</v>
      </c>
      <c r="N30" s="196">
        <v>0</v>
      </c>
      <c r="O30" s="193">
        <v>0</v>
      </c>
      <c r="P30" s="195">
        <v>0</v>
      </c>
      <c r="Q30" s="196">
        <v>0</v>
      </c>
      <c r="R30" s="196">
        <v>0</v>
      </c>
      <c r="S30" s="196">
        <v>0</v>
      </c>
      <c r="T30" s="196">
        <v>0</v>
      </c>
      <c r="U30" s="196">
        <v>0</v>
      </c>
      <c r="V30" s="193">
        <v>0</v>
      </c>
      <c r="W30" s="198">
        <v>0</v>
      </c>
      <c r="X30" s="192">
        <v>0</v>
      </c>
      <c r="Y30" s="196">
        <v>0</v>
      </c>
      <c r="Z30" s="193">
        <v>0</v>
      </c>
      <c r="AA30" s="195">
        <v>0</v>
      </c>
      <c r="AB30" s="196">
        <v>1</v>
      </c>
      <c r="AC30" s="196">
        <v>2</v>
      </c>
      <c r="AD30" s="196">
        <v>0</v>
      </c>
      <c r="AE30" s="196">
        <v>0</v>
      </c>
      <c r="AF30" s="196">
        <v>0</v>
      </c>
      <c r="AG30" s="193">
        <v>3</v>
      </c>
      <c r="AH30" s="198">
        <v>3</v>
      </c>
      <c r="AI30" s="192">
        <v>0</v>
      </c>
      <c r="AJ30" s="196">
        <v>0</v>
      </c>
      <c r="AK30" s="193">
        <v>0</v>
      </c>
      <c r="AL30" s="195">
        <v>0</v>
      </c>
      <c r="AM30" s="196">
        <v>0</v>
      </c>
      <c r="AN30" s="196">
        <v>0</v>
      </c>
      <c r="AO30" s="196">
        <v>0</v>
      </c>
      <c r="AP30" s="196">
        <v>0</v>
      </c>
      <c r="AQ30" s="196">
        <v>0</v>
      </c>
      <c r="AR30" s="193">
        <v>0</v>
      </c>
      <c r="AS30" s="198">
        <v>0</v>
      </c>
      <c r="AT30" s="192">
        <v>0</v>
      </c>
      <c r="AU30" s="196">
        <v>0</v>
      </c>
      <c r="AV30" s="193">
        <v>0</v>
      </c>
      <c r="AW30" s="195">
        <v>0</v>
      </c>
      <c r="AX30" s="196">
        <v>1</v>
      </c>
      <c r="AY30" s="196">
        <v>1</v>
      </c>
      <c r="AZ30" s="196">
        <v>1</v>
      </c>
      <c r="BA30" s="196">
        <v>0</v>
      </c>
      <c r="BB30" s="196">
        <v>0</v>
      </c>
      <c r="BC30" s="197">
        <v>3</v>
      </c>
      <c r="BD30" s="198">
        <v>3</v>
      </c>
      <c r="BE30" s="192">
        <v>0</v>
      </c>
      <c r="BF30" s="196">
        <v>0</v>
      </c>
      <c r="BG30" s="193">
        <v>0</v>
      </c>
      <c r="BH30" s="195">
        <v>0</v>
      </c>
      <c r="BI30" s="196">
        <v>2</v>
      </c>
      <c r="BJ30" s="196">
        <v>0</v>
      </c>
      <c r="BK30" s="196">
        <v>0</v>
      </c>
      <c r="BL30" s="196">
        <v>0</v>
      </c>
      <c r="BM30" s="196">
        <v>0</v>
      </c>
      <c r="BN30" s="193">
        <v>2</v>
      </c>
      <c r="BO30" s="198">
        <v>2</v>
      </c>
      <c r="BP30" s="192">
        <v>0</v>
      </c>
      <c r="BQ30" s="196">
        <v>0</v>
      </c>
      <c r="BR30" s="193">
        <v>0</v>
      </c>
      <c r="BS30" s="195">
        <v>0</v>
      </c>
      <c r="BT30" s="196">
        <v>0</v>
      </c>
      <c r="BU30" s="196">
        <v>0</v>
      </c>
      <c r="BV30" s="196">
        <v>0</v>
      </c>
      <c r="BW30" s="196">
        <v>0</v>
      </c>
      <c r="BX30" s="196">
        <v>0</v>
      </c>
      <c r="BY30" s="193">
        <v>0</v>
      </c>
      <c r="BZ30" s="198">
        <v>0</v>
      </c>
      <c r="CA30" s="192">
        <v>0</v>
      </c>
      <c r="CB30" s="196">
        <v>0</v>
      </c>
      <c r="CC30" s="193">
        <v>0</v>
      </c>
      <c r="CD30" s="195">
        <v>0</v>
      </c>
      <c r="CE30" s="196">
        <v>0</v>
      </c>
      <c r="CF30" s="196">
        <v>0</v>
      </c>
      <c r="CG30" s="196">
        <v>1</v>
      </c>
      <c r="CH30" s="196">
        <v>0</v>
      </c>
      <c r="CI30" s="196">
        <v>0</v>
      </c>
      <c r="CJ30" s="193">
        <v>1</v>
      </c>
      <c r="CK30" s="198">
        <v>1</v>
      </c>
      <c r="CL30" s="192">
        <v>0</v>
      </c>
      <c r="CM30" s="196">
        <v>0</v>
      </c>
      <c r="CN30" s="193">
        <v>0</v>
      </c>
      <c r="CO30" s="195">
        <v>0</v>
      </c>
      <c r="CP30" s="196">
        <v>0</v>
      </c>
      <c r="CQ30" s="196">
        <v>0</v>
      </c>
      <c r="CR30" s="196">
        <v>0</v>
      </c>
      <c r="CS30" s="196">
        <v>0</v>
      </c>
      <c r="CT30" s="196">
        <v>0</v>
      </c>
      <c r="CU30" s="193">
        <v>0</v>
      </c>
      <c r="CV30" s="198">
        <v>0</v>
      </c>
      <c r="CW30" s="192">
        <v>0</v>
      </c>
      <c r="CX30" s="196">
        <v>0</v>
      </c>
      <c r="CY30" s="193">
        <v>0</v>
      </c>
      <c r="CZ30" s="195">
        <v>0</v>
      </c>
      <c r="DA30" s="196">
        <v>0</v>
      </c>
      <c r="DB30" s="196">
        <v>0</v>
      </c>
      <c r="DC30" s="196">
        <v>0</v>
      </c>
      <c r="DD30" s="196">
        <v>0</v>
      </c>
      <c r="DE30" s="196">
        <v>0</v>
      </c>
      <c r="DF30" s="193">
        <v>0</v>
      </c>
      <c r="DG30" s="198">
        <v>0</v>
      </c>
      <c r="DH30" s="192">
        <v>0</v>
      </c>
      <c r="DI30" s="196">
        <v>0</v>
      </c>
      <c r="DJ30" s="193">
        <v>0</v>
      </c>
      <c r="DK30" s="195">
        <v>0</v>
      </c>
      <c r="DL30" s="196">
        <v>0</v>
      </c>
      <c r="DM30" s="196">
        <v>0</v>
      </c>
      <c r="DN30" s="196">
        <v>0</v>
      </c>
      <c r="DO30" s="196">
        <v>0</v>
      </c>
      <c r="DP30" s="196">
        <v>0</v>
      </c>
      <c r="DQ30" s="193">
        <v>0</v>
      </c>
      <c r="DR30" s="198">
        <v>0</v>
      </c>
      <c r="DS30" s="192">
        <v>0</v>
      </c>
      <c r="DT30" s="196">
        <v>1</v>
      </c>
      <c r="DU30" s="193">
        <v>1</v>
      </c>
      <c r="DV30" s="195">
        <v>0</v>
      </c>
      <c r="DW30" s="196">
        <v>3</v>
      </c>
      <c r="DX30" s="196">
        <v>6</v>
      </c>
      <c r="DY30" s="196">
        <v>0</v>
      </c>
      <c r="DZ30" s="196">
        <v>0</v>
      </c>
      <c r="EA30" s="196">
        <v>0</v>
      </c>
      <c r="EB30" s="193">
        <v>9</v>
      </c>
      <c r="EC30" s="198">
        <v>10</v>
      </c>
      <c r="ED30" s="192">
        <v>0</v>
      </c>
      <c r="EE30" s="196">
        <v>0</v>
      </c>
      <c r="EF30" s="193">
        <v>0</v>
      </c>
      <c r="EG30" s="195">
        <v>0</v>
      </c>
      <c r="EH30" s="196">
        <v>1</v>
      </c>
      <c r="EI30" s="196">
        <v>0</v>
      </c>
      <c r="EJ30" s="196">
        <v>1</v>
      </c>
      <c r="EK30" s="196">
        <v>0</v>
      </c>
      <c r="EL30" s="196">
        <v>0</v>
      </c>
      <c r="EM30" s="193">
        <v>2</v>
      </c>
      <c r="EN30" s="198">
        <v>2</v>
      </c>
      <c r="EO30" s="192">
        <v>0</v>
      </c>
      <c r="EP30" s="196">
        <v>1</v>
      </c>
      <c r="EQ30" s="193">
        <v>1</v>
      </c>
      <c r="ER30" s="195">
        <v>0</v>
      </c>
      <c r="ES30" s="196">
        <v>5</v>
      </c>
      <c r="ET30" s="196">
        <v>6</v>
      </c>
      <c r="EU30" s="196">
        <v>2</v>
      </c>
      <c r="EV30" s="196">
        <v>0</v>
      </c>
      <c r="EW30" s="196">
        <v>0</v>
      </c>
      <c r="EX30" s="193">
        <v>13</v>
      </c>
      <c r="EY30" s="198">
        <v>14</v>
      </c>
    </row>
    <row r="31" spans="1:155" ht="19.5" customHeight="1" x14ac:dyDescent="0.2">
      <c r="A31" s="177" t="s">
        <v>29</v>
      </c>
      <c r="B31" s="192">
        <v>0</v>
      </c>
      <c r="C31" s="196">
        <v>0</v>
      </c>
      <c r="D31" s="458">
        <v>0</v>
      </c>
      <c r="E31" s="195">
        <v>0</v>
      </c>
      <c r="F31" s="196">
        <v>1</v>
      </c>
      <c r="G31" s="196">
        <v>1</v>
      </c>
      <c r="H31" s="196">
        <v>0</v>
      </c>
      <c r="I31" s="196">
        <v>1</v>
      </c>
      <c r="J31" s="196">
        <v>0</v>
      </c>
      <c r="K31" s="197">
        <v>3</v>
      </c>
      <c r="L31" s="198">
        <v>3</v>
      </c>
      <c r="M31" s="192">
        <v>0</v>
      </c>
      <c r="N31" s="196">
        <v>0</v>
      </c>
      <c r="O31" s="193">
        <v>0</v>
      </c>
      <c r="P31" s="195">
        <v>0</v>
      </c>
      <c r="Q31" s="196">
        <v>0</v>
      </c>
      <c r="R31" s="196">
        <v>0</v>
      </c>
      <c r="S31" s="196">
        <v>0</v>
      </c>
      <c r="T31" s="196">
        <v>0</v>
      </c>
      <c r="U31" s="196">
        <v>1</v>
      </c>
      <c r="V31" s="193">
        <v>1</v>
      </c>
      <c r="W31" s="198">
        <v>1</v>
      </c>
      <c r="X31" s="192">
        <v>0</v>
      </c>
      <c r="Y31" s="196">
        <v>1</v>
      </c>
      <c r="Z31" s="193">
        <v>1</v>
      </c>
      <c r="AA31" s="195">
        <v>0</v>
      </c>
      <c r="AB31" s="196">
        <v>0</v>
      </c>
      <c r="AC31" s="196">
        <v>0</v>
      </c>
      <c r="AD31" s="196">
        <v>0</v>
      </c>
      <c r="AE31" s="196">
        <v>0</v>
      </c>
      <c r="AF31" s="196">
        <v>1</v>
      </c>
      <c r="AG31" s="193">
        <v>1</v>
      </c>
      <c r="AH31" s="198">
        <v>2</v>
      </c>
      <c r="AI31" s="192">
        <v>0</v>
      </c>
      <c r="AJ31" s="196">
        <v>0</v>
      </c>
      <c r="AK31" s="193">
        <v>0</v>
      </c>
      <c r="AL31" s="195">
        <v>0</v>
      </c>
      <c r="AM31" s="196">
        <v>1</v>
      </c>
      <c r="AN31" s="196">
        <v>0</v>
      </c>
      <c r="AO31" s="196">
        <v>0</v>
      </c>
      <c r="AP31" s="196">
        <v>0</v>
      </c>
      <c r="AQ31" s="196">
        <v>0</v>
      </c>
      <c r="AR31" s="193">
        <v>1</v>
      </c>
      <c r="AS31" s="198">
        <v>1</v>
      </c>
      <c r="AT31" s="192">
        <v>0</v>
      </c>
      <c r="AU31" s="196">
        <v>0</v>
      </c>
      <c r="AV31" s="193">
        <v>0</v>
      </c>
      <c r="AW31" s="195">
        <v>0</v>
      </c>
      <c r="AX31" s="196">
        <v>0</v>
      </c>
      <c r="AY31" s="196">
        <v>3</v>
      </c>
      <c r="AZ31" s="196">
        <v>0</v>
      </c>
      <c r="BA31" s="196">
        <v>1</v>
      </c>
      <c r="BB31" s="196">
        <v>1</v>
      </c>
      <c r="BC31" s="197">
        <v>5</v>
      </c>
      <c r="BD31" s="198">
        <v>5</v>
      </c>
      <c r="BE31" s="192">
        <v>0</v>
      </c>
      <c r="BF31" s="196">
        <v>0</v>
      </c>
      <c r="BG31" s="193">
        <v>0</v>
      </c>
      <c r="BH31" s="195">
        <v>0</v>
      </c>
      <c r="BI31" s="196">
        <v>3</v>
      </c>
      <c r="BJ31" s="196">
        <v>1</v>
      </c>
      <c r="BK31" s="196">
        <v>1</v>
      </c>
      <c r="BL31" s="196">
        <v>0</v>
      </c>
      <c r="BM31" s="196">
        <v>1</v>
      </c>
      <c r="BN31" s="193">
        <v>6</v>
      </c>
      <c r="BO31" s="198">
        <v>6</v>
      </c>
      <c r="BP31" s="192">
        <v>0</v>
      </c>
      <c r="BQ31" s="196">
        <v>0</v>
      </c>
      <c r="BR31" s="193">
        <v>0</v>
      </c>
      <c r="BS31" s="195">
        <v>0</v>
      </c>
      <c r="BT31" s="196">
        <v>0</v>
      </c>
      <c r="BU31" s="196">
        <v>1</v>
      </c>
      <c r="BV31" s="196">
        <v>1</v>
      </c>
      <c r="BW31" s="196">
        <v>1</v>
      </c>
      <c r="BX31" s="196">
        <v>0</v>
      </c>
      <c r="BY31" s="193">
        <v>3</v>
      </c>
      <c r="BZ31" s="198">
        <v>3</v>
      </c>
      <c r="CA31" s="192">
        <v>0</v>
      </c>
      <c r="CB31" s="196">
        <v>0</v>
      </c>
      <c r="CC31" s="193">
        <v>0</v>
      </c>
      <c r="CD31" s="195">
        <v>0</v>
      </c>
      <c r="CE31" s="196">
        <v>0</v>
      </c>
      <c r="CF31" s="196">
        <v>0</v>
      </c>
      <c r="CG31" s="196">
        <v>0</v>
      </c>
      <c r="CH31" s="196">
        <v>1</v>
      </c>
      <c r="CI31" s="196">
        <v>1</v>
      </c>
      <c r="CJ31" s="193">
        <v>2</v>
      </c>
      <c r="CK31" s="198">
        <v>2</v>
      </c>
      <c r="CL31" s="192">
        <v>0</v>
      </c>
      <c r="CM31" s="196">
        <v>0</v>
      </c>
      <c r="CN31" s="193">
        <v>0</v>
      </c>
      <c r="CO31" s="195">
        <v>0</v>
      </c>
      <c r="CP31" s="196">
        <v>0</v>
      </c>
      <c r="CQ31" s="196">
        <v>0</v>
      </c>
      <c r="CR31" s="196">
        <v>0</v>
      </c>
      <c r="CS31" s="196">
        <v>1</v>
      </c>
      <c r="CT31" s="196">
        <v>0</v>
      </c>
      <c r="CU31" s="193">
        <v>1</v>
      </c>
      <c r="CV31" s="198">
        <v>1</v>
      </c>
      <c r="CW31" s="192">
        <v>0</v>
      </c>
      <c r="CX31" s="196">
        <v>0</v>
      </c>
      <c r="CY31" s="193">
        <v>0</v>
      </c>
      <c r="CZ31" s="195">
        <v>0</v>
      </c>
      <c r="DA31" s="196">
        <v>0</v>
      </c>
      <c r="DB31" s="196">
        <v>0</v>
      </c>
      <c r="DC31" s="196">
        <v>0</v>
      </c>
      <c r="DD31" s="196">
        <v>0</v>
      </c>
      <c r="DE31" s="196">
        <v>0</v>
      </c>
      <c r="DF31" s="193">
        <v>0</v>
      </c>
      <c r="DG31" s="198">
        <v>0</v>
      </c>
      <c r="DH31" s="192">
        <v>0</v>
      </c>
      <c r="DI31" s="196">
        <v>0</v>
      </c>
      <c r="DJ31" s="193">
        <v>0</v>
      </c>
      <c r="DK31" s="195">
        <v>0</v>
      </c>
      <c r="DL31" s="196">
        <v>0</v>
      </c>
      <c r="DM31" s="196">
        <v>0</v>
      </c>
      <c r="DN31" s="196">
        <v>0</v>
      </c>
      <c r="DO31" s="196">
        <v>0</v>
      </c>
      <c r="DP31" s="196">
        <v>0</v>
      </c>
      <c r="DQ31" s="193">
        <v>0</v>
      </c>
      <c r="DR31" s="198">
        <v>0</v>
      </c>
      <c r="DS31" s="192">
        <v>2</v>
      </c>
      <c r="DT31" s="196">
        <v>0</v>
      </c>
      <c r="DU31" s="193">
        <v>2</v>
      </c>
      <c r="DV31" s="195">
        <v>0</v>
      </c>
      <c r="DW31" s="196">
        <v>0</v>
      </c>
      <c r="DX31" s="196">
        <v>5</v>
      </c>
      <c r="DY31" s="196">
        <v>1</v>
      </c>
      <c r="DZ31" s="196">
        <v>1</v>
      </c>
      <c r="EA31" s="196">
        <v>2</v>
      </c>
      <c r="EB31" s="193">
        <v>9</v>
      </c>
      <c r="EC31" s="198">
        <v>11</v>
      </c>
      <c r="ED31" s="192">
        <v>0</v>
      </c>
      <c r="EE31" s="196">
        <v>0</v>
      </c>
      <c r="EF31" s="193">
        <v>0</v>
      </c>
      <c r="EG31" s="195">
        <v>0</v>
      </c>
      <c r="EH31" s="196">
        <v>0</v>
      </c>
      <c r="EI31" s="196">
        <v>2</v>
      </c>
      <c r="EJ31" s="196">
        <v>0</v>
      </c>
      <c r="EK31" s="196">
        <v>0</v>
      </c>
      <c r="EL31" s="196">
        <v>0</v>
      </c>
      <c r="EM31" s="193">
        <v>2</v>
      </c>
      <c r="EN31" s="198">
        <v>2</v>
      </c>
      <c r="EO31" s="192">
        <v>2</v>
      </c>
      <c r="EP31" s="196">
        <v>1</v>
      </c>
      <c r="EQ31" s="193">
        <v>3</v>
      </c>
      <c r="ER31" s="195">
        <v>0</v>
      </c>
      <c r="ES31" s="196">
        <v>4</v>
      </c>
      <c r="ET31" s="196">
        <v>5</v>
      </c>
      <c r="EU31" s="196">
        <v>1</v>
      </c>
      <c r="EV31" s="196">
        <v>3</v>
      </c>
      <c r="EW31" s="196">
        <v>2</v>
      </c>
      <c r="EX31" s="193">
        <v>15</v>
      </c>
      <c r="EY31" s="198">
        <v>18</v>
      </c>
    </row>
    <row r="32" spans="1:155" ht="19.5" customHeight="1" x14ac:dyDescent="0.2">
      <c r="A32" s="177" t="s">
        <v>30</v>
      </c>
      <c r="B32" s="192">
        <v>0</v>
      </c>
      <c r="C32" s="196">
        <v>0</v>
      </c>
      <c r="D32" s="458">
        <v>0</v>
      </c>
      <c r="E32" s="195">
        <v>0</v>
      </c>
      <c r="F32" s="196">
        <v>0</v>
      </c>
      <c r="G32" s="196">
        <v>2</v>
      </c>
      <c r="H32" s="196">
        <v>1</v>
      </c>
      <c r="I32" s="196">
        <v>2</v>
      </c>
      <c r="J32" s="196">
        <v>0</v>
      </c>
      <c r="K32" s="197">
        <v>5</v>
      </c>
      <c r="L32" s="198">
        <v>5</v>
      </c>
      <c r="M32" s="192">
        <v>0</v>
      </c>
      <c r="N32" s="196">
        <v>0</v>
      </c>
      <c r="O32" s="193">
        <v>0</v>
      </c>
      <c r="P32" s="195">
        <v>0</v>
      </c>
      <c r="Q32" s="196">
        <v>0</v>
      </c>
      <c r="R32" s="196">
        <v>0</v>
      </c>
      <c r="S32" s="196">
        <v>0</v>
      </c>
      <c r="T32" s="196">
        <v>1</v>
      </c>
      <c r="U32" s="196">
        <v>0</v>
      </c>
      <c r="V32" s="193">
        <v>1</v>
      </c>
      <c r="W32" s="198">
        <v>1</v>
      </c>
      <c r="X32" s="192">
        <v>0</v>
      </c>
      <c r="Y32" s="196">
        <v>0</v>
      </c>
      <c r="Z32" s="193">
        <v>0</v>
      </c>
      <c r="AA32" s="195">
        <v>0</v>
      </c>
      <c r="AB32" s="196">
        <v>1</v>
      </c>
      <c r="AC32" s="196">
        <v>0</v>
      </c>
      <c r="AD32" s="196">
        <v>0</v>
      </c>
      <c r="AE32" s="196">
        <v>2</v>
      </c>
      <c r="AF32" s="196">
        <v>0</v>
      </c>
      <c r="AG32" s="193">
        <v>3</v>
      </c>
      <c r="AH32" s="198">
        <v>3</v>
      </c>
      <c r="AI32" s="192">
        <v>0</v>
      </c>
      <c r="AJ32" s="196">
        <v>0</v>
      </c>
      <c r="AK32" s="193">
        <v>0</v>
      </c>
      <c r="AL32" s="195">
        <v>0</v>
      </c>
      <c r="AM32" s="196">
        <v>0</v>
      </c>
      <c r="AN32" s="196">
        <v>0</v>
      </c>
      <c r="AO32" s="196">
        <v>0</v>
      </c>
      <c r="AP32" s="196">
        <v>0</v>
      </c>
      <c r="AQ32" s="196">
        <v>0</v>
      </c>
      <c r="AR32" s="193">
        <v>0</v>
      </c>
      <c r="AS32" s="198">
        <v>0</v>
      </c>
      <c r="AT32" s="192">
        <v>0</v>
      </c>
      <c r="AU32" s="196">
        <v>0</v>
      </c>
      <c r="AV32" s="193">
        <v>0</v>
      </c>
      <c r="AW32" s="195">
        <v>0</v>
      </c>
      <c r="AX32" s="196">
        <v>2</v>
      </c>
      <c r="AY32" s="196">
        <v>2</v>
      </c>
      <c r="AZ32" s="196">
        <v>1</v>
      </c>
      <c r="BA32" s="196">
        <v>1</v>
      </c>
      <c r="BB32" s="196">
        <v>0</v>
      </c>
      <c r="BC32" s="197">
        <v>6</v>
      </c>
      <c r="BD32" s="198">
        <v>6</v>
      </c>
      <c r="BE32" s="192">
        <v>0</v>
      </c>
      <c r="BF32" s="196">
        <v>0</v>
      </c>
      <c r="BG32" s="193">
        <v>0</v>
      </c>
      <c r="BH32" s="195">
        <v>0</v>
      </c>
      <c r="BI32" s="196">
        <v>0</v>
      </c>
      <c r="BJ32" s="196">
        <v>0</v>
      </c>
      <c r="BK32" s="196">
        <v>0</v>
      </c>
      <c r="BL32" s="196">
        <v>1</v>
      </c>
      <c r="BM32" s="196">
        <v>0</v>
      </c>
      <c r="BN32" s="193">
        <v>1</v>
      </c>
      <c r="BO32" s="198">
        <v>1</v>
      </c>
      <c r="BP32" s="192">
        <v>0</v>
      </c>
      <c r="BQ32" s="196">
        <v>0</v>
      </c>
      <c r="BR32" s="193">
        <v>0</v>
      </c>
      <c r="BS32" s="195">
        <v>0</v>
      </c>
      <c r="BT32" s="196">
        <v>1</v>
      </c>
      <c r="BU32" s="196">
        <v>0</v>
      </c>
      <c r="BV32" s="196">
        <v>0</v>
      </c>
      <c r="BW32" s="196">
        <v>0</v>
      </c>
      <c r="BX32" s="196">
        <v>0</v>
      </c>
      <c r="BY32" s="193">
        <v>1</v>
      </c>
      <c r="BZ32" s="198">
        <v>1</v>
      </c>
      <c r="CA32" s="192">
        <v>0</v>
      </c>
      <c r="CB32" s="196">
        <v>0</v>
      </c>
      <c r="CC32" s="193">
        <v>0</v>
      </c>
      <c r="CD32" s="195">
        <v>0</v>
      </c>
      <c r="CE32" s="196">
        <v>1</v>
      </c>
      <c r="CF32" s="196">
        <v>0</v>
      </c>
      <c r="CG32" s="196">
        <v>1</v>
      </c>
      <c r="CH32" s="196">
        <v>1</v>
      </c>
      <c r="CI32" s="196">
        <v>0</v>
      </c>
      <c r="CJ32" s="193">
        <v>3</v>
      </c>
      <c r="CK32" s="198">
        <v>3</v>
      </c>
      <c r="CL32" s="192">
        <v>0</v>
      </c>
      <c r="CM32" s="196">
        <v>0</v>
      </c>
      <c r="CN32" s="193">
        <v>0</v>
      </c>
      <c r="CO32" s="195">
        <v>0</v>
      </c>
      <c r="CP32" s="196">
        <v>0</v>
      </c>
      <c r="CQ32" s="196">
        <v>0</v>
      </c>
      <c r="CR32" s="196">
        <v>1</v>
      </c>
      <c r="CS32" s="196">
        <v>0</v>
      </c>
      <c r="CT32" s="196">
        <v>0</v>
      </c>
      <c r="CU32" s="193">
        <v>1</v>
      </c>
      <c r="CV32" s="198">
        <v>1</v>
      </c>
      <c r="CW32" s="192">
        <v>0</v>
      </c>
      <c r="CX32" s="196">
        <v>0</v>
      </c>
      <c r="CY32" s="193">
        <v>0</v>
      </c>
      <c r="CZ32" s="195">
        <v>0</v>
      </c>
      <c r="DA32" s="196">
        <v>0</v>
      </c>
      <c r="DB32" s="196">
        <v>0</v>
      </c>
      <c r="DC32" s="196">
        <v>0</v>
      </c>
      <c r="DD32" s="196">
        <v>0</v>
      </c>
      <c r="DE32" s="196">
        <v>0</v>
      </c>
      <c r="DF32" s="193">
        <v>0</v>
      </c>
      <c r="DG32" s="198">
        <v>0</v>
      </c>
      <c r="DH32" s="192">
        <v>0</v>
      </c>
      <c r="DI32" s="196">
        <v>0</v>
      </c>
      <c r="DJ32" s="193">
        <v>0</v>
      </c>
      <c r="DK32" s="195">
        <v>0</v>
      </c>
      <c r="DL32" s="196">
        <v>0</v>
      </c>
      <c r="DM32" s="196">
        <v>0</v>
      </c>
      <c r="DN32" s="196">
        <v>0</v>
      </c>
      <c r="DO32" s="196">
        <v>0</v>
      </c>
      <c r="DP32" s="196">
        <v>0</v>
      </c>
      <c r="DQ32" s="193">
        <v>0</v>
      </c>
      <c r="DR32" s="198">
        <v>0</v>
      </c>
      <c r="DS32" s="192">
        <v>1</v>
      </c>
      <c r="DT32" s="196">
        <v>0</v>
      </c>
      <c r="DU32" s="193">
        <v>1</v>
      </c>
      <c r="DV32" s="195">
        <v>0</v>
      </c>
      <c r="DW32" s="196">
        <v>1</v>
      </c>
      <c r="DX32" s="196">
        <v>2</v>
      </c>
      <c r="DY32" s="196">
        <v>2</v>
      </c>
      <c r="DZ32" s="196">
        <v>3</v>
      </c>
      <c r="EA32" s="196">
        <v>0</v>
      </c>
      <c r="EB32" s="193">
        <v>8</v>
      </c>
      <c r="EC32" s="198">
        <v>9</v>
      </c>
      <c r="ED32" s="192">
        <v>0</v>
      </c>
      <c r="EE32" s="196">
        <v>0</v>
      </c>
      <c r="EF32" s="193">
        <v>0</v>
      </c>
      <c r="EG32" s="195">
        <v>0</v>
      </c>
      <c r="EH32" s="196">
        <v>2</v>
      </c>
      <c r="EI32" s="196">
        <v>1</v>
      </c>
      <c r="EJ32" s="196">
        <v>0</v>
      </c>
      <c r="EK32" s="196">
        <v>0</v>
      </c>
      <c r="EL32" s="196">
        <v>0</v>
      </c>
      <c r="EM32" s="193">
        <v>3</v>
      </c>
      <c r="EN32" s="198">
        <v>3</v>
      </c>
      <c r="EO32" s="192">
        <v>2</v>
      </c>
      <c r="EP32" s="196">
        <v>0</v>
      </c>
      <c r="EQ32" s="193">
        <v>2</v>
      </c>
      <c r="ER32" s="195">
        <v>0</v>
      </c>
      <c r="ES32" s="196">
        <v>3</v>
      </c>
      <c r="ET32" s="196">
        <v>3</v>
      </c>
      <c r="EU32" s="196">
        <v>4</v>
      </c>
      <c r="EV32" s="196">
        <v>3</v>
      </c>
      <c r="EW32" s="196">
        <v>0</v>
      </c>
      <c r="EX32" s="193">
        <v>13</v>
      </c>
      <c r="EY32" s="198">
        <v>15</v>
      </c>
    </row>
    <row r="33" spans="1:155" ht="19.5" customHeight="1" x14ac:dyDescent="0.2">
      <c r="A33" s="177" t="s">
        <v>31</v>
      </c>
      <c r="B33" s="192">
        <v>0</v>
      </c>
      <c r="C33" s="196">
        <v>0</v>
      </c>
      <c r="D33" s="458">
        <v>0</v>
      </c>
      <c r="E33" s="195">
        <v>0</v>
      </c>
      <c r="F33" s="196">
        <v>1</v>
      </c>
      <c r="G33" s="196">
        <v>0</v>
      </c>
      <c r="H33" s="196">
        <v>0</v>
      </c>
      <c r="I33" s="196">
        <v>0</v>
      </c>
      <c r="J33" s="196">
        <v>0</v>
      </c>
      <c r="K33" s="197">
        <v>1</v>
      </c>
      <c r="L33" s="198">
        <v>1</v>
      </c>
      <c r="M33" s="192">
        <v>0</v>
      </c>
      <c r="N33" s="196">
        <v>0</v>
      </c>
      <c r="O33" s="193">
        <v>0</v>
      </c>
      <c r="P33" s="195">
        <v>0</v>
      </c>
      <c r="Q33" s="196">
        <v>0</v>
      </c>
      <c r="R33" s="196">
        <v>1</v>
      </c>
      <c r="S33" s="196">
        <v>1</v>
      </c>
      <c r="T33" s="196">
        <v>0</v>
      </c>
      <c r="U33" s="196">
        <v>0</v>
      </c>
      <c r="V33" s="193">
        <v>2</v>
      </c>
      <c r="W33" s="198">
        <v>2</v>
      </c>
      <c r="X33" s="192">
        <v>0</v>
      </c>
      <c r="Y33" s="196">
        <v>0</v>
      </c>
      <c r="Z33" s="193">
        <v>0</v>
      </c>
      <c r="AA33" s="195">
        <v>0</v>
      </c>
      <c r="AB33" s="196">
        <v>1</v>
      </c>
      <c r="AC33" s="196">
        <v>0</v>
      </c>
      <c r="AD33" s="196">
        <v>1</v>
      </c>
      <c r="AE33" s="196">
        <v>0</v>
      </c>
      <c r="AF33" s="196">
        <v>0</v>
      </c>
      <c r="AG33" s="193">
        <v>2</v>
      </c>
      <c r="AH33" s="198">
        <v>2</v>
      </c>
      <c r="AI33" s="192">
        <v>0</v>
      </c>
      <c r="AJ33" s="196">
        <v>0</v>
      </c>
      <c r="AK33" s="193">
        <v>0</v>
      </c>
      <c r="AL33" s="195">
        <v>0</v>
      </c>
      <c r="AM33" s="196">
        <v>0</v>
      </c>
      <c r="AN33" s="196">
        <v>0</v>
      </c>
      <c r="AO33" s="196">
        <v>0</v>
      </c>
      <c r="AP33" s="196">
        <v>0</v>
      </c>
      <c r="AQ33" s="196">
        <v>0</v>
      </c>
      <c r="AR33" s="193">
        <v>0</v>
      </c>
      <c r="AS33" s="198">
        <v>0</v>
      </c>
      <c r="AT33" s="192">
        <v>0</v>
      </c>
      <c r="AU33" s="196">
        <v>0</v>
      </c>
      <c r="AV33" s="193">
        <v>0</v>
      </c>
      <c r="AW33" s="195">
        <v>0</v>
      </c>
      <c r="AX33" s="196">
        <v>0</v>
      </c>
      <c r="AY33" s="196">
        <v>0</v>
      </c>
      <c r="AZ33" s="196">
        <v>0</v>
      </c>
      <c r="BA33" s="196">
        <v>1</v>
      </c>
      <c r="BB33" s="196">
        <v>0</v>
      </c>
      <c r="BC33" s="197">
        <v>1</v>
      </c>
      <c r="BD33" s="198">
        <v>1</v>
      </c>
      <c r="BE33" s="192">
        <v>0</v>
      </c>
      <c r="BF33" s="196">
        <v>0</v>
      </c>
      <c r="BG33" s="193">
        <v>0</v>
      </c>
      <c r="BH33" s="195">
        <v>0</v>
      </c>
      <c r="BI33" s="196">
        <v>4</v>
      </c>
      <c r="BJ33" s="196">
        <v>5</v>
      </c>
      <c r="BK33" s="196">
        <v>1</v>
      </c>
      <c r="BL33" s="196">
        <v>0</v>
      </c>
      <c r="BM33" s="196">
        <v>0</v>
      </c>
      <c r="BN33" s="193">
        <v>10</v>
      </c>
      <c r="BO33" s="198">
        <v>10</v>
      </c>
      <c r="BP33" s="192">
        <v>0</v>
      </c>
      <c r="BQ33" s="196">
        <v>0</v>
      </c>
      <c r="BR33" s="193">
        <v>0</v>
      </c>
      <c r="BS33" s="195">
        <v>0</v>
      </c>
      <c r="BT33" s="196">
        <v>0</v>
      </c>
      <c r="BU33" s="196">
        <v>1</v>
      </c>
      <c r="BV33" s="196">
        <v>1</v>
      </c>
      <c r="BW33" s="196">
        <v>0</v>
      </c>
      <c r="BX33" s="196">
        <v>0</v>
      </c>
      <c r="BY33" s="193">
        <v>2</v>
      </c>
      <c r="BZ33" s="198">
        <v>2</v>
      </c>
      <c r="CA33" s="192">
        <v>0</v>
      </c>
      <c r="CB33" s="196">
        <v>0</v>
      </c>
      <c r="CC33" s="193">
        <v>0</v>
      </c>
      <c r="CD33" s="195">
        <v>0</v>
      </c>
      <c r="CE33" s="196">
        <v>1</v>
      </c>
      <c r="CF33" s="196">
        <v>1</v>
      </c>
      <c r="CG33" s="196">
        <v>1</v>
      </c>
      <c r="CH33" s="196">
        <v>0</v>
      </c>
      <c r="CI33" s="196">
        <v>0</v>
      </c>
      <c r="CJ33" s="193">
        <v>3</v>
      </c>
      <c r="CK33" s="198">
        <v>3</v>
      </c>
      <c r="CL33" s="192">
        <v>0</v>
      </c>
      <c r="CM33" s="196">
        <v>0</v>
      </c>
      <c r="CN33" s="193">
        <v>0</v>
      </c>
      <c r="CO33" s="195">
        <v>0</v>
      </c>
      <c r="CP33" s="196">
        <v>0</v>
      </c>
      <c r="CQ33" s="196">
        <v>0</v>
      </c>
      <c r="CR33" s="196">
        <v>0</v>
      </c>
      <c r="CS33" s="196">
        <v>0</v>
      </c>
      <c r="CT33" s="196">
        <v>0</v>
      </c>
      <c r="CU33" s="193">
        <v>0</v>
      </c>
      <c r="CV33" s="198">
        <v>0</v>
      </c>
      <c r="CW33" s="192">
        <v>0</v>
      </c>
      <c r="CX33" s="196">
        <v>0</v>
      </c>
      <c r="CY33" s="193">
        <v>0</v>
      </c>
      <c r="CZ33" s="195">
        <v>0</v>
      </c>
      <c r="DA33" s="196">
        <v>0</v>
      </c>
      <c r="DB33" s="196">
        <v>0</v>
      </c>
      <c r="DC33" s="196">
        <v>0</v>
      </c>
      <c r="DD33" s="196">
        <v>0</v>
      </c>
      <c r="DE33" s="196">
        <v>0</v>
      </c>
      <c r="DF33" s="193">
        <v>0</v>
      </c>
      <c r="DG33" s="198">
        <v>0</v>
      </c>
      <c r="DH33" s="192">
        <v>0</v>
      </c>
      <c r="DI33" s="196">
        <v>0</v>
      </c>
      <c r="DJ33" s="193">
        <v>0</v>
      </c>
      <c r="DK33" s="195">
        <v>0</v>
      </c>
      <c r="DL33" s="196">
        <v>0</v>
      </c>
      <c r="DM33" s="196">
        <v>0</v>
      </c>
      <c r="DN33" s="196">
        <v>0</v>
      </c>
      <c r="DO33" s="196">
        <v>0</v>
      </c>
      <c r="DP33" s="196">
        <v>0</v>
      </c>
      <c r="DQ33" s="193">
        <v>0</v>
      </c>
      <c r="DR33" s="198">
        <v>0</v>
      </c>
      <c r="DS33" s="192">
        <v>2</v>
      </c>
      <c r="DT33" s="196">
        <v>1</v>
      </c>
      <c r="DU33" s="193">
        <v>3</v>
      </c>
      <c r="DV33" s="195">
        <v>0</v>
      </c>
      <c r="DW33" s="196">
        <v>2</v>
      </c>
      <c r="DX33" s="196">
        <v>6</v>
      </c>
      <c r="DY33" s="196">
        <v>4</v>
      </c>
      <c r="DZ33" s="196">
        <v>0</v>
      </c>
      <c r="EA33" s="196">
        <v>0</v>
      </c>
      <c r="EB33" s="193">
        <v>12</v>
      </c>
      <c r="EC33" s="198">
        <v>15</v>
      </c>
      <c r="ED33" s="192">
        <v>0</v>
      </c>
      <c r="EE33" s="196">
        <v>0</v>
      </c>
      <c r="EF33" s="193">
        <v>0</v>
      </c>
      <c r="EG33" s="195">
        <v>0</v>
      </c>
      <c r="EH33" s="196">
        <v>0</v>
      </c>
      <c r="EI33" s="196">
        <v>1</v>
      </c>
      <c r="EJ33" s="196">
        <v>0</v>
      </c>
      <c r="EK33" s="196">
        <v>0</v>
      </c>
      <c r="EL33" s="196">
        <v>0</v>
      </c>
      <c r="EM33" s="193">
        <v>1</v>
      </c>
      <c r="EN33" s="198">
        <v>1</v>
      </c>
      <c r="EO33" s="192">
        <v>2</v>
      </c>
      <c r="EP33" s="196">
        <v>2</v>
      </c>
      <c r="EQ33" s="193">
        <v>4</v>
      </c>
      <c r="ER33" s="195">
        <v>0</v>
      </c>
      <c r="ES33" s="196">
        <v>6</v>
      </c>
      <c r="ET33" s="196">
        <v>10</v>
      </c>
      <c r="EU33" s="196">
        <v>4</v>
      </c>
      <c r="EV33" s="196">
        <v>0</v>
      </c>
      <c r="EW33" s="196">
        <v>0</v>
      </c>
      <c r="EX33" s="193">
        <v>20</v>
      </c>
      <c r="EY33" s="198">
        <v>24</v>
      </c>
    </row>
    <row r="34" spans="1:155" ht="19.5" customHeight="1" x14ac:dyDescent="0.2">
      <c r="A34" s="177" t="s">
        <v>32</v>
      </c>
      <c r="B34" s="192">
        <v>0</v>
      </c>
      <c r="C34" s="196">
        <v>0</v>
      </c>
      <c r="D34" s="458">
        <v>0</v>
      </c>
      <c r="E34" s="195">
        <v>0</v>
      </c>
      <c r="F34" s="196">
        <v>1</v>
      </c>
      <c r="G34" s="196">
        <v>2</v>
      </c>
      <c r="H34" s="196">
        <v>1</v>
      </c>
      <c r="I34" s="196">
        <v>2</v>
      </c>
      <c r="J34" s="196">
        <v>0</v>
      </c>
      <c r="K34" s="197">
        <v>6</v>
      </c>
      <c r="L34" s="198">
        <v>6</v>
      </c>
      <c r="M34" s="192">
        <v>0</v>
      </c>
      <c r="N34" s="196">
        <v>0</v>
      </c>
      <c r="O34" s="193">
        <v>0</v>
      </c>
      <c r="P34" s="195">
        <v>0</v>
      </c>
      <c r="Q34" s="196">
        <v>0</v>
      </c>
      <c r="R34" s="196">
        <v>0</v>
      </c>
      <c r="S34" s="196">
        <v>0</v>
      </c>
      <c r="T34" s="196">
        <v>0</v>
      </c>
      <c r="U34" s="196">
        <v>0</v>
      </c>
      <c r="V34" s="193">
        <v>0</v>
      </c>
      <c r="W34" s="198">
        <v>0</v>
      </c>
      <c r="X34" s="192">
        <v>0</v>
      </c>
      <c r="Y34" s="196">
        <v>1</v>
      </c>
      <c r="Z34" s="193">
        <v>1</v>
      </c>
      <c r="AA34" s="195">
        <v>0</v>
      </c>
      <c r="AB34" s="196">
        <v>3</v>
      </c>
      <c r="AC34" s="196">
        <v>2</v>
      </c>
      <c r="AD34" s="196">
        <v>1</v>
      </c>
      <c r="AE34" s="196">
        <v>0</v>
      </c>
      <c r="AF34" s="196">
        <v>1</v>
      </c>
      <c r="AG34" s="193">
        <v>7</v>
      </c>
      <c r="AH34" s="198">
        <v>8</v>
      </c>
      <c r="AI34" s="192">
        <v>0</v>
      </c>
      <c r="AJ34" s="196">
        <v>0</v>
      </c>
      <c r="AK34" s="193">
        <v>0</v>
      </c>
      <c r="AL34" s="195">
        <v>0</v>
      </c>
      <c r="AM34" s="196">
        <v>0</v>
      </c>
      <c r="AN34" s="196">
        <v>0</v>
      </c>
      <c r="AO34" s="196">
        <v>0</v>
      </c>
      <c r="AP34" s="196">
        <v>0</v>
      </c>
      <c r="AQ34" s="196">
        <v>0</v>
      </c>
      <c r="AR34" s="193">
        <v>0</v>
      </c>
      <c r="AS34" s="198">
        <v>0</v>
      </c>
      <c r="AT34" s="192">
        <v>0</v>
      </c>
      <c r="AU34" s="196">
        <v>0</v>
      </c>
      <c r="AV34" s="193">
        <v>0</v>
      </c>
      <c r="AW34" s="195">
        <v>0</v>
      </c>
      <c r="AX34" s="196">
        <v>0</v>
      </c>
      <c r="AY34" s="196">
        <v>2</v>
      </c>
      <c r="AZ34" s="196">
        <v>2</v>
      </c>
      <c r="BA34" s="196">
        <v>3</v>
      </c>
      <c r="BB34" s="196">
        <v>0</v>
      </c>
      <c r="BC34" s="197">
        <v>7</v>
      </c>
      <c r="BD34" s="198">
        <v>7</v>
      </c>
      <c r="BE34" s="192">
        <v>0</v>
      </c>
      <c r="BF34" s="196">
        <v>0</v>
      </c>
      <c r="BG34" s="193">
        <v>0</v>
      </c>
      <c r="BH34" s="195">
        <v>0</v>
      </c>
      <c r="BI34" s="196">
        <v>3</v>
      </c>
      <c r="BJ34" s="196">
        <v>1</v>
      </c>
      <c r="BK34" s="196">
        <v>0</v>
      </c>
      <c r="BL34" s="196">
        <v>0</v>
      </c>
      <c r="BM34" s="196">
        <v>0</v>
      </c>
      <c r="BN34" s="193">
        <v>4</v>
      </c>
      <c r="BO34" s="198">
        <v>4</v>
      </c>
      <c r="BP34" s="192">
        <v>0</v>
      </c>
      <c r="BQ34" s="196">
        <v>0</v>
      </c>
      <c r="BR34" s="193">
        <v>0</v>
      </c>
      <c r="BS34" s="195">
        <v>0</v>
      </c>
      <c r="BT34" s="196">
        <v>2</v>
      </c>
      <c r="BU34" s="196">
        <v>0</v>
      </c>
      <c r="BV34" s="196">
        <v>0</v>
      </c>
      <c r="BW34" s="196">
        <v>0</v>
      </c>
      <c r="BX34" s="196">
        <v>1</v>
      </c>
      <c r="BY34" s="193">
        <v>3</v>
      </c>
      <c r="BZ34" s="198">
        <v>3</v>
      </c>
      <c r="CA34" s="192">
        <v>0</v>
      </c>
      <c r="CB34" s="196">
        <v>0</v>
      </c>
      <c r="CC34" s="193">
        <v>0</v>
      </c>
      <c r="CD34" s="195">
        <v>0</v>
      </c>
      <c r="CE34" s="196">
        <v>1</v>
      </c>
      <c r="CF34" s="196">
        <v>1</v>
      </c>
      <c r="CG34" s="196">
        <v>0</v>
      </c>
      <c r="CH34" s="196">
        <v>0</v>
      </c>
      <c r="CI34" s="196">
        <v>0</v>
      </c>
      <c r="CJ34" s="193">
        <v>2</v>
      </c>
      <c r="CK34" s="198">
        <v>2</v>
      </c>
      <c r="CL34" s="192">
        <v>0</v>
      </c>
      <c r="CM34" s="196">
        <v>0</v>
      </c>
      <c r="CN34" s="193">
        <v>0</v>
      </c>
      <c r="CO34" s="195">
        <v>0</v>
      </c>
      <c r="CP34" s="196">
        <v>0</v>
      </c>
      <c r="CQ34" s="196">
        <v>0</v>
      </c>
      <c r="CR34" s="196">
        <v>0</v>
      </c>
      <c r="CS34" s="196">
        <v>0</v>
      </c>
      <c r="CT34" s="196">
        <v>0</v>
      </c>
      <c r="CU34" s="193">
        <v>0</v>
      </c>
      <c r="CV34" s="198">
        <v>0</v>
      </c>
      <c r="CW34" s="192">
        <v>0</v>
      </c>
      <c r="CX34" s="196">
        <v>0</v>
      </c>
      <c r="CY34" s="193">
        <v>0</v>
      </c>
      <c r="CZ34" s="195">
        <v>0</v>
      </c>
      <c r="DA34" s="196">
        <v>0</v>
      </c>
      <c r="DB34" s="196">
        <v>0</v>
      </c>
      <c r="DC34" s="196">
        <v>0</v>
      </c>
      <c r="DD34" s="196">
        <v>0</v>
      </c>
      <c r="DE34" s="196">
        <v>0</v>
      </c>
      <c r="DF34" s="193">
        <v>0</v>
      </c>
      <c r="DG34" s="198">
        <v>0</v>
      </c>
      <c r="DH34" s="192">
        <v>0</v>
      </c>
      <c r="DI34" s="196">
        <v>0</v>
      </c>
      <c r="DJ34" s="193">
        <v>0</v>
      </c>
      <c r="DK34" s="195">
        <v>0</v>
      </c>
      <c r="DL34" s="196">
        <v>0</v>
      </c>
      <c r="DM34" s="196">
        <v>0</v>
      </c>
      <c r="DN34" s="196">
        <v>0</v>
      </c>
      <c r="DO34" s="196">
        <v>0</v>
      </c>
      <c r="DP34" s="196">
        <v>0</v>
      </c>
      <c r="DQ34" s="193">
        <v>0</v>
      </c>
      <c r="DR34" s="198">
        <v>0</v>
      </c>
      <c r="DS34" s="192">
        <v>0</v>
      </c>
      <c r="DT34" s="196">
        <v>2</v>
      </c>
      <c r="DU34" s="193">
        <v>2</v>
      </c>
      <c r="DV34" s="195">
        <v>0</v>
      </c>
      <c r="DW34" s="196">
        <v>6</v>
      </c>
      <c r="DX34" s="196">
        <v>6</v>
      </c>
      <c r="DY34" s="196">
        <v>1</v>
      </c>
      <c r="DZ34" s="196">
        <v>2</v>
      </c>
      <c r="EA34" s="196">
        <v>1</v>
      </c>
      <c r="EB34" s="193">
        <v>16</v>
      </c>
      <c r="EC34" s="198">
        <v>18</v>
      </c>
      <c r="ED34" s="192">
        <v>0</v>
      </c>
      <c r="EE34" s="196">
        <v>0</v>
      </c>
      <c r="EF34" s="193">
        <v>0</v>
      </c>
      <c r="EG34" s="195">
        <v>0</v>
      </c>
      <c r="EH34" s="196">
        <v>0</v>
      </c>
      <c r="EI34" s="196">
        <v>1</v>
      </c>
      <c r="EJ34" s="196">
        <v>0</v>
      </c>
      <c r="EK34" s="196">
        <v>2</v>
      </c>
      <c r="EL34" s="196">
        <v>0</v>
      </c>
      <c r="EM34" s="193">
        <v>3</v>
      </c>
      <c r="EN34" s="198">
        <v>3</v>
      </c>
      <c r="EO34" s="192">
        <v>0</v>
      </c>
      <c r="EP34" s="196">
        <v>2</v>
      </c>
      <c r="EQ34" s="193">
        <v>2</v>
      </c>
      <c r="ER34" s="195">
        <v>0</v>
      </c>
      <c r="ES34" s="196">
        <v>11</v>
      </c>
      <c r="ET34" s="196">
        <v>8</v>
      </c>
      <c r="EU34" s="196">
        <v>1</v>
      </c>
      <c r="EV34" s="196">
        <v>2</v>
      </c>
      <c r="EW34" s="196">
        <v>1</v>
      </c>
      <c r="EX34" s="193">
        <v>23</v>
      </c>
      <c r="EY34" s="198">
        <v>25</v>
      </c>
    </row>
    <row r="35" spans="1:155" ht="19.5" customHeight="1" x14ac:dyDescent="0.2">
      <c r="A35" s="177" t="s">
        <v>33</v>
      </c>
      <c r="B35" s="192">
        <v>0</v>
      </c>
      <c r="C35" s="196">
        <v>0</v>
      </c>
      <c r="D35" s="458">
        <v>0</v>
      </c>
      <c r="E35" s="195">
        <v>0</v>
      </c>
      <c r="F35" s="196">
        <v>1</v>
      </c>
      <c r="G35" s="196">
        <v>0</v>
      </c>
      <c r="H35" s="196">
        <v>0</v>
      </c>
      <c r="I35" s="196">
        <v>0</v>
      </c>
      <c r="J35" s="196">
        <v>0</v>
      </c>
      <c r="K35" s="197">
        <v>1</v>
      </c>
      <c r="L35" s="198">
        <v>1</v>
      </c>
      <c r="M35" s="192">
        <v>0</v>
      </c>
      <c r="N35" s="196">
        <v>0</v>
      </c>
      <c r="O35" s="193">
        <v>0</v>
      </c>
      <c r="P35" s="195">
        <v>0</v>
      </c>
      <c r="Q35" s="196">
        <v>0</v>
      </c>
      <c r="R35" s="196">
        <v>0</v>
      </c>
      <c r="S35" s="196">
        <v>0</v>
      </c>
      <c r="T35" s="196">
        <v>0</v>
      </c>
      <c r="U35" s="196">
        <v>0</v>
      </c>
      <c r="V35" s="193">
        <v>0</v>
      </c>
      <c r="W35" s="198">
        <v>0</v>
      </c>
      <c r="X35" s="192">
        <v>0</v>
      </c>
      <c r="Y35" s="196">
        <v>0</v>
      </c>
      <c r="Z35" s="193">
        <v>0</v>
      </c>
      <c r="AA35" s="195">
        <v>0</v>
      </c>
      <c r="AB35" s="196">
        <v>0</v>
      </c>
      <c r="AC35" s="196">
        <v>0</v>
      </c>
      <c r="AD35" s="196">
        <v>1</v>
      </c>
      <c r="AE35" s="196">
        <v>0</v>
      </c>
      <c r="AF35" s="196">
        <v>0</v>
      </c>
      <c r="AG35" s="193">
        <v>1</v>
      </c>
      <c r="AH35" s="198">
        <v>1</v>
      </c>
      <c r="AI35" s="192">
        <v>1</v>
      </c>
      <c r="AJ35" s="196">
        <v>1</v>
      </c>
      <c r="AK35" s="193">
        <v>2</v>
      </c>
      <c r="AL35" s="195">
        <v>0</v>
      </c>
      <c r="AM35" s="196">
        <v>0</v>
      </c>
      <c r="AN35" s="196">
        <v>0</v>
      </c>
      <c r="AO35" s="196">
        <v>0</v>
      </c>
      <c r="AP35" s="196">
        <v>0</v>
      </c>
      <c r="AQ35" s="196">
        <v>0</v>
      </c>
      <c r="AR35" s="193">
        <v>0</v>
      </c>
      <c r="AS35" s="198">
        <v>2</v>
      </c>
      <c r="AT35" s="192">
        <v>0</v>
      </c>
      <c r="AU35" s="196">
        <v>0</v>
      </c>
      <c r="AV35" s="193">
        <v>0</v>
      </c>
      <c r="AW35" s="195">
        <v>0</v>
      </c>
      <c r="AX35" s="196">
        <v>1</v>
      </c>
      <c r="AY35" s="196">
        <v>0</v>
      </c>
      <c r="AZ35" s="196">
        <v>0</v>
      </c>
      <c r="BA35" s="196">
        <v>0</v>
      </c>
      <c r="BB35" s="196">
        <v>1</v>
      </c>
      <c r="BC35" s="197">
        <v>2</v>
      </c>
      <c r="BD35" s="198">
        <v>2</v>
      </c>
      <c r="BE35" s="192">
        <v>0</v>
      </c>
      <c r="BF35" s="196">
        <v>0</v>
      </c>
      <c r="BG35" s="193">
        <v>0</v>
      </c>
      <c r="BH35" s="195">
        <v>0</v>
      </c>
      <c r="BI35" s="196">
        <v>0</v>
      </c>
      <c r="BJ35" s="196">
        <v>0</v>
      </c>
      <c r="BK35" s="196">
        <v>0</v>
      </c>
      <c r="BL35" s="196">
        <v>0</v>
      </c>
      <c r="BM35" s="196">
        <v>0</v>
      </c>
      <c r="BN35" s="193">
        <v>0</v>
      </c>
      <c r="BO35" s="198">
        <v>0</v>
      </c>
      <c r="BP35" s="192">
        <v>1</v>
      </c>
      <c r="BQ35" s="196">
        <v>0</v>
      </c>
      <c r="BR35" s="193">
        <v>1</v>
      </c>
      <c r="BS35" s="195">
        <v>0</v>
      </c>
      <c r="BT35" s="196">
        <v>2</v>
      </c>
      <c r="BU35" s="196">
        <v>2</v>
      </c>
      <c r="BV35" s="196">
        <v>0</v>
      </c>
      <c r="BW35" s="196">
        <v>0</v>
      </c>
      <c r="BX35" s="196">
        <v>0</v>
      </c>
      <c r="BY35" s="193">
        <v>4</v>
      </c>
      <c r="BZ35" s="198">
        <v>5</v>
      </c>
      <c r="CA35" s="192">
        <v>0</v>
      </c>
      <c r="CB35" s="196">
        <v>0</v>
      </c>
      <c r="CC35" s="193">
        <v>0</v>
      </c>
      <c r="CD35" s="195">
        <v>0</v>
      </c>
      <c r="CE35" s="196">
        <v>0</v>
      </c>
      <c r="CF35" s="196">
        <v>0</v>
      </c>
      <c r="CG35" s="196">
        <v>0</v>
      </c>
      <c r="CH35" s="196">
        <v>0</v>
      </c>
      <c r="CI35" s="196">
        <v>0</v>
      </c>
      <c r="CJ35" s="193">
        <v>0</v>
      </c>
      <c r="CK35" s="198">
        <v>0</v>
      </c>
      <c r="CL35" s="192">
        <v>0</v>
      </c>
      <c r="CM35" s="196">
        <v>0</v>
      </c>
      <c r="CN35" s="193">
        <v>0</v>
      </c>
      <c r="CO35" s="195">
        <v>0</v>
      </c>
      <c r="CP35" s="196">
        <v>1</v>
      </c>
      <c r="CQ35" s="196">
        <v>1</v>
      </c>
      <c r="CR35" s="196">
        <v>0</v>
      </c>
      <c r="CS35" s="196">
        <v>0</v>
      </c>
      <c r="CT35" s="196">
        <v>0</v>
      </c>
      <c r="CU35" s="193">
        <v>2</v>
      </c>
      <c r="CV35" s="198">
        <v>2</v>
      </c>
      <c r="CW35" s="192">
        <v>0</v>
      </c>
      <c r="CX35" s="196">
        <v>0</v>
      </c>
      <c r="CY35" s="193">
        <v>0</v>
      </c>
      <c r="CZ35" s="195">
        <v>0</v>
      </c>
      <c r="DA35" s="196">
        <v>0</v>
      </c>
      <c r="DB35" s="196">
        <v>0</v>
      </c>
      <c r="DC35" s="196">
        <v>0</v>
      </c>
      <c r="DD35" s="196">
        <v>0</v>
      </c>
      <c r="DE35" s="196">
        <v>0</v>
      </c>
      <c r="DF35" s="193">
        <v>0</v>
      </c>
      <c r="DG35" s="198">
        <v>0</v>
      </c>
      <c r="DH35" s="192">
        <v>0</v>
      </c>
      <c r="DI35" s="196">
        <v>0</v>
      </c>
      <c r="DJ35" s="193">
        <v>0</v>
      </c>
      <c r="DK35" s="195">
        <v>0</v>
      </c>
      <c r="DL35" s="196">
        <v>0</v>
      </c>
      <c r="DM35" s="196">
        <v>0</v>
      </c>
      <c r="DN35" s="196">
        <v>0</v>
      </c>
      <c r="DO35" s="196">
        <v>0</v>
      </c>
      <c r="DP35" s="196">
        <v>0</v>
      </c>
      <c r="DQ35" s="193">
        <v>0</v>
      </c>
      <c r="DR35" s="198">
        <v>0</v>
      </c>
      <c r="DS35" s="192">
        <v>1</v>
      </c>
      <c r="DT35" s="196">
        <v>0</v>
      </c>
      <c r="DU35" s="193">
        <v>1</v>
      </c>
      <c r="DV35" s="195">
        <v>0</v>
      </c>
      <c r="DW35" s="196">
        <v>4</v>
      </c>
      <c r="DX35" s="196">
        <v>2</v>
      </c>
      <c r="DY35" s="196">
        <v>1</v>
      </c>
      <c r="DZ35" s="196">
        <v>0</v>
      </c>
      <c r="EA35" s="196">
        <v>1</v>
      </c>
      <c r="EB35" s="193">
        <v>8</v>
      </c>
      <c r="EC35" s="198">
        <v>9</v>
      </c>
      <c r="ED35" s="192">
        <v>0</v>
      </c>
      <c r="EE35" s="196">
        <v>0</v>
      </c>
      <c r="EF35" s="193">
        <v>0</v>
      </c>
      <c r="EG35" s="195">
        <v>0</v>
      </c>
      <c r="EH35" s="196">
        <v>0</v>
      </c>
      <c r="EI35" s="196">
        <v>0</v>
      </c>
      <c r="EJ35" s="196">
        <v>0</v>
      </c>
      <c r="EK35" s="196">
        <v>0</v>
      </c>
      <c r="EL35" s="196">
        <v>1</v>
      </c>
      <c r="EM35" s="193">
        <v>1</v>
      </c>
      <c r="EN35" s="198">
        <v>1</v>
      </c>
      <c r="EO35" s="192">
        <v>2</v>
      </c>
      <c r="EP35" s="196">
        <v>1</v>
      </c>
      <c r="EQ35" s="193">
        <v>3</v>
      </c>
      <c r="ER35" s="195">
        <v>0</v>
      </c>
      <c r="ES35" s="196">
        <v>6</v>
      </c>
      <c r="ET35" s="196">
        <v>2</v>
      </c>
      <c r="EU35" s="196">
        <v>1</v>
      </c>
      <c r="EV35" s="196">
        <v>0</v>
      </c>
      <c r="EW35" s="196">
        <v>1</v>
      </c>
      <c r="EX35" s="193">
        <v>10</v>
      </c>
      <c r="EY35" s="198">
        <v>13</v>
      </c>
    </row>
    <row r="36" spans="1:155" ht="19.5" customHeight="1" x14ac:dyDescent="0.2">
      <c r="A36" s="177" t="s">
        <v>34</v>
      </c>
      <c r="B36" s="192">
        <v>0</v>
      </c>
      <c r="C36" s="196">
        <v>0</v>
      </c>
      <c r="D36" s="458">
        <v>0</v>
      </c>
      <c r="E36" s="195">
        <v>0</v>
      </c>
      <c r="F36" s="196">
        <v>0</v>
      </c>
      <c r="G36" s="196">
        <v>1</v>
      </c>
      <c r="H36" s="196">
        <v>0</v>
      </c>
      <c r="I36" s="196">
        <v>0</v>
      </c>
      <c r="J36" s="196">
        <v>0</v>
      </c>
      <c r="K36" s="197">
        <v>1</v>
      </c>
      <c r="L36" s="198">
        <v>1</v>
      </c>
      <c r="M36" s="192">
        <v>0</v>
      </c>
      <c r="N36" s="196">
        <v>0</v>
      </c>
      <c r="O36" s="193">
        <v>0</v>
      </c>
      <c r="P36" s="195">
        <v>0</v>
      </c>
      <c r="Q36" s="196">
        <v>0</v>
      </c>
      <c r="R36" s="196">
        <v>0</v>
      </c>
      <c r="S36" s="196">
        <v>0</v>
      </c>
      <c r="T36" s="196">
        <v>0</v>
      </c>
      <c r="U36" s="196">
        <v>0</v>
      </c>
      <c r="V36" s="193">
        <v>0</v>
      </c>
      <c r="W36" s="198">
        <v>0</v>
      </c>
      <c r="X36" s="192">
        <v>0</v>
      </c>
      <c r="Y36" s="196">
        <v>1</v>
      </c>
      <c r="Z36" s="193">
        <v>1</v>
      </c>
      <c r="AA36" s="195">
        <v>0</v>
      </c>
      <c r="AB36" s="196">
        <v>0</v>
      </c>
      <c r="AC36" s="196">
        <v>0</v>
      </c>
      <c r="AD36" s="196">
        <v>1</v>
      </c>
      <c r="AE36" s="196">
        <v>0</v>
      </c>
      <c r="AF36" s="196">
        <v>0</v>
      </c>
      <c r="AG36" s="193">
        <v>1</v>
      </c>
      <c r="AH36" s="198">
        <v>2</v>
      </c>
      <c r="AI36" s="192">
        <v>0</v>
      </c>
      <c r="AJ36" s="196">
        <v>0</v>
      </c>
      <c r="AK36" s="193">
        <v>0</v>
      </c>
      <c r="AL36" s="195">
        <v>0</v>
      </c>
      <c r="AM36" s="196">
        <v>0</v>
      </c>
      <c r="AN36" s="196">
        <v>1</v>
      </c>
      <c r="AO36" s="196">
        <v>0</v>
      </c>
      <c r="AP36" s="196">
        <v>0</v>
      </c>
      <c r="AQ36" s="196">
        <v>0</v>
      </c>
      <c r="AR36" s="193">
        <v>1</v>
      </c>
      <c r="AS36" s="198">
        <v>1</v>
      </c>
      <c r="AT36" s="192">
        <v>0</v>
      </c>
      <c r="AU36" s="196">
        <v>0</v>
      </c>
      <c r="AV36" s="193">
        <v>0</v>
      </c>
      <c r="AW36" s="195">
        <v>0</v>
      </c>
      <c r="AX36" s="196">
        <v>2</v>
      </c>
      <c r="AY36" s="196">
        <v>1</v>
      </c>
      <c r="AZ36" s="196">
        <v>1</v>
      </c>
      <c r="BA36" s="196">
        <v>0</v>
      </c>
      <c r="BB36" s="196">
        <v>0</v>
      </c>
      <c r="BC36" s="197">
        <v>4</v>
      </c>
      <c r="BD36" s="198">
        <v>4</v>
      </c>
      <c r="BE36" s="192">
        <v>0</v>
      </c>
      <c r="BF36" s="196">
        <v>0</v>
      </c>
      <c r="BG36" s="193">
        <v>0</v>
      </c>
      <c r="BH36" s="195">
        <v>0</v>
      </c>
      <c r="BI36" s="196">
        <v>1</v>
      </c>
      <c r="BJ36" s="196">
        <v>2</v>
      </c>
      <c r="BK36" s="196">
        <v>0</v>
      </c>
      <c r="BL36" s="196">
        <v>0</v>
      </c>
      <c r="BM36" s="196">
        <v>0</v>
      </c>
      <c r="BN36" s="193">
        <v>3</v>
      </c>
      <c r="BO36" s="198">
        <v>3</v>
      </c>
      <c r="BP36" s="192">
        <v>0</v>
      </c>
      <c r="BQ36" s="196">
        <v>0</v>
      </c>
      <c r="BR36" s="193">
        <v>0</v>
      </c>
      <c r="BS36" s="195">
        <v>0</v>
      </c>
      <c r="BT36" s="196">
        <v>1</v>
      </c>
      <c r="BU36" s="196">
        <v>0</v>
      </c>
      <c r="BV36" s="196">
        <v>0</v>
      </c>
      <c r="BW36" s="196">
        <v>0</v>
      </c>
      <c r="BX36" s="196">
        <v>0</v>
      </c>
      <c r="BY36" s="193">
        <v>1</v>
      </c>
      <c r="BZ36" s="198">
        <v>1</v>
      </c>
      <c r="CA36" s="192">
        <v>0</v>
      </c>
      <c r="CB36" s="196">
        <v>0</v>
      </c>
      <c r="CC36" s="193">
        <v>0</v>
      </c>
      <c r="CD36" s="195">
        <v>0</v>
      </c>
      <c r="CE36" s="196">
        <v>0</v>
      </c>
      <c r="CF36" s="196">
        <v>0</v>
      </c>
      <c r="CG36" s="196">
        <v>0</v>
      </c>
      <c r="CH36" s="196">
        <v>0</v>
      </c>
      <c r="CI36" s="196">
        <v>0</v>
      </c>
      <c r="CJ36" s="193">
        <v>0</v>
      </c>
      <c r="CK36" s="198">
        <v>0</v>
      </c>
      <c r="CL36" s="192">
        <v>0</v>
      </c>
      <c r="CM36" s="196">
        <v>0</v>
      </c>
      <c r="CN36" s="193">
        <v>0</v>
      </c>
      <c r="CO36" s="195">
        <v>0</v>
      </c>
      <c r="CP36" s="196">
        <v>0</v>
      </c>
      <c r="CQ36" s="196">
        <v>0</v>
      </c>
      <c r="CR36" s="196">
        <v>0</v>
      </c>
      <c r="CS36" s="196">
        <v>0</v>
      </c>
      <c r="CT36" s="196">
        <v>0</v>
      </c>
      <c r="CU36" s="193">
        <v>0</v>
      </c>
      <c r="CV36" s="198">
        <v>0</v>
      </c>
      <c r="CW36" s="192">
        <v>0</v>
      </c>
      <c r="CX36" s="196">
        <v>0</v>
      </c>
      <c r="CY36" s="193">
        <v>0</v>
      </c>
      <c r="CZ36" s="195">
        <v>0</v>
      </c>
      <c r="DA36" s="196">
        <v>0</v>
      </c>
      <c r="DB36" s="196">
        <v>0</v>
      </c>
      <c r="DC36" s="196">
        <v>0</v>
      </c>
      <c r="DD36" s="196">
        <v>0</v>
      </c>
      <c r="DE36" s="196">
        <v>0</v>
      </c>
      <c r="DF36" s="193">
        <v>0</v>
      </c>
      <c r="DG36" s="198">
        <v>0</v>
      </c>
      <c r="DH36" s="192">
        <v>0</v>
      </c>
      <c r="DI36" s="196">
        <v>0</v>
      </c>
      <c r="DJ36" s="193">
        <v>0</v>
      </c>
      <c r="DK36" s="195">
        <v>0</v>
      </c>
      <c r="DL36" s="196">
        <v>0</v>
      </c>
      <c r="DM36" s="196">
        <v>0</v>
      </c>
      <c r="DN36" s="196">
        <v>0</v>
      </c>
      <c r="DO36" s="196">
        <v>0</v>
      </c>
      <c r="DP36" s="196">
        <v>0</v>
      </c>
      <c r="DQ36" s="193">
        <v>0</v>
      </c>
      <c r="DR36" s="198">
        <v>0</v>
      </c>
      <c r="DS36" s="192">
        <v>0</v>
      </c>
      <c r="DT36" s="196">
        <v>0</v>
      </c>
      <c r="DU36" s="193">
        <v>0</v>
      </c>
      <c r="DV36" s="195">
        <v>0</v>
      </c>
      <c r="DW36" s="196">
        <v>1</v>
      </c>
      <c r="DX36" s="196">
        <v>2</v>
      </c>
      <c r="DY36" s="196">
        <v>2</v>
      </c>
      <c r="DZ36" s="196">
        <v>0</v>
      </c>
      <c r="EA36" s="196">
        <v>0</v>
      </c>
      <c r="EB36" s="193">
        <v>5</v>
      </c>
      <c r="EC36" s="198">
        <v>5</v>
      </c>
      <c r="ED36" s="192">
        <v>0</v>
      </c>
      <c r="EE36" s="196">
        <v>0</v>
      </c>
      <c r="EF36" s="193">
        <v>0</v>
      </c>
      <c r="EG36" s="195">
        <v>0</v>
      </c>
      <c r="EH36" s="196">
        <v>1</v>
      </c>
      <c r="EI36" s="196">
        <v>1</v>
      </c>
      <c r="EJ36" s="196">
        <v>1</v>
      </c>
      <c r="EK36" s="196">
        <v>0</v>
      </c>
      <c r="EL36" s="196">
        <v>0</v>
      </c>
      <c r="EM36" s="193">
        <v>3</v>
      </c>
      <c r="EN36" s="198">
        <v>3</v>
      </c>
      <c r="EO36" s="192">
        <v>0</v>
      </c>
      <c r="EP36" s="196">
        <v>1</v>
      </c>
      <c r="EQ36" s="193">
        <v>1</v>
      </c>
      <c r="ER36" s="195">
        <v>0</v>
      </c>
      <c r="ES36" s="196">
        <v>5</v>
      </c>
      <c r="ET36" s="196">
        <v>3</v>
      </c>
      <c r="EU36" s="196">
        <v>2</v>
      </c>
      <c r="EV36" s="196">
        <v>0</v>
      </c>
      <c r="EW36" s="196">
        <v>0</v>
      </c>
      <c r="EX36" s="193">
        <v>10</v>
      </c>
      <c r="EY36" s="198">
        <v>11</v>
      </c>
    </row>
    <row r="37" spans="1:155" ht="19.5" customHeight="1" x14ac:dyDescent="0.2">
      <c r="A37" s="177" t="s">
        <v>35</v>
      </c>
      <c r="B37" s="192">
        <v>0</v>
      </c>
      <c r="C37" s="196">
        <v>0</v>
      </c>
      <c r="D37" s="458">
        <v>0</v>
      </c>
      <c r="E37" s="195">
        <v>0</v>
      </c>
      <c r="F37" s="196">
        <v>3</v>
      </c>
      <c r="G37" s="196">
        <v>4</v>
      </c>
      <c r="H37" s="196">
        <v>0</v>
      </c>
      <c r="I37" s="196">
        <v>0</v>
      </c>
      <c r="J37" s="196">
        <v>1</v>
      </c>
      <c r="K37" s="197">
        <v>8</v>
      </c>
      <c r="L37" s="198">
        <v>8</v>
      </c>
      <c r="M37" s="192">
        <v>0</v>
      </c>
      <c r="N37" s="196">
        <v>0</v>
      </c>
      <c r="O37" s="193">
        <v>0</v>
      </c>
      <c r="P37" s="195">
        <v>0</v>
      </c>
      <c r="Q37" s="196">
        <v>0</v>
      </c>
      <c r="R37" s="196">
        <v>0</v>
      </c>
      <c r="S37" s="196">
        <v>0</v>
      </c>
      <c r="T37" s="196">
        <v>0</v>
      </c>
      <c r="U37" s="196">
        <v>1</v>
      </c>
      <c r="V37" s="193">
        <v>1</v>
      </c>
      <c r="W37" s="198">
        <v>1</v>
      </c>
      <c r="X37" s="192">
        <v>0</v>
      </c>
      <c r="Y37" s="196">
        <v>0</v>
      </c>
      <c r="Z37" s="193">
        <v>0</v>
      </c>
      <c r="AA37" s="195">
        <v>0</v>
      </c>
      <c r="AB37" s="196">
        <v>1</v>
      </c>
      <c r="AC37" s="196">
        <v>4</v>
      </c>
      <c r="AD37" s="196">
        <v>0</v>
      </c>
      <c r="AE37" s="196">
        <v>0</v>
      </c>
      <c r="AF37" s="196">
        <v>0</v>
      </c>
      <c r="AG37" s="193">
        <v>5</v>
      </c>
      <c r="AH37" s="198">
        <v>5</v>
      </c>
      <c r="AI37" s="192">
        <v>0</v>
      </c>
      <c r="AJ37" s="196">
        <v>0</v>
      </c>
      <c r="AK37" s="193">
        <v>0</v>
      </c>
      <c r="AL37" s="195">
        <v>0</v>
      </c>
      <c r="AM37" s="196">
        <v>2</v>
      </c>
      <c r="AN37" s="196">
        <v>1</v>
      </c>
      <c r="AO37" s="196">
        <v>1</v>
      </c>
      <c r="AP37" s="196">
        <v>0</v>
      </c>
      <c r="AQ37" s="196">
        <v>0</v>
      </c>
      <c r="AR37" s="193">
        <v>4</v>
      </c>
      <c r="AS37" s="198">
        <v>4</v>
      </c>
      <c r="AT37" s="192">
        <v>2</v>
      </c>
      <c r="AU37" s="196">
        <v>1</v>
      </c>
      <c r="AV37" s="193">
        <v>3</v>
      </c>
      <c r="AW37" s="195">
        <v>0</v>
      </c>
      <c r="AX37" s="196">
        <v>5</v>
      </c>
      <c r="AY37" s="196">
        <v>10</v>
      </c>
      <c r="AZ37" s="196">
        <v>3</v>
      </c>
      <c r="BA37" s="196">
        <v>5</v>
      </c>
      <c r="BB37" s="196">
        <v>2</v>
      </c>
      <c r="BC37" s="197">
        <v>25</v>
      </c>
      <c r="BD37" s="198">
        <v>28</v>
      </c>
      <c r="BE37" s="192">
        <v>0</v>
      </c>
      <c r="BF37" s="196">
        <v>0</v>
      </c>
      <c r="BG37" s="193">
        <v>0</v>
      </c>
      <c r="BH37" s="195">
        <v>0</v>
      </c>
      <c r="BI37" s="196">
        <v>6</v>
      </c>
      <c r="BJ37" s="196">
        <v>4</v>
      </c>
      <c r="BK37" s="196">
        <v>0</v>
      </c>
      <c r="BL37" s="196">
        <v>1</v>
      </c>
      <c r="BM37" s="196">
        <v>0</v>
      </c>
      <c r="BN37" s="193">
        <v>11</v>
      </c>
      <c r="BO37" s="198">
        <v>11</v>
      </c>
      <c r="BP37" s="192">
        <v>2</v>
      </c>
      <c r="BQ37" s="196">
        <v>0</v>
      </c>
      <c r="BR37" s="193">
        <v>2</v>
      </c>
      <c r="BS37" s="195">
        <v>0</v>
      </c>
      <c r="BT37" s="196">
        <v>1</v>
      </c>
      <c r="BU37" s="196">
        <v>1</v>
      </c>
      <c r="BV37" s="196">
        <v>0</v>
      </c>
      <c r="BW37" s="196">
        <v>1</v>
      </c>
      <c r="BX37" s="196">
        <v>0</v>
      </c>
      <c r="BY37" s="193">
        <v>3</v>
      </c>
      <c r="BZ37" s="198">
        <v>5</v>
      </c>
      <c r="CA37" s="192">
        <v>0</v>
      </c>
      <c r="CB37" s="196">
        <v>0</v>
      </c>
      <c r="CC37" s="193">
        <v>0</v>
      </c>
      <c r="CD37" s="195">
        <v>0</v>
      </c>
      <c r="CE37" s="196">
        <v>0</v>
      </c>
      <c r="CF37" s="196">
        <v>1</v>
      </c>
      <c r="CG37" s="196">
        <v>0</v>
      </c>
      <c r="CH37" s="196">
        <v>0</v>
      </c>
      <c r="CI37" s="196">
        <v>0</v>
      </c>
      <c r="CJ37" s="193">
        <v>1</v>
      </c>
      <c r="CK37" s="198">
        <v>1</v>
      </c>
      <c r="CL37" s="192">
        <v>0</v>
      </c>
      <c r="CM37" s="196">
        <v>0</v>
      </c>
      <c r="CN37" s="193">
        <v>0</v>
      </c>
      <c r="CO37" s="195">
        <v>0</v>
      </c>
      <c r="CP37" s="196">
        <v>0</v>
      </c>
      <c r="CQ37" s="196">
        <v>0</v>
      </c>
      <c r="CR37" s="196">
        <v>0</v>
      </c>
      <c r="CS37" s="196">
        <v>1</v>
      </c>
      <c r="CT37" s="196">
        <v>0</v>
      </c>
      <c r="CU37" s="193">
        <v>1</v>
      </c>
      <c r="CV37" s="198">
        <v>1</v>
      </c>
      <c r="CW37" s="192">
        <v>0</v>
      </c>
      <c r="CX37" s="196">
        <v>0</v>
      </c>
      <c r="CY37" s="193">
        <v>0</v>
      </c>
      <c r="CZ37" s="195">
        <v>0</v>
      </c>
      <c r="DA37" s="196">
        <v>0</v>
      </c>
      <c r="DB37" s="196">
        <v>0</v>
      </c>
      <c r="DC37" s="196">
        <v>0</v>
      </c>
      <c r="DD37" s="196">
        <v>0</v>
      </c>
      <c r="DE37" s="196">
        <v>0</v>
      </c>
      <c r="DF37" s="193">
        <v>0</v>
      </c>
      <c r="DG37" s="198">
        <v>0</v>
      </c>
      <c r="DH37" s="192">
        <v>0</v>
      </c>
      <c r="DI37" s="196">
        <v>0</v>
      </c>
      <c r="DJ37" s="193">
        <v>0</v>
      </c>
      <c r="DK37" s="195">
        <v>0</v>
      </c>
      <c r="DL37" s="196">
        <v>0</v>
      </c>
      <c r="DM37" s="196">
        <v>0</v>
      </c>
      <c r="DN37" s="196">
        <v>0</v>
      </c>
      <c r="DO37" s="196">
        <v>0</v>
      </c>
      <c r="DP37" s="196">
        <v>0</v>
      </c>
      <c r="DQ37" s="193">
        <v>0</v>
      </c>
      <c r="DR37" s="198">
        <v>0</v>
      </c>
      <c r="DS37" s="192">
        <v>0</v>
      </c>
      <c r="DT37" s="196">
        <v>2</v>
      </c>
      <c r="DU37" s="193">
        <v>2</v>
      </c>
      <c r="DV37" s="195">
        <v>0</v>
      </c>
      <c r="DW37" s="196">
        <v>5</v>
      </c>
      <c r="DX37" s="196">
        <v>9</v>
      </c>
      <c r="DY37" s="196">
        <v>1</v>
      </c>
      <c r="DZ37" s="196">
        <v>3</v>
      </c>
      <c r="EA37" s="196">
        <v>1</v>
      </c>
      <c r="EB37" s="193">
        <v>19</v>
      </c>
      <c r="EC37" s="198">
        <v>21</v>
      </c>
      <c r="ED37" s="192">
        <v>2</v>
      </c>
      <c r="EE37" s="196">
        <v>1</v>
      </c>
      <c r="EF37" s="193">
        <v>3</v>
      </c>
      <c r="EG37" s="195">
        <v>0</v>
      </c>
      <c r="EH37" s="196">
        <v>5</v>
      </c>
      <c r="EI37" s="196">
        <v>3</v>
      </c>
      <c r="EJ37" s="196">
        <v>2</v>
      </c>
      <c r="EK37" s="196">
        <v>2</v>
      </c>
      <c r="EL37" s="196">
        <v>1</v>
      </c>
      <c r="EM37" s="193">
        <v>13</v>
      </c>
      <c r="EN37" s="198">
        <v>16</v>
      </c>
      <c r="EO37" s="192">
        <v>2</v>
      </c>
      <c r="EP37" s="196">
        <v>2</v>
      </c>
      <c r="EQ37" s="193">
        <v>4</v>
      </c>
      <c r="ER37" s="195">
        <v>0</v>
      </c>
      <c r="ES37" s="196">
        <v>12</v>
      </c>
      <c r="ET37" s="196">
        <v>11</v>
      </c>
      <c r="EU37" s="196">
        <v>1</v>
      </c>
      <c r="EV37" s="196">
        <v>4</v>
      </c>
      <c r="EW37" s="196">
        <v>1</v>
      </c>
      <c r="EX37" s="193">
        <v>29</v>
      </c>
      <c r="EY37" s="198">
        <v>33</v>
      </c>
    </row>
    <row r="38" spans="1:155" ht="19.5" customHeight="1" x14ac:dyDescent="0.2">
      <c r="A38" s="177" t="s">
        <v>36</v>
      </c>
      <c r="B38" s="192">
        <v>0</v>
      </c>
      <c r="C38" s="196">
        <v>0</v>
      </c>
      <c r="D38" s="458">
        <v>0</v>
      </c>
      <c r="E38" s="195">
        <v>0</v>
      </c>
      <c r="F38" s="196">
        <v>3</v>
      </c>
      <c r="G38" s="196">
        <v>1</v>
      </c>
      <c r="H38" s="196">
        <v>0</v>
      </c>
      <c r="I38" s="196">
        <v>0</v>
      </c>
      <c r="J38" s="196">
        <v>0</v>
      </c>
      <c r="K38" s="197">
        <v>4</v>
      </c>
      <c r="L38" s="198">
        <v>4</v>
      </c>
      <c r="M38" s="192">
        <v>0</v>
      </c>
      <c r="N38" s="196">
        <v>0</v>
      </c>
      <c r="O38" s="193">
        <v>0</v>
      </c>
      <c r="P38" s="195">
        <v>0</v>
      </c>
      <c r="Q38" s="196">
        <v>0</v>
      </c>
      <c r="R38" s="196">
        <v>0</v>
      </c>
      <c r="S38" s="196">
        <v>0</v>
      </c>
      <c r="T38" s="196">
        <v>1</v>
      </c>
      <c r="U38" s="196">
        <v>0</v>
      </c>
      <c r="V38" s="193">
        <v>1</v>
      </c>
      <c r="W38" s="198">
        <v>1</v>
      </c>
      <c r="X38" s="192">
        <v>1</v>
      </c>
      <c r="Y38" s="196">
        <v>1</v>
      </c>
      <c r="Z38" s="193">
        <v>2</v>
      </c>
      <c r="AA38" s="195">
        <v>0</v>
      </c>
      <c r="AB38" s="196">
        <v>2</v>
      </c>
      <c r="AC38" s="196">
        <v>1</v>
      </c>
      <c r="AD38" s="196">
        <v>1</v>
      </c>
      <c r="AE38" s="196">
        <v>2</v>
      </c>
      <c r="AF38" s="196">
        <v>1</v>
      </c>
      <c r="AG38" s="193">
        <v>7</v>
      </c>
      <c r="AH38" s="198">
        <v>9</v>
      </c>
      <c r="AI38" s="192">
        <v>0</v>
      </c>
      <c r="AJ38" s="196">
        <v>0</v>
      </c>
      <c r="AK38" s="193">
        <v>0</v>
      </c>
      <c r="AL38" s="195">
        <v>0</v>
      </c>
      <c r="AM38" s="196">
        <v>0</v>
      </c>
      <c r="AN38" s="196">
        <v>0</v>
      </c>
      <c r="AO38" s="196">
        <v>0</v>
      </c>
      <c r="AP38" s="196">
        <v>0</v>
      </c>
      <c r="AQ38" s="196">
        <v>0</v>
      </c>
      <c r="AR38" s="193">
        <v>0</v>
      </c>
      <c r="AS38" s="198">
        <v>0</v>
      </c>
      <c r="AT38" s="192">
        <v>0</v>
      </c>
      <c r="AU38" s="196">
        <v>0</v>
      </c>
      <c r="AV38" s="193">
        <v>0</v>
      </c>
      <c r="AW38" s="195">
        <v>0</v>
      </c>
      <c r="AX38" s="196">
        <v>1</v>
      </c>
      <c r="AY38" s="196">
        <v>1</v>
      </c>
      <c r="AZ38" s="196">
        <v>4</v>
      </c>
      <c r="BA38" s="196">
        <v>2</v>
      </c>
      <c r="BB38" s="196">
        <v>0</v>
      </c>
      <c r="BC38" s="197">
        <v>8</v>
      </c>
      <c r="BD38" s="198">
        <v>8</v>
      </c>
      <c r="BE38" s="192">
        <v>0</v>
      </c>
      <c r="BF38" s="196">
        <v>0</v>
      </c>
      <c r="BG38" s="193">
        <v>0</v>
      </c>
      <c r="BH38" s="195">
        <v>0</v>
      </c>
      <c r="BI38" s="196">
        <v>2</v>
      </c>
      <c r="BJ38" s="196">
        <v>1</v>
      </c>
      <c r="BK38" s="196">
        <v>1</v>
      </c>
      <c r="BL38" s="196">
        <v>1</v>
      </c>
      <c r="BM38" s="196">
        <v>0</v>
      </c>
      <c r="BN38" s="193">
        <v>5</v>
      </c>
      <c r="BO38" s="198">
        <v>5</v>
      </c>
      <c r="BP38" s="192">
        <v>0</v>
      </c>
      <c r="BQ38" s="196">
        <v>1</v>
      </c>
      <c r="BR38" s="193">
        <v>1</v>
      </c>
      <c r="BS38" s="195">
        <v>0</v>
      </c>
      <c r="BT38" s="196">
        <v>0</v>
      </c>
      <c r="BU38" s="196">
        <v>1</v>
      </c>
      <c r="BV38" s="196">
        <v>1</v>
      </c>
      <c r="BW38" s="196">
        <v>0</v>
      </c>
      <c r="BX38" s="196">
        <v>0</v>
      </c>
      <c r="BY38" s="193">
        <v>2</v>
      </c>
      <c r="BZ38" s="198">
        <v>3</v>
      </c>
      <c r="CA38" s="192">
        <v>0</v>
      </c>
      <c r="CB38" s="196">
        <v>0</v>
      </c>
      <c r="CC38" s="193">
        <v>0</v>
      </c>
      <c r="CD38" s="195">
        <v>0</v>
      </c>
      <c r="CE38" s="196">
        <v>0</v>
      </c>
      <c r="CF38" s="196">
        <v>0</v>
      </c>
      <c r="CG38" s="196">
        <v>1</v>
      </c>
      <c r="CH38" s="196">
        <v>1</v>
      </c>
      <c r="CI38" s="196">
        <v>0</v>
      </c>
      <c r="CJ38" s="193">
        <v>2</v>
      </c>
      <c r="CK38" s="198">
        <v>2</v>
      </c>
      <c r="CL38" s="192">
        <v>0</v>
      </c>
      <c r="CM38" s="196">
        <v>0</v>
      </c>
      <c r="CN38" s="193">
        <v>0</v>
      </c>
      <c r="CO38" s="195">
        <v>0</v>
      </c>
      <c r="CP38" s="196">
        <v>0</v>
      </c>
      <c r="CQ38" s="196">
        <v>0</v>
      </c>
      <c r="CR38" s="196">
        <v>0</v>
      </c>
      <c r="CS38" s="196">
        <v>0</v>
      </c>
      <c r="CT38" s="196">
        <v>0</v>
      </c>
      <c r="CU38" s="193">
        <v>0</v>
      </c>
      <c r="CV38" s="198">
        <v>0</v>
      </c>
      <c r="CW38" s="192">
        <v>0</v>
      </c>
      <c r="CX38" s="196">
        <v>0</v>
      </c>
      <c r="CY38" s="193">
        <v>0</v>
      </c>
      <c r="CZ38" s="195">
        <v>0</v>
      </c>
      <c r="DA38" s="196">
        <v>0</v>
      </c>
      <c r="DB38" s="196">
        <v>0</v>
      </c>
      <c r="DC38" s="196">
        <v>0</v>
      </c>
      <c r="DD38" s="196">
        <v>0</v>
      </c>
      <c r="DE38" s="196">
        <v>0</v>
      </c>
      <c r="DF38" s="193">
        <v>0</v>
      </c>
      <c r="DG38" s="198">
        <v>0</v>
      </c>
      <c r="DH38" s="192">
        <v>0</v>
      </c>
      <c r="DI38" s="196">
        <v>0</v>
      </c>
      <c r="DJ38" s="193">
        <v>0</v>
      </c>
      <c r="DK38" s="195">
        <v>0</v>
      </c>
      <c r="DL38" s="196">
        <v>0</v>
      </c>
      <c r="DM38" s="196">
        <v>0</v>
      </c>
      <c r="DN38" s="196">
        <v>0</v>
      </c>
      <c r="DO38" s="196">
        <v>0</v>
      </c>
      <c r="DP38" s="196">
        <v>0</v>
      </c>
      <c r="DQ38" s="193">
        <v>0</v>
      </c>
      <c r="DR38" s="198">
        <v>0</v>
      </c>
      <c r="DS38" s="192">
        <v>2</v>
      </c>
      <c r="DT38" s="196">
        <v>3</v>
      </c>
      <c r="DU38" s="193">
        <v>5</v>
      </c>
      <c r="DV38" s="195">
        <v>0</v>
      </c>
      <c r="DW38" s="196">
        <v>5</v>
      </c>
      <c r="DX38" s="196">
        <v>2</v>
      </c>
      <c r="DY38" s="196">
        <v>3</v>
      </c>
      <c r="DZ38" s="196">
        <v>3</v>
      </c>
      <c r="EA38" s="196">
        <v>1</v>
      </c>
      <c r="EB38" s="193">
        <v>14</v>
      </c>
      <c r="EC38" s="198">
        <v>19</v>
      </c>
      <c r="ED38" s="192">
        <v>0</v>
      </c>
      <c r="EE38" s="196">
        <v>0</v>
      </c>
      <c r="EF38" s="193">
        <v>0</v>
      </c>
      <c r="EG38" s="195">
        <v>0</v>
      </c>
      <c r="EH38" s="196">
        <v>0</v>
      </c>
      <c r="EI38" s="196">
        <v>1</v>
      </c>
      <c r="EJ38" s="196">
        <v>0</v>
      </c>
      <c r="EK38" s="196">
        <v>1</v>
      </c>
      <c r="EL38" s="196">
        <v>0</v>
      </c>
      <c r="EM38" s="193">
        <v>2</v>
      </c>
      <c r="EN38" s="198">
        <v>2</v>
      </c>
      <c r="EO38" s="192">
        <v>2</v>
      </c>
      <c r="EP38" s="196">
        <v>5</v>
      </c>
      <c r="EQ38" s="193">
        <v>7</v>
      </c>
      <c r="ER38" s="195">
        <v>0</v>
      </c>
      <c r="ES38" s="196">
        <v>8</v>
      </c>
      <c r="ET38" s="196">
        <v>2</v>
      </c>
      <c r="EU38" s="196">
        <v>4</v>
      </c>
      <c r="EV38" s="196">
        <v>2</v>
      </c>
      <c r="EW38" s="196">
        <v>1</v>
      </c>
      <c r="EX38" s="193">
        <v>17</v>
      </c>
      <c r="EY38" s="198">
        <v>24</v>
      </c>
    </row>
    <row r="39" spans="1:155" ht="19.5" customHeight="1" thickBot="1" x14ac:dyDescent="0.25">
      <c r="A39" s="178" t="s">
        <v>37</v>
      </c>
      <c r="B39" s="199">
        <v>0</v>
      </c>
      <c r="C39" s="203">
        <v>0</v>
      </c>
      <c r="D39" s="459">
        <v>0</v>
      </c>
      <c r="E39" s="202">
        <v>0</v>
      </c>
      <c r="F39" s="203">
        <v>0</v>
      </c>
      <c r="G39" s="203">
        <v>0</v>
      </c>
      <c r="H39" s="203">
        <v>0</v>
      </c>
      <c r="I39" s="203">
        <v>0</v>
      </c>
      <c r="J39" s="203">
        <v>0</v>
      </c>
      <c r="K39" s="204">
        <v>0</v>
      </c>
      <c r="L39" s="205">
        <v>0</v>
      </c>
      <c r="M39" s="199">
        <v>0</v>
      </c>
      <c r="N39" s="203">
        <v>0</v>
      </c>
      <c r="O39" s="200">
        <v>0</v>
      </c>
      <c r="P39" s="202">
        <v>0</v>
      </c>
      <c r="Q39" s="203">
        <v>0</v>
      </c>
      <c r="R39" s="203">
        <v>0</v>
      </c>
      <c r="S39" s="203">
        <v>0</v>
      </c>
      <c r="T39" s="203">
        <v>0</v>
      </c>
      <c r="U39" s="203">
        <v>0</v>
      </c>
      <c r="V39" s="200">
        <v>0</v>
      </c>
      <c r="W39" s="205">
        <v>0</v>
      </c>
      <c r="X39" s="199">
        <v>0</v>
      </c>
      <c r="Y39" s="203">
        <v>0</v>
      </c>
      <c r="Z39" s="200">
        <v>0</v>
      </c>
      <c r="AA39" s="202">
        <v>0</v>
      </c>
      <c r="AB39" s="203">
        <v>1</v>
      </c>
      <c r="AC39" s="203">
        <v>0</v>
      </c>
      <c r="AD39" s="203">
        <v>0</v>
      </c>
      <c r="AE39" s="203">
        <v>0</v>
      </c>
      <c r="AF39" s="203">
        <v>0</v>
      </c>
      <c r="AG39" s="200">
        <v>1</v>
      </c>
      <c r="AH39" s="205">
        <v>1</v>
      </c>
      <c r="AI39" s="199">
        <v>0</v>
      </c>
      <c r="AJ39" s="203">
        <v>0</v>
      </c>
      <c r="AK39" s="200">
        <v>0</v>
      </c>
      <c r="AL39" s="202">
        <v>0</v>
      </c>
      <c r="AM39" s="203">
        <v>1</v>
      </c>
      <c r="AN39" s="203">
        <v>0</v>
      </c>
      <c r="AO39" s="203">
        <v>0</v>
      </c>
      <c r="AP39" s="203">
        <v>0</v>
      </c>
      <c r="AQ39" s="203">
        <v>0</v>
      </c>
      <c r="AR39" s="200">
        <v>1</v>
      </c>
      <c r="AS39" s="205">
        <v>1</v>
      </c>
      <c r="AT39" s="199">
        <v>0</v>
      </c>
      <c r="AU39" s="203">
        <v>0</v>
      </c>
      <c r="AV39" s="200">
        <v>0</v>
      </c>
      <c r="AW39" s="202">
        <v>0</v>
      </c>
      <c r="AX39" s="203">
        <v>0</v>
      </c>
      <c r="AY39" s="203">
        <v>0</v>
      </c>
      <c r="AZ39" s="203">
        <v>0</v>
      </c>
      <c r="BA39" s="203">
        <v>0</v>
      </c>
      <c r="BB39" s="203">
        <v>1</v>
      </c>
      <c r="BC39" s="204">
        <v>1</v>
      </c>
      <c r="BD39" s="205">
        <v>1</v>
      </c>
      <c r="BE39" s="199">
        <v>0</v>
      </c>
      <c r="BF39" s="203">
        <v>0</v>
      </c>
      <c r="BG39" s="200">
        <v>0</v>
      </c>
      <c r="BH39" s="202">
        <v>0</v>
      </c>
      <c r="BI39" s="203">
        <v>1</v>
      </c>
      <c r="BJ39" s="203">
        <v>1</v>
      </c>
      <c r="BK39" s="203">
        <v>0</v>
      </c>
      <c r="BL39" s="203">
        <v>0</v>
      </c>
      <c r="BM39" s="203">
        <v>0</v>
      </c>
      <c r="BN39" s="200">
        <v>2</v>
      </c>
      <c r="BO39" s="205">
        <v>2</v>
      </c>
      <c r="BP39" s="199">
        <v>0</v>
      </c>
      <c r="BQ39" s="203">
        <v>0</v>
      </c>
      <c r="BR39" s="200">
        <v>0</v>
      </c>
      <c r="BS39" s="202">
        <v>0</v>
      </c>
      <c r="BT39" s="203">
        <v>0</v>
      </c>
      <c r="BU39" s="203">
        <v>1</v>
      </c>
      <c r="BV39" s="203">
        <v>0</v>
      </c>
      <c r="BW39" s="203">
        <v>0</v>
      </c>
      <c r="BX39" s="203">
        <v>0</v>
      </c>
      <c r="BY39" s="200">
        <v>1</v>
      </c>
      <c r="BZ39" s="205">
        <v>1</v>
      </c>
      <c r="CA39" s="199">
        <v>0</v>
      </c>
      <c r="CB39" s="203">
        <v>0</v>
      </c>
      <c r="CC39" s="200">
        <v>0</v>
      </c>
      <c r="CD39" s="202">
        <v>0</v>
      </c>
      <c r="CE39" s="203">
        <v>0</v>
      </c>
      <c r="CF39" s="203">
        <v>0</v>
      </c>
      <c r="CG39" s="203">
        <v>0</v>
      </c>
      <c r="CH39" s="203">
        <v>0</v>
      </c>
      <c r="CI39" s="203">
        <v>0</v>
      </c>
      <c r="CJ39" s="200">
        <v>0</v>
      </c>
      <c r="CK39" s="205">
        <v>0</v>
      </c>
      <c r="CL39" s="199">
        <v>0</v>
      </c>
      <c r="CM39" s="203">
        <v>0</v>
      </c>
      <c r="CN39" s="200">
        <v>0</v>
      </c>
      <c r="CO39" s="202">
        <v>0</v>
      </c>
      <c r="CP39" s="203">
        <v>0</v>
      </c>
      <c r="CQ39" s="203">
        <v>0</v>
      </c>
      <c r="CR39" s="203">
        <v>0</v>
      </c>
      <c r="CS39" s="203">
        <v>0</v>
      </c>
      <c r="CT39" s="203">
        <v>0</v>
      </c>
      <c r="CU39" s="200">
        <v>0</v>
      </c>
      <c r="CV39" s="205">
        <v>0</v>
      </c>
      <c r="CW39" s="199">
        <v>0</v>
      </c>
      <c r="CX39" s="203">
        <v>0</v>
      </c>
      <c r="CY39" s="200">
        <v>0</v>
      </c>
      <c r="CZ39" s="202">
        <v>0</v>
      </c>
      <c r="DA39" s="203">
        <v>0</v>
      </c>
      <c r="DB39" s="203">
        <v>0</v>
      </c>
      <c r="DC39" s="203">
        <v>0</v>
      </c>
      <c r="DD39" s="203">
        <v>0</v>
      </c>
      <c r="DE39" s="203">
        <v>0</v>
      </c>
      <c r="DF39" s="200">
        <v>0</v>
      </c>
      <c r="DG39" s="205">
        <v>0</v>
      </c>
      <c r="DH39" s="199">
        <v>0</v>
      </c>
      <c r="DI39" s="203">
        <v>0</v>
      </c>
      <c r="DJ39" s="200">
        <v>0</v>
      </c>
      <c r="DK39" s="202">
        <v>0</v>
      </c>
      <c r="DL39" s="203">
        <v>0</v>
      </c>
      <c r="DM39" s="203">
        <v>0</v>
      </c>
      <c r="DN39" s="203">
        <v>0</v>
      </c>
      <c r="DO39" s="203">
        <v>0</v>
      </c>
      <c r="DP39" s="203">
        <v>0</v>
      </c>
      <c r="DQ39" s="200">
        <v>0</v>
      </c>
      <c r="DR39" s="205">
        <v>0</v>
      </c>
      <c r="DS39" s="199">
        <v>0</v>
      </c>
      <c r="DT39" s="203">
        <v>0</v>
      </c>
      <c r="DU39" s="200">
        <v>0</v>
      </c>
      <c r="DV39" s="202">
        <v>0</v>
      </c>
      <c r="DW39" s="203">
        <v>1</v>
      </c>
      <c r="DX39" s="203">
        <v>2</v>
      </c>
      <c r="DY39" s="203">
        <v>0</v>
      </c>
      <c r="DZ39" s="203">
        <v>0</v>
      </c>
      <c r="EA39" s="203">
        <v>0</v>
      </c>
      <c r="EB39" s="200">
        <v>3</v>
      </c>
      <c r="EC39" s="205">
        <v>3</v>
      </c>
      <c r="ED39" s="199">
        <v>0</v>
      </c>
      <c r="EE39" s="203">
        <v>0</v>
      </c>
      <c r="EF39" s="200">
        <v>0</v>
      </c>
      <c r="EG39" s="202">
        <v>0</v>
      </c>
      <c r="EH39" s="203">
        <v>0</v>
      </c>
      <c r="EI39" s="203">
        <v>0</v>
      </c>
      <c r="EJ39" s="203">
        <v>0</v>
      </c>
      <c r="EK39" s="203">
        <v>0</v>
      </c>
      <c r="EL39" s="203">
        <v>1</v>
      </c>
      <c r="EM39" s="200">
        <v>1</v>
      </c>
      <c r="EN39" s="205">
        <v>1</v>
      </c>
      <c r="EO39" s="199">
        <v>0</v>
      </c>
      <c r="EP39" s="203">
        <v>0</v>
      </c>
      <c r="EQ39" s="200">
        <v>0</v>
      </c>
      <c r="ER39" s="202">
        <v>0</v>
      </c>
      <c r="ES39" s="203">
        <v>2</v>
      </c>
      <c r="ET39" s="203">
        <v>2</v>
      </c>
      <c r="EU39" s="203">
        <v>0</v>
      </c>
      <c r="EV39" s="203">
        <v>0</v>
      </c>
      <c r="EW39" s="203">
        <v>0</v>
      </c>
      <c r="EX39" s="200">
        <v>4</v>
      </c>
      <c r="EY39" s="205">
        <v>4</v>
      </c>
    </row>
  </sheetData>
  <mergeCells count="59">
    <mergeCell ref="CK4:CK5"/>
    <mergeCell ref="CL4:CN4"/>
    <mergeCell ref="CO4:CU4"/>
    <mergeCell ref="EY4:EY5"/>
    <mergeCell ref="CW4:CY4"/>
    <mergeCell ref="CZ4:DF4"/>
    <mergeCell ref="DG4:DG5"/>
    <mergeCell ref="DS4:DU4"/>
    <mergeCell ref="DV4:EB4"/>
    <mergeCell ref="EC4:EC5"/>
    <mergeCell ref="ED4:EF4"/>
    <mergeCell ref="EG4:EM4"/>
    <mergeCell ref="EN4:EN5"/>
    <mergeCell ref="EO4:EQ4"/>
    <mergeCell ref="ER4:EX4"/>
    <mergeCell ref="DH4:DJ4"/>
    <mergeCell ref="CA4:CC4"/>
    <mergeCell ref="CD4:CJ4"/>
    <mergeCell ref="AI4:AK4"/>
    <mergeCell ref="AL4:AR4"/>
    <mergeCell ref="AS4:AS5"/>
    <mergeCell ref="AT4:AV4"/>
    <mergeCell ref="AW4:BC4"/>
    <mergeCell ref="DS3:EC3"/>
    <mergeCell ref="ED3:EN3"/>
    <mergeCell ref="EO3:EY3"/>
    <mergeCell ref="CA3:CK3"/>
    <mergeCell ref="CL3:CV3"/>
    <mergeCell ref="DH3:DR3"/>
    <mergeCell ref="A3:A5"/>
    <mergeCell ref="B3:L3"/>
    <mergeCell ref="M3:W3"/>
    <mergeCell ref="W4:W5"/>
    <mergeCell ref="AI3:AS3"/>
    <mergeCell ref="X3:AH3"/>
    <mergeCell ref="X4:Z4"/>
    <mergeCell ref="AA4:AG4"/>
    <mergeCell ref="AH4:AH5"/>
    <mergeCell ref="B4:D4"/>
    <mergeCell ref="E4:K4"/>
    <mergeCell ref="L4:L5"/>
    <mergeCell ref="M4:O4"/>
    <mergeCell ref="P4:V4"/>
    <mergeCell ref="DK4:DQ4"/>
    <mergeCell ref="DR4:DR5"/>
    <mergeCell ref="H1:I1"/>
    <mergeCell ref="K1:L1"/>
    <mergeCell ref="AT3:BD3"/>
    <mergeCell ref="BE3:BO3"/>
    <mergeCell ref="BP3:BZ3"/>
    <mergeCell ref="BD4:BD5"/>
    <mergeCell ref="CW3:DG3"/>
    <mergeCell ref="CV4:CV5"/>
    <mergeCell ref="BE4:BG4"/>
    <mergeCell ref="BH4:BN4"/>
    <mergeCell ref="BO4:BO5"/>
    <mergeCell ref="BP4:BR4"/>
    <mergeCell ref="BS4:BY4"/>
    <mergeCell ref="BZ4:BZ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171"/>
    <col min="4" max="4" width="10.33203125" style="171" customWidth="1"/>
    <col min="5" max="5" width="7.6640625" style="171" customWidth="1"/>
    <col min="6" max="6" width="10.21875" style="171" customWidth="1"/>
    <col min="7" max="7" width="10.44140625" style="171" customWidth="1"/>
    <col min="8" max="15" width="9" style="171"/>
    <col min="16" max="16" width="7.21875" style="171" customWidth="1"/>
    <col min="17" max="26" width="9" style="171"/>
    <col min="27" max="27" width="7.6640625" style="171" customWidth="1"/>
    <col min="28" max="37" width="9" style="171"/>
    <col min="38" max="38" width="7.6640625" style="171" customWidth="1"/>
    <col min="39" max="48" width="9" style="171"/>
    <col min="49" max="49" width="7.21875" style="171" customWidth="1"/>
    <col min="50" max="59" width="9" style="171"/>
    <col min="60" max="60" width="7.21875" style="171" customWidth="1"/>
    <col min="61" max="70" width="9" style="171"/>
    <col min="71" max="71" width="7.33203125" style="171" customWidth="1"/>
    <col min="72" max="81" width="9" style="171"/>
    <col min="82" max="82" width="7.44140625" style="171" customWidth="1"/>
    <col min="83" max="92" width="9" style="171"/>
    <col min="93" max="93" width="7.6640625" style="171" customWidth="1"/>
    <col min="94" max="103" width="9" style="171"/>
    <col min="104" max="104" width="7.44140625" style="171" customWidth="1"/>
    <col min="105" max="114" width="9" style="171"/>
    <col min="115" max="115" width="7.44140625" style="171" customWidth="1"/>
    <col min="116" max="125" width="9" style="171"/>
    <col min="126" max="126" width="7.44140625" style="171" customWidth="1"/>
    <col min="127" max="136" width="9" style="171"/>
    <col min="137" max="137" width="7.33203125" style="171" customWidth="1"/>
    <col min="138" max="147" width="9" style="171"/>
    <col min="148" max="148" width="7.77734375" style="171" customWidth="1"/>
    <col min="149" max="16384" width="9" style="171"/>
  </cols>
  <sheetData>
    <row r="1" spans="1:155" ht="24" customHeight="1" x14ac:dyDescent="0.2">
      <c r="A1" s="206" t="s">
        <v>122</v>
      </c>
      <c r="H1" s="487">
        <f>第１表!F2</f>
        <v>4</v>
      </c>
      <c r="I1" s="487"/>
      <c r="J1" s="163">
        <f>第１表!G2</f>
        <v>1</v>
      </c>
      <c r="K1" s="488">
        <f>IF(J1&lt;3,J1+12-2,J1-2)</f>
        <v>11</v>
      </c>
      <c r="L1" s="488"/>
    </row>
    <row r="2" spans="1:155" ht="21" customHeight="1" thickBot="1" x14ac:dyDescent="0.25">
      <c r="A2" s="206" t="s">
        <v>154</v>
      </c>
      <c r="F2" s="162"/>
      <c r="G2" s="163"/>
      <c r="I2" s="232"/>
      <c r="J2" s="232"/>
    </row>
    <row r="3" spans="1:155" ht="23.25" customHeight="1" thickBot="1" x14ac:dyDescent="0.25">
      <c r="A3" s="501"/>
      <c r="B3" s="492" t="s">
        <v>70</v>
      </c>
      <c r="C3" s="493"/>
      <c r="D3" s="493"/>
      <c r="E3" s="493"/>
      <c r="F3" s="493"/>
      <c r="G3" s="493"/>
      <c r="H3" s="493"/>
      <c r="I3" s="493"/>
      <c r="J3" s="493"/>
      <c r="K3" s="493"/>
      <c r="L3" s="494"/>
      <c r="M3" s="492" t="s">
        <v>71</v>
      </c>
      <c r="N3" s="493"/>
      <c r="O3" s="493"/>
      <c r="P3" s="493"/>
      <c r="Q3" s="493"/>
      <c r="R3" s="493"/>
      <c r="S3" s="493"/>
      <c r="T3" s="493"/>
      <c r="U3" s="493"/>
      <c r="V3" s="493"/>
      <c r="W3" s="494"/>
      <c r="X3" s="492" t="s">
        <v>72</v>
      </c>
      <c r="Y3" s="493"/>
      <c r="Z3" s="493"/>
      <c r="AA3" s="493"/>
      <c r="AB3" s="493"/>
      <c r="AC3" s="493"/>
      <c r="AD3" s="493"/>
      <c r="AE3" s="493"/>
      <c r="AF3" s="493"/>
      <c r="AG3" s="493"/>
      <c r="AH3" s="494"/>
      <c r="AI3" s="492" t="s">
        <v>73</v>
      </c>
      <c r="AJ3" s="493"/>
      <c r="AK3" s="493"/>
      <c r="AL3" s="493"/>
      <c r="AM3" s="493"/>
      <c r="AN3" s="493"/>
      <c r="AO3" s="493"/>
      <c r="AP3" s="493"/>
      <c r="AQ3" s="493"/>
      <c r="AR3" s="493"/>
      <c r="AS3" s="494"/>
      <c r="AT3" s="492" t="s">
        <v>74</v>
      </c>
      <c r="AU3" s="493"/>
      <c r="AV3" s="493"/>
      <c r="AW3" s="493"/>
      <c r="AX3" s="493"/>
      <c r="AY3" s="493"/>
      <c r="AZ3" s="493"/>
      <c r="BA3" s="493"/>
      <c r="BB3" s="493"/>
      <c r="BC3" s="493"/>
      <c r="BD3" s="494"/>
      <c r="BE3" s="492" t="s">
        <v>75</v>
      </c>
      <c r="BF3" s="493"/>
      <c r="BG3" s="493"/>
      <c r="BH3" s="493"/>
      <c r="BI3" s="493"/>
      <c r="BJ3" s="493"/>
      <c r="BK3" s="493"/>
      <c r="BL3" s="493"/>
      <c r="BM3" s="493"/>
      <c r="BN3" s="493"/>
      <c r="BO3" s="494"/>
      <c r="BP3" s="492" t="s">
        <v>76</v>
      </c>
      <c r="BQ3" s="493"/>
      <c r="BR3" s="493"/>
      <c r="BS3" s="493"/>
      <c r="BT3" s="493"/>
      <c r="BU3" s="493"/>
      <c r="BV3" s="493"/>
      <c r="BW3" s="493"/>
      <c r="BX3" s="493"/>
      <c r="BY3" s="493"/>
      <c r="BZ3" s="494"/>
      <c r="CA3" s="492" t="s">
        <v>77</v>
      </c>
      <c r="CB3" s="493"/>
      <c r="CC3" s="493"/>
      <c r="CD3" s="493"/>
      <c r="CE3" s="493"/>
      <c r="CF3" s="493"/>
      <c r="CG3" s="493"/>
      <c r="CH3" s="493"/>
      <c r="CI3" s="493"/>
      <c r="CJ3" s="493"/>
      <c r="CK3" s="494"/>
      <c r="CL3" s="492" t="s">
        <v>78</v>
      </c>
      <c r="CM3" s="493"/>
      <c r="CN3" s="493"/>
      <c r="CO3" s="493"/>
      <c r="CP3" s="493"/>
      <c r="CQ3" s="493"/>
      <c r="CR3" s="493"/>
      <c r="CS3" s="493"/>
      <c r="CT3" s="493"/>
      <c r="CU3" s="493"/>
      <c r="CV3" s="494"/>
      <c r="CW3" s="492" t="s">
        <v>79</v>
      </c>
      <c r="CX3" s="493"/>
      <c r="CY3" s="493"/>
      <c r="CZ3" s="493"/>
      <c r="DA3" s="493"/>
      <c r="DB3" s="493"/>
      <c r="DC3" s="493"/>
      <c r="DD3" s="493"/>
      <c r="DE3" s="493"/>
      <c r="DF3" s="493"/>
      <c r="DG3" s="494"/>
      <c r="DH3" s="492" t="s">
        <v>152</v>
      </c>
      <c r="DI3" s="493"/>
      <c r="DJ3" s="493"/>
      <c r="DK3" s="493"/>
      <c r="DL3" s="493"/>
      <c r="DM3" s="493"/>
      <c r="DN3" s="493"/>
      <c r="DO3" s="493"/>
      <c r="DP3" s="493"/>
      <c r="DQ3" s="493"/>
      <c r="DR3" s="494"/>
      <c r="DS3" s="492" t="s">
        <v>80</v>
      </c>
      <c r="DT3" s="493"/>
      <c r="DU3" s="493"/>
      <c r="DV3" s="493"/>
      <c r="DW3" s="493"/>
      <c r="DX3" s="493"/>
      <c r="DY3" s="493"/>
      <c r="DZ3" s="493"/>
      <c r="EA3" s="493"/>
      <c r="EB3" s="493"/>
      <c r="EC3" s="494"/>
      <c r="ED3" s="492" t="s">
        <v>68</v>
      </c>
      <c r="EE3" s="493"/>
      <c r="EF3" s="493"/>
      <c r="EG3" s="493"/>
      <c r="EH3" s="493"/>
      <c r="EI3" s="493"/>
      <c r="EJ3" s="493"/>
      <c r="EK3" s="493"/>
      <c r="EL3" s="493"/>
      <c r="EM3" s="493"/>
      <c r="EN3" s="494"/>
      <c r="EO3" s="489" t="s">
        <v>69</v>
      </c>
      <c r="EP3" s="490"/>
      <c r="EQ3" s="490"/>
      <c r="ER3" s="490"/>
      <c r="ES3" s="490"/>
      <c r="ET3" s="490"/>
      <c r="EU3" s="490"/>
      <c r="EV3" s="490"/>
      <c r="EW3" s="490"/>
      <c r="EX3" s="490"/>
      <c r="EY3" s="491"/>
    </row>
    <row r="4" spans="1:155" ht="22.5" customHeight="1" x14ac:dyDescent="0.2">
      <c r="A4" s="502"/>
      <c r="B4" s="500" t="s">
        <v>61</v>
      </c>
      <c r="C4" s="496"/>
      <c r="D4" s="497"/>
      <c r="E4" s="495" t="s">
        <v>62</v>
      </c>
      <c r="F4" s="496"/>
      <c r="G4" s="496"/>
      <c r="H4" s="496"/>
      <c r="I4" s="496"/>
      <c r="J4" s="496"/>
      <c r="K4" s="504"/>
      <c r="L4" s="498" t="s">
        <v>52</v>
      </c>
      <c r="M4" s="500" t="s">
        <v>61</v>
      </c>
      <c r="N4" s="496"/>
      <c r="O4" s="497"/>
      <c r="P4" s="495" t="s">
        <v>62</v>
      </c>
      <c r="Q4" s="496"/>
      <c r="R4" s="496"/>
      <c r="S4" s="496"/>
      <c r="T4" s="496"/>
      <c r="U4" s="496"/>
      <c r="V4" s="497"/>
      <c r="W4" s="498" t="s">
        <v>52</v>
      </c>
      <c r="X4" s="500" t="s">
        <v>61</v>
      </c>
      <c r="Y4" s="496"/>
      <c r="Z4" s="497"/>
      <c r="AA4" s="495" t="s">
        <v>62</v>
      </c>
      <c r="AB4" s="496"/>
      <c r="AC4" s="496"/>
      <c r="AD4" s="496"/>
      <c r="AE4" s="496"/>
      <c r="AF4" s="496"/>
      <c r="AG4" s="497"/>
      <c r="AH4" s="498" t="s">
        <v>52</v>
      </c>
      <c r="AI4" s="500" t="s">
        <v>61</v>
      </c>
      <c r="AJ4" s="496"/>
      <c r="AK4" s="497"/>
      <c r="AL4" s="495" t="s">
        <v>62</v>
      </c>
      <c r="AM4" s="496"/>
      <c r="AN4" s="496"/>
      <c r="AO4" s="496"/>
      <c r="AP4" s="496"/>
      <c r="AQ4" s="496"/>
      <c r="AR4" s="497"/>
      <c r="AS4" s="498" t="s">
        <v>52</v>
      </c>
      <c r="AT4" s="500" t="s">
        <v>61</v>
      </c>
      <c r="AU4" s="496"/>
      <c r="AV4" s="497"/>
      <c r="AW4" s="495" t="s">
        <v>62</v>
      </c>
      <c r="AX4" s="496"/>
      <c r="AY4" s="496"/>
      <c r="AZ4" s="496"/>
      <c r="BA4" s="496"/>
      <c r="BB4" s="496"/>
      <c r="BC4" s="504"/>
      <c r="BD4" s="498" t="s">
        <v>52</v>
      </c>
      <c r="BE4" s="500" t="s">
        <v>61</v>
      </c>
      <c r="BF4" s="496"/>
      <c r="BG4" s="497"/>
      <c r="BH4" s="495" t="s">
        <v>62</v>
      </c>
      <c r="BI4" s="496"/>
      <c r="BJ4" s="496"/>
      <c r="BK4" s="496"/>
      <c r="BL4" s="496"/>
      <c r="BM4" s="496"/>
      <c r="BN4" s="497"/>
      <c r="BO4" s="498" t="s">
        <v>52</v>
      </c>
      <c r="BP4" s="500" t="s">
        <v>61</v>
      </c>
      <c r="BQ4" s="496"/>
      <c r="BR4" s="497"/>
      <c r="BS4" s="495" t="s">
        <v>62</v>
      </c>
      <c r="BT4" s="496"/>
      <c r="BU4" s="496"/>
      <c r="BV4" s="496"/>
      <c r="BW4" s="496"/>
      <c r="BX4" s="496"/>
      <c r="BY4" s="497"/>
      <c r="BZ4" s="498" t="s">
        <v>52</v>
      </c>
      <c r="CA4" s="500" t="s">
        <v>61</v>
      </c>
      <c r="CB4" s="496"/>
      <c r="CC4" s="497"/>
      <c r="CD4" s="495" t="s">
        <v>62</v>
      </c>
      <c r="CE4" s="496"/>
      <c r="CF4" s="496"/>
      <c r="CG4" s="496"/>
      <c r="CH4" s="496"/>
      <c r="CI4" s="496"/>
      <c r="CJ4" s="497"/>
      <c r="CK4" s="498" t="s">
        <v>52</v>
      </c>
      <c r="CL4" s="500" t="s">
        <v>61</v>
      </c>
      <c r="CM4" s="496"/>
      <c r="CN4" s="497"/>
      <c r="CO4" s="495" t="s">
        <v>62</v>
      </c>
      <c r="CP4" s="496"/>
      <c r="CQ4" s="496"/>
      <c r="CR4" s="496"/>
      <c r="CS4" s="496"/>
      <c r="CT4" s="496"/>
      <c r="CU4" s="497"/>
      <c r="CV4" s="498" t="s">
        <v>52</v>
      </c>
      <c r="CW4" s="500" t="s">
        <v>61</v>
      </c>
      <c r="CX4" s="496"/>
      <c r="CY4" s="497"/>
      <c r="CZ4" s="495" t="s">
        <v>62</v>
      </c>
      <c r="DA4" s="496"/>
      <c r="DB4" s="496"/>
      <c r="DC4" s="496"/>
      <c r="DD4" s="496"/>
      <c r="DE4" s="496"/>
      <c r="DF4" s="497"/>
      <c r="DG4" s="498" t="s">
        <v>52</v>
      </c>
      <c r="DH4" s="500" t="s">
        <v>61</v>
      </c>
      <c r="DI4" s="496"/>
      <c r="DJ4" s="497"/>
      <c r="DK4" s="495" t="s">
        <v>62</v>
      </c>
      <c r="DL4" s="496"/>
      <c r="DM4" s="496"/>
      <c r="DN4" s="496"/>
      <c r="DO4" s="496"/>
      <c r="DP4" s="496"/>
      <c r="DQ4" s="497"/>
      <c r="DR4" s="498" t="s">
        <v>52</v>
      </c>
      <c r="DS4" s="500" t="s">
        <v>61</v>
      </c>
      <c r="DT4" s="496"/>
      <c r="DU4" s="497"/>
      <c r="DV4" s="495" t="s">
        <v>62</v>
      </c>
      <c r="DW4" s="496"/>
      <c r="DX4" s="496"/>
      <c r="DY4" s="496"/>
      <c r="DZ4" s="496"/>
      <c r="EA4" s="496"/>
      <c r="EB4" s="497"/>
      <c r="EC4" s="498" t="s">
        <v>52</v>
      </c>
      <c r="ED4" s="500" t="s">
        <v>61</v>
      </c>
      <c r="EE4" s="496"/>
      <c r="EF4" s="497"/>
      <c r="EG4" s="495" t="s">
        <v>62</v>
      </c>
      <c r="EH4" s="496"/>
      <c r="EI4" s="496"/>
      <c r="EJ4" s="496"/>
      <c r="EK4" s="496"/>
      <c r="EL4" s="496"/>
      <c r="EM4" s="497"/>
      <c r="EN4" s="498" t="s">
        <v>52</v>
      </c>
      <c r="EO4" s="500" t="s">
        <v>61</v>
      </c>
      <c r="EP4" s="496"/>
      <c r="EQ4" s="497"/>
      <c r="ER4" s="495" t="s">
        <v>62</v>
      </c>
      <c r="ES4" s="496"/>
      <c r="ET4" s="496"/>
      <c r="EU4" s="496"/>
      <c r="EV4" s="496"/>
      <c r="EW4" s="496"/>
      <c r="EX4" s="497"/>
      <c r="EY4" s="498" t="s">
        <v>52</v>
      </c>
    </row>
    <row r="5" spans="1:155" ht="34.5" customHeight="1" thickBot="1" x14ac:dyDescent="0.25">
      <c r="A5" s="503"/>
      <c r="B5" s="233" t="s">
        <v>43</v>
      </c>
      <c r="C5" s="175" t="s">
        <v>44</v>
      </c>
      <c r="D5" s="456" t="s">
        <v>45</v>
      </c>
      <c r="E5" s="183" t="s">
        <v>83</v>
      </c>
      <c r="F5" s="175" t="s">
        <v>47</v>
      </c>
      <c r="G5" s="175" t="s">
        <v>48</v>
      </c>
      <c r="H5" s="175" t="s">
        <v>49</v>
      </c>
      <c r="I5" s="175" t="s">
        <v>50</v>
      </c>
      <c r="J5" s="175" t="s">
        <v>51</v>
      </c>
      <c r="K5" s="184" t="s">
        <v>45</v>
      </c>
      <c r="L5" s="499"/>
      <c r="M5" s="233" t="s">
        <v>43</v>
      </c>
      <c r="N5" s="175" t="s">
        <v>44</v>
      </c>
      <c r="O5" s="181" t="s">
        <v>45</v>
      </c>
      <c r="P5" s="183" t="s">
        <v>83</v>
      </c>
      <c r="Q5" s="175" t="s">
        <v>47</v>
      </c>
      <c r="R5" s="175" t="s">
        <v>48</v>
      </c>
      <c r="S5" s="175" t="s">
        <v>49</v>
      </c>
      <c r="T5" s="175" t="s">
        <v>50</v>
      </c>
      <c r="U5" s="175" t="s">
        <v>51</v>
      </c>
      <c r="V5" s="181" t="s">
        <v>45</v>
      </c>
      <c r="W5" s="499"/>
      <c r="X5" s="233" t="s">
        <v>43</v>
      </c>
      <c r="Y5" s="175" t="s">
        <v>44</v>
      </c>
      <c r="Z5" s="181" t="s">
        <v>45</v>
      </c>
      <c r="AA5" s="183" t="s">
        <v>83</v>
      </c>
      <c r="AB5" s="175" t="s">
        <v>47</v>
      </c>
      <c r="AC5" s="175" t="s">
        <v>48</v>
      </c>
      <c r="AD5" s="175" t="s">
        <v>49</v>
      </c>
      <c r="AE5" s="175" t="s">
        <v>50</v>
      </c>
      <c r="AF5" s="175" t="s">
        <v>51</v>
      </c>
      <c r="AG5" s="181" t="s">
        <v>45</v>
      </c>
      <c r="AH5" s="499"/>
      <c r="AI5" s="233" t="s">
        <v>43</v>
      </c>
      <c r="AJ5" s="175" t="s">
        <v>44</v>
      </c>
      <c r="AK5" s="181" t="s">
        <v>45</v>
      </c>
      <c r="AL5" s="183" t="s">
        <v>83</v>
      </c>
      <c r="AM5" s="175" t="s">
        <v>47</v>
      </c>
      <c r="AN5" s="175" t="s">
        <v>48</v>
      </c>
      <c r="AO5" s="175" t="s">
        <v>49</v>
      </c>
      <c r="AP5" s="175" t="s">
        <v>50</v>
      </c>
      <c r="AQ5" s="175" t="s">
        <v>51</v>
      </c>
      <c r="AR5" s="181" t="s">
        <v>45</v>
      </c>
      <c r="AS5" s="499"/>
      <c r="AT5" s="233" t="s">
        <v>43</v>
      </c>
      <c r="AU5" s="175" t="s">
        <v>44</v>
      </c>
      <c r="AV5" s="181" t="s">
        <v>45</v>
      </c>
      <c r="AW5" s="183" t="s">
        <v>83</v>
      </c>
      <c r="AX5" s="175" t="s">
        <v>47</v>
      </c>
      <c r="AY5" s="175" t="s">
        <v>48</v>
      </c>
      <c r="AZ5" s="175" t="s">
        <v>49</v>
      </c>
      <c r="BA5" s="175" t="s">
        <v>50</v>
      </c>
      <c r="BB5" s="175" t="s">
        <v>51</v>
      </c>
      <c r="BC5" s="184" t="s">
        <v>45</v>
      </c>
      <c r="BD5" s="499"/>
      <c r="BE5" s="233" t="s">
        <v>43</v>
      </c>
      <c r="BF5" s="175" t="s">
        <v>44</v>
      </c>
      <c r="BG5" s="181" t="s">
        <v>45</v>
      </c>
      <c r="BH5" s="183" t="s">
        <v>83</v>
      </c>
      <c r="BI5" s="175" t="s">
        <v>47</v>
      </c>
      <c r="BJ5" s="175" t="s">
        <v>48</v>
      </c>
      <c r="BK5" s="175" t="s">
        <v>49</v>
      </c>
      <c r="BL5" s="175" t="s">
        <v>50</v>
      </c>
      <c r="BM5" s="175" t="s">
        <v>51</v>
      </c>
      <c r="BN5" s="181" t="s">
        <v>45</v>
      </c>
      <c r="BO5" s="499"/>
      <c r="BP5" s="233" t="s">
        <v>43</v>
      </c>
      <c r="BQ5" s="175" t="s">
        <v>44</v>
      </c>
      <c r="BR5" s="181" t="s">
        <v>45</v>
      </c>
      <c r="BS5" s="183" t="s">
        <v>83</v>
      </c>
      <c r="BT5" s="175" t="s">
        <v>47</v>
      </c>
      <c r="BU5" s="175" t="s">
        <v>48</v>
      </c>
      <c r="BV5" s="175" t="s">
        <v>49</v>
      </c>
      <c r="BW5" s="175" t="s">
        <v>50</v>
      </c>
      <c r="BX5" s="175" t="s">
        <v>51</v>
      </c>
      <c r="BY5" s="181" t="s">
        <v>45</v>
      </c>
      <c r="BZ5" s="499"/>
      <c r="CA5" s="233" t="s">
        <v>43</v>
      </c>
      <c r="CB5" s="175" t="s">
        <v>44</v>
      </c>
      <c r="CC5" s="181" t="s">
        <v>45</v>
      </c>
      <c r="CD5" s="183" t="s">
        <v>83</v>
      </c>
      <c r="CE5" s="175" t="s">
        <v>47</v>
      </c>
      <c r="CF5" s="175" t="s">
        <v>48</v>
      </c>
      <c r="CG5" s="175" t="s">
        <v>49</v>
      </c>
      <c r="CH5" s="175" t="s">
        <v>50</v>
      </c>
      <c r="CI5" s="175" t="s">
        <v>51</v>
      </c>
      <c r="CJ5" s="181" t="s">
        <v>45</v>
      </c>
      <c r="CK5" s="499"/>
      <c r="CL5" s="233" t="s">
        <v>43</v>
      </c>
      <c r="CM5" s="175" t="s">
        <v>44</v>
      </c>
      <c r="CN5" s="181" t="s">
        <v>45</v>
      </c>
      <c r="CO5" s="183" t="s">
        <v>83</v>
      </c>
      <c r="CP5" s="175" t="s">
        <v>47</v>
      </c>
      <c r="CQ5" s="175" t="s">
        <v>48</v>
      </c>
      <c r="CR5" s="175" t="s">
        <v>49</v>
      </c>
      <c r="CS5" s="175" t="s">
        <v>50</v>
      </c>
      <c r="CT5" s="175" t="s">
        <v>51</v>
      </c>
      <c r="CU5" s="181" t="s">
        <v>45</v>
      </c>
      <c r="CV5" s="499"/>
      <c r="CW5" s="233" t="s">
        <v>43</v>
      </c>
      <c r="CX5" s="175" t="s">
        <v>44</v>
      </c>
      <c r="CY5" s="181" t="s">
        <v>45</v>
      </c>
      <c r="CZ5" s="183" t="s">
        <v>83</v>
      </c>
      <c r="DA5" s="175" t="s">
        <v>47</v>
      </c>
      <c r="DB5" s="175" t="s">
        <v>48</v>
      </c>
      <c r="DC5" s="175" t="s">
        <v>49</v>
      </c>
      <c r="DD5" s="175" t="s">
        <v>50</v>
      </c>
      <c r="DE5" s="175" t="s">
        <v>51</v>
      </c>
      <c r="DF5" s="181" t="s">
        <v>45</v>
      </c>
      <c r="DG5" s="499"/>
      <c r="DH5" s="233" t="s">
        <v>43</v>
      </c>
      <c r="DI5" s="175" t="s">
        <v>44</v>
      </c>
      <c r="DJ5" s="181" t="s">
        <v>45</v>
      </c>
      <c r="DK5" s="183" t="s">
        <v>83</v>
      </c>
      <c r="DL5" s="175" t="s">
        <v>47</v>
      </c>
      <c r="DM5" s="175" t="s">
        <v>48</v>
      </c>
      <c r="DN5" s="175" t="s">
        <v>49</v>
      </c>
      <c r="DO5" s="175" t="s">
        <v>50</v>
      </c>
      <c r="DP5" s="175" t="s">
        <v>51</v>
      </c>
      <c r="DQ5" s="181" t="s">
        <v>45</v>
      </c>
      <c r="DR5" s="499"/>
      <c r="DS5" s="233" t="s">
        <v>43</v>
      </c>
      <c r="DT5" s="175" t="s">
        <v>44</v>
      </c>
      <c r="DU5" s="181" t="s">
        <v>45</v>
      </c>
      <c r="DV5" s="183" t="s">
        <v>83</v>
      </c>
      <c r="DW5" s="175" t="s">
        <v>47</v>
      </c>
      <c r="DX5" s="175" t="s">
        <v>48</v>
      </c>
      <c r="DY5" s="175" t="s">
        <v>49</v>
      </c>
      <c r="DZ5" s="175" t="s">
        <v>50</v>
      </c>
      <c r="EA5" s="175" t="s">
        <v>51</v>
      </c>
      <c r="EB5" s="181" t="s">
        <v>45</v>
      </c>
      <c r="EC5" s="499"/>
      <c r="ED5" s="233" t="s">
        <v>43</v>
      </c>
      <c r="EE5" s="175" t="s">
        <v>44</v>
      </c>
      <c r="EF5" s="181" t="s">
        <v>45</v>
      </c>
      <c r="EG5" s="183" t="s">
        <v>83</v>
      </c>
      <c r="EH5" s="175" t="s">
        <v>47</v>
      </c>
      <c r="EI5" s="175" t="s">
        <v>48</v>
      </c>
      <c r="EJ5" s="175" t="s">
        <v>49</v>
      </c>
      <c r="EK5" s="175" t="s">
        <v>50</v>
      </c>
      <c r="EL5" s="175" t="s">
        <v>51</v>
      </c>
      <c r="EM5" s="181" t="s">
        <v>45</v>
      </c>
      <c r="EN5" s="499"/>
      <c r="EO5" s="233" t="s">
        <v>43</v>
      </c>
      <c r="EP5" s="175" t="s">
        <v>44</v>
      </c>
      <c r="EQ5" s="181" t="s">
        <v>45</v>
      </c>
      <c r="ER5" s="183" t="s">
        <v>83</v>
      </c>
      <c r="ES5" s="175" t="s">
        <v>47</v>
      </c>
      <c r="ET5" s="175" t="s">
        <v>48</v>
      </c>
      <c r="EU5" s="175" t="s">
        <v>49</v>
      </c>
      <c r="EV5" s="175" t="s">
        <v>50</v>
      </c>
      <c r="EW5" s="175" t="s">
        <v>51</v>
      </c>
      <c r="EX5" s="181" t="s">
        <v>45</v>
      </c>
      <c r="EY5" s="499"/>
    </row>
    <row r="6" spans="1:155" ht="19.5" customHeight="1" x14ac:dyDescent="0.2">
      <c r="A6" s="176" t="s">
        <v>4</v>
      </c>
      <c r="B6" s="185">
        <v>0</v>
      </c>
      <c r="C6" s="189">
        <v>0</v>
      </c>
      <c r="D6" s="457">
        <v>0</v>
      </c>
      <c r="E6" s="188">
        <v>0</v>
      </c>
      <c r="F6" s="189">
        <v>1170</v>
      </c>
      <c r="G6" s="189">
        <v>1229</v>
      </c>
      <c r="H6" s="189">
        <v>642</v>
      </c>
      <c r="I6" s="189">
        <v>569</v>
      </c>
      <c r="J6" s="189">
        <v>437</v>
      </c>
      <c r="K6" s="190">
        <v>4047</v>
      </c>
      <c r="L6" s="191">
        <v>4047</v>
      </c>
      <c r="M6" s="185">
        <v>0</v>
      </c>
      <c r="N6" s="189">
        <v>2</v>
      </c>
      <c r="O6" s="186">
        <v>2</v>
      </c>
      <c r="P6" s="188">
        <v>0</v>
      </c>
      <c r="Q6" s="189">
        <v>14</v>
      </c>
      <c r="R6" s="189">
        <v>31</v>
      </c>
      <c r="S6" s="189">
        <v>59</v>
      </c>
      <c r="T6" s="189">
        <v>130</v>
      </c>
      <c r="U6" s="189">
        <v>222</v>
      </c>
      <c r="V6" s="186">
        <v>456</v>
      </c>
      <c r="W6" s="191">
        <v>458</v>
      </c>
      <c r="X6" s="185">
        <v>192</v>
      </c>
      <c r="Y6" s="189">
        <v>421</v>
      </c>
      <c r="Z6" s="186">
        <v>613</v>
      </c>
      <c r="AA6" s="188">
        <v>0</v>
      </c>
      <c r="AB6" s="189">
        <v>811</v>
      </c>
      <c r="AC6" s="189">
        <v>1100</v>
      </c>
      <c r="AD6" s="189">
        <v>613</v>
      </c>
      <c r="AE6" s="189">
        <v>565</v>
      </c>
      <c r="AF6" s="189">
        <v>406</v>
      </c>
      <c r="AG6" s="186">
        <v>3495</v>
      </c>
      <c r="AH6" s="191">
        <v>4108</v>
      </c>
      <c r="AI6" s="185">
        <v>20</v>
      </c>
      <c r="AJ6" s="189">
        <v>49</v>
      </c>
      <c r="AK6" s="186">
        <v>69</v>
      </c>
      <c r="AL6" s="188">
        <v>0</v>
      </c>
      <c r="AM6" s="189">
        <v>83</v>
      </c>
      <c r="AN6" s="189">
        <v>148</v>
      </c>
      <c r="AO6" s="189">
        <v>95</v>
      </c>
      <c r="AP6" s="189">
        <v>74</v>
      </c>
      <c r="AQ6" s="189">
        <v>51</v>
      </c>
      <c r="AR6" s="186">
        <v>451</v>
      </c>
      <c r="AS6" s="191">
        <v>520</v>
      </c>
      <c r="AT6" s="185">
        <v>290</v>
      </c>
      <c r="AU6" s="189">
        <v>327</v>
      </c>
      <c r="AV6" s="186">
        <v>617</v>
      </c>
      <c r="AW6" s="188">
        <v>0</v>
      </c>
      <c r="AX6" s="189">
        <v>1181</v>
      </c>
      <c r="AY6" s="189">
        <v>1498</v>
      </c>
      <c r="AZ6" s="189">
        <v>1226</v>
      </c>
      <c r="BA6" s="189">
        <v>1324</v>
      </c>
      <c r="BB6" s="189">
        <v>1015</v>
      </c>
      <c r="BC6" s="190">
        <v>6244</v>
      </c>
      <c r="BD6" s="191">
        <v>6861</v>
      </c>
      <c r="BE6" s="185">
        <v>0</v>
      </c>
      <c r="BF6" s="189">
        <v>0</v>
      </c>
      <c r="BG6" s="186">
        <v>0</v>
      </c>
      <c r="BH6" s="188">
        <v>0</v>
      </c>
      <c r="BI6" s="189">
        <v>1316</v>
      </c>
      <c r="BJ6" s="189">
        <v>1192</v>
      </c>
      <c r="BK6" s="189">
        <v>541</v>
      </c>
      <c r="BL6" s="189">
        <v>342</v>
      </c>
      <c r="BM6" s="189">
        <v>153</v>
      </c>
      <c r="BN6" s="186">
        <v>3544</v>
      </c>
      <c r="BO6" s="191">
        <v>3544</v>
      </c>
      <c r="BP6" s="185">
        <v>116</v>
      </c>
      <c r="BQ6" s="189">
        <v>154</v>
      </c>
      <c r="BR6" s="186">
        <v>270</v>
      </c>
      <c r="BS6" s="188">
        <v>0</v>
      </c>
      <c r="BT6" s="189">
        <v>316</v>
      </c>
      <c r="BU6" s="189">
        <v>470</v>
      </c>
      <c r="BV6" s="189">
        <v>259</v>
      </c>
      <c r="BW6" s="189">
        <v>189</v>
      </c>
      <c r="BX6" s="189">
        <v>70</v>
      </c>
      <c r="BY6" s="186">
        <v>1304</v>
      </c>
      <c r="BZ6" s="191">
        <v>1574</v>
      </c>
      <c r="CA6" s="185">
        <v>7</v>
      </c>
      <c r="CB6" s="189">
        <v>16</v>
      </c>
      <c r="CC6" s="186">
        <v>23</v>
      </c>
      <c r="CD6" s="188">
        <v>0</v>
      </c>
      <c r="CE6" s="189">
        <v>134</v>
      </c>
      <c r="CF6" s="189">
        <v>217</v>
      </c>
      <c r="CG6" s="189">
        <v>232</v>
      </c>
      <c r="CH6" s="189">
        <v>165</v>
      </c>
      <c r="CI6" s="189">
        <v>90</v>
      </c>
      <c r="CJ6" s="186">
        <v>838</v>
      </c>
      <c r="CK6" s="191">
        <v>861</v>
      </c>
      <c r="CL6" s="185">
        <v>2</v>
      </c>
      <c r="CM6" s="189">
        <v>4</v>
      </c>
      <c r="CN6" s="186">
        <v>6</v>
      </c>
      <c r="CO6" s="188">
        <v>0</v>
      </c>
      <c r="CP6" s="189">
        <v>13</v>
      </c>
      <c r="CQ6" s="189">
        <v>51</v>
      </c>
      <c r="CR6" s="189">
        <v>54</v>
      </c>
      <c r="CS6" s="189">
        <v>44</v>
      </c>
      <c r="CT6" s="189">
        <v>37</v>
      </c>
      <c r="CU6" s="186">
        <v>199</v>
      </c>
      <c r="CV6" s="191">
        <v>205</v>
      </c>
      <c r="CW6" s="185">
        <v>0</v>
      </c>
      <c r="CX6" s="189">
        <v>0</v>
      </c>
      <c r="CY6" s="186">
        <v>0</v>
      </c>
      <c r="CZ6" s="188">
        <v>0</v>
      </c>
      <c r="DA6" s="189">
        <v>0</v>
      </c>
      <c r="DB6" s="189">
        <v>0</v>
      </c>
      <c r="DC6" s="189">
        <v>0</v>
      </c>
      <c r="DD6" s="189">
        <v>0</v>
      </c>
      <c r="DE6" s="189">
        <v>0</v>
      </c>
      <c r="DF6" s="186">
        <v>0</v>
      </c>
      <c r="DG6" s="191">
        <v>0</v>
      </c>
      <c r="DH6" s="185">
        <v>0</v>
      </c>
      <c r="DI6" s="189">
        <v>0</v>
      </c>
      <c r="DJ6" s="186">
        <v>0</v>
      </c>
      <c r="DK6" s="188">
        <v>0</v>
      </c>
      <c r="DL6" s="189">
        <v>0</v>
      </c>
      <c r="DM6" s="189">
        <v>0</v>
      </c>
      <c r="DN6" s="189">
        <v>0</v>
      </c>
      <c r="DO6" s="189">
        <v>0</v>
      </c>
      <c r="DP6" s="189">
        <v>0</v>
      </c>
      <c r="DQ6" s="186">
        <v>0</v>
      </c>
      <c r="DR6" s="191">
        <v>0</v>
      </c>
      <c r="DS6" s="185">
        <v>532</v>
      </c>
      <c r="DT6" s="189">
        <v>1133</v>
      </c>
      <c r="DU6" s="186">
        <v>1665</v>
      </c>
      <c r="DV6" s="188">
        <v>0</v>
      </c>
      <c r="DW6" s="189">
        <v>1524</v>
      </c>
      <c r="DX6" s="189">
        <v>2619</v>
      </c>
      <c r="DY6" s="189">
        <v>1475</v>
      </c>
      <c r="DZ6" s="189">
        <v>1225</v>
      </c>
      <c r="EA6" s="189">
        <v>763</v>
      </c>
      <c r="EB6" s="186">
        <v>7606</v>
      </c>
      <c r="EC6" s="191">
        <v>9271</v>
      </c>
      <c r="ED6" s="185">
        <v>208</v>
      </c>
      <c r="EE6" s="189">
        <v>186</v>
      </c>
      <c r="EF6" s="186">
        <v>394</v>
      </c>
      <c r="EG6" s="188">
        <v>0</v>
      </c>
      <c r="EH6" s="189">
        <v>571</v>
      </c>
      <c r="EI6" s="189">
        <v>602</v>
      </c>
      <c r="EJ6" s="189">
        <v>535</v>
      </c>
      <c r="EK6" s="189">
        <v>578</v>
      </c>
      <c r="EL6" s="189">
        <v>404</v>
      </c>
      <c r="EM6" s="186">
        <v>2690</v>
      </c>
      <c r="EN6" s="191">
        <v>3084</v>
      </c>
      <c r="EO6" s="185">
        <v>786</v>
      </c>
      <c r="EP6" s="189">
        <v>1485</v>
      </c>
      <c r="EQ6" s="186">
        <v>2271</v>
      </c>
      <c r="ER6" s="188">
        <v>0</v>
      </c>
      <c r="ES6" s="189">
        <v>3577</v>
      </c>
      <c r="ET6" s="189">
        <v>3768</v>
      </c>
      <c r="EU6" s="189">
        <v>1792</v>
      </c>
      <c r="EV6" s="189">
        <v>1331</v>
      </c>
      <c r="EW6" s="189">
        <v>802</v>
      </c>
      <c r="EX6" s="186">
        <v>11270</v>
      </c>
      <c r="EY6" s="191">
        <v>13541</v>
      </c>
    </row>
    <row r="7" spans="1:155" ht="19.5" customHeight="1" x14ac:dyDescent="0.2">
      <c r="A7" s="177" t="s">
        <v>5</v>
      </c>
      <c r="B7" s="192">
        <v>0</v>
      </c>
      <c r="C7" s="196">
        <v>0</v>
      </c>
      <c r="D7" s="458">
        <v>0</v>
      </c>
      <c r="E7" s="195">
        <v>0</v>
      </c>
      <c r="F7" s="196">
        <v>462</v>
      </c>
      <c r="G7" s="196">
        <v>672</v>
      </c>
      <c r="H7" s="196">
        <v>283</v>
      </c>
      <c r="I7" s="196">
        <v>238</v>
      </c>
      <c r="J7" s="196">
        <v>200</v>
      </c>
      <c r="K7" s="197">
        <v>1855</v>
      </c>
      <c r="L7" s="198">
        <v>1855</v>
      </c>
      <c r="M7" s="192">
        <v>0</v>
      </c>
      <c r="N7" s="196">
        <v>1</v>
      </c>
      <c r="O7" s="193">
        <v>1</v>
      </c>
      <c r="P7" s="195">
        <v>0</v>
      </c>
      <c r="Q7" s="196">
        <v>1</v>
      </c>
      <c r="R7" s="196">
        <v>13</v>
      </c>
      <c r="S7" s="196">
        <v>24</v>
      </c>
      <c r="T7" s="196">
        <v>59</v>
      </c>
      <c r="U7" s="196">
        <v>89</v>
      </c>
      <c r="V7" s="193">
        <v>186</v>
      </c>
      <c r="W7" s="198">
        <v>187</v>
      </c>
      <c r="X7" s="192">
        <v>94</v>
      </c>
      <c r="Y7" s="196">
        <v>232</v>
      </c>
      <c r="Z7" s="193">
        <v>326</v>
      </c>
      <c r="AA7" s="195">
        <v>0</v>
      </c>
      <c r="AB7" s="196">
        <v>315</v>
      </c>
      <c r="AC7" s="196">
        <v>606</v>
      </c>
      <c r="AD7" s="196">
        <v>292</v>
      </c>
      <c r="AE7" s="196">
        <v>254</v>
      </c>
      <c r="AF7" s="196">
        <v>194</v>
      </c>
      <c r="AG7" s="193">
        <v>1661</v>
      </c>
      <c r="AH7" s="198">
        <v>1987</v>
      </c>
      <c r="AI7" s="192">
        <v>10</v>
      </c>
      <c r="AJ7" s="196">
        <v>26</v>
      </c>
      <c r="AK7" s="193">
        <v>36</v>
      </c>
      <c r="AL7" s="195">
        <v>0</v>
      </c>
      <c r="AM7" s="196">
        <v>26</v>
      </c>
      <c r="AN7" s="196">
        <v>75</v>
      </c>
      <c r="AO7" s="196">
        <v>35</v>
      </c>
      <c r="AP7" s="196">
        <v>36</v>
      </c>
      <c r="AQ7" s="196">
        <v>20</v>
      </c>
      <c r="AR7" s="193">
        <v>192</v>
      </c>
      <c r="AS7" s="198">
        <v>228</v>
      </c>
      <c r="AT7" s="192">
        <v>124</v>
      </c>
      <c r="AU7" s="196">
        <v>168</v>
      </c>
      <c r="AV7" s="193">
        <v>292</v>
      </c>
      <c r="AW7" s="195">
        <v>0</v>
      </c>
      <c r="AX7" s="196">
        <v>472</v>
      </c>
      <c r="AY7" s="196">
        <v>740</v>
      </c>
      <c r="AZ7" s="196">
        <v>558</v>
      </c>
      <c r="BA7" s="196">
        <v>563</v>
      </c>
      <c r="BB7" s="196">
        <v>441</v>
      </c>
      <c r="BC7" s="197">
        <v>2774</v>
      </c>
      <c r="BD7" s="198">
        <v>3066</v>
      </c>
      <c r="BE7" s="192">
        <v>0</v>
      </c>
      <c r="BF7" s="196">
        <v>0</v>
      </c>
      <c r="BG7" s="193">
        <v>0</v>
      </c>
      <c r="BH7" s="195">
        <v>0</v>
      </c>
      <c r="BI7" s="196">
        <v>443</v>
      </c>
      <c r="BJ7" s="196">
        <v>524</v>
      </c>
      <c r="BK7" s="196">
        <v>230</v>
      </c>
      <c r="BL7" s="196">
        <v>125</v>
      </c>
      <c r="BM7" s="196">
        <v>74</v>
      </c>
      <c r="BN7" s="193">
        <v>1396</v>
      </c>
      <c r="BO7" s="198">
        <v>1396</v>
      </c>
      <c r="BP7" s="192">
        <v>67</v>
      </c>
      <c r="BQ7" s="196">
        <v>83</v>
      </c>
      <c r="BR7" s="193">
        <v>150</v>
      </c>
      <c r="BS7" s="195">
        <v>0</v>
      </c>
      <c r="BT7" s="196">
        <v>112</v>
      </c>
      <c r="BU7" s="196">
        <v>257</v>
      </c>
      <c r="BV7" s="196">
        <v>120</v>
      </c>
      <c r="BW7" s="196">
        <v>86</v>
      </c>
      <c r="BX7" s="196">
        <v>33</v>
      </c>
      <c r="BY7" s="193">
        <v>608</v>
      </c>
      <c r="BZ7" s="198">
        <v>758</v>
      </c>
      <c r="CA7" s="192">
        <v>2</v>
      </c>
      <c r="CB7" s="196">
        <v>6</v>
      </c>
      <c r="CC7" s="193">
        <v>8</v>
      </c>
      <c r="CD7" s="195">
        <v>0</v>
      </c>
      <c r="CE7" s="196">
        <v>39</v>
      </c>
      <c r="CF7" s="196">
        <v>97</v>
      </c>
      <c r="CG7" s="196">
        <v>90</v>
      </c>
      <c r="CH7" s="196">
        <v>60</v>
      </c>
      <c r="CI7" s="196">
        <v>40</v>
      </c>
      <c r="CJ7" s="193">
        <v>326</v>
      </c>
      <c r="CK7" s="198">
        <v>334</v>
      </c>
      <c r="CL7" s="192">
        <v>1</v>
      </c>
      <c r="CM7" s="196">
        <v>4</v>
      </c>
      <c r="CN7" s="193">
        <v>5</v>
      </c>
      <c r="CO7" s="195">
        <v>0</v>
      </c>
      <c r="CP7" s="196">
        <v>9</v>
      </c>
      <c r="CQ7" s="196">
        <v>26</v>
      </c>
      <c r="CR7" s="196">
        <v>27</v>
      </c>
      <c r="CS7" s="196">
        <v>24</v>
      </c>
      <c r="CT7" s="196">
        <v>23</v>
      </c>
      <c r="CU7" s="193">
        <v>109</v>
      </c>
      <c r="CV7" s="198">
        <v>114</v>
      </c>
      <c r="CW7" s="192">
        <v>0</v>
      </c>
      <c r="CX7" s="196">
        <v>0</v>
      </c>
      <c r="CY7" s="193">
        <v>0</v>
      </c>
      <c r="CZ7" s="195">
        <v>0</v>
      </c>
      <c r="DA7" s="196">
        <v>0</v>
      </c>
      <c r="DB7" s="196">
        <v>0</v>
      </c>
      <c r="DC7" s="196">
        <v>0</v>
      </c>
      <c r="DD7" s="196">
        <v>0</v>
      </c>
      <c r="DE7" s="196">
        <v>0</v>
      </c>
      <c r="DF7" s="193">
        <v>0</v>
      </c>
      <c r="DG7" s="198">
        <v>0</v>
      </c>
      <c r="DH7" s="192">
        <v>0</v>
      </c>
      <c r="DI7" s="196">
        <v>0</v>
      </c>
      <c r="DJ7" s="193">
        <v>0</v>
      </c>
      <c r="DK7" s="195">
        <v>0</v>
      </c>
      <c r="DL7" s="196">
        <v>0</v>
      </c>
      <c r="DM7" s="196">
        <v>0</v>
      </c>
      <c r="DN7" s="196">
        <v>0</v>
      </c>
      <c r="DO7" s="196">
        <v>0</v>
      </c>
      <c r="DP7" s="196">
        <v>0</v>
      </c>
      <c r="DQ7" s="193">
        <v>0</v>
      </c>
      <c r="DR7" s="198">
        <v>0</v>
      </c>
      <c r="DS7" s="192">
        <v>183</v>
      </c>
      <c r="DT7" s="196">
        <v>511</v>
      </c>
      <c r="DU7" s="193">
        <v>694</v>
      </c>
      <c r="DV7" s="195">
        <v>0</v>
      </c>
      <c r="DW7" s="196">
        <v>462</v>
      </c>
      <c r="DX7" s="196">
        <v>1231</v>
      </c>
      <c r="DY7" s="196">
        <v>619</v>
      </c>
      <c r="DZ7" s="196">
        <v>522</v>
      </c>
      <c r="EA7" s="196">
        <v>335</v>
      </c>
      <c r="EB7" s="193">
        <v>3169</v>
      </c>
      <c r="EC7" s="198">
        <v>3863</v>
      </c>
      <c r="ED7" s="192">
        <v>89</v>
      </c>
      <c r="EE7" s="196">
        <v>89</v>
      </c>
      <c r="EF7" s="193">
        <v>178</v>
      </c>
      <c r="EG7" s="195">
        <v>0</v>
      </c>
      <c r="EH7" s="196">
        <v>252</v>
      </c>
      <c r="EI7" s="196">
        <v>320</v>
      </c>
      <c r="EJ7" s="196">
        <v>254</v>
      </c>
      <c r="EK7" s="196">
        <v>246</v>
      </c>
      <c r="EL7" s="196">
        <v>177</v>
      </c>
      <c r="EM7" s="193">
        <v>1249</v>
      </c>
      <c r="EN7" s="198">
        <v>1427</v>
      </c>
      <c r="EO7" s="192">
        <v>320</v>
      </c>
      <c r="EP7" s="196">
        <v>723</v>
      </c>
      <c r="EQ7" s="193">
        <v>1043</v>
      </c>
      <c r="ER7" s="195">
        <v>0</v>
      </c>
      <c r="ES7" s="196">
        <v>1271</v>
      </c>
      <c r="ET7" s="196">
        <v>1852</v>
      </c>
      <c r="EU7" s="196">
        <v>773</v>
      </c>
      <c r="EV7" s="196">
        <v>564</v>
      </c>
      <c r="EW7" s="196">
        <v>364</v>
      </c>
      <c r="EX7" s="193">
        <v>4824</v>
      </c>
      <c r="EY7" s="198">
        <v>5867</v>
      </c>
    </row>
    <row r="8" spans="1:155" ht="19.5" customHeight="1" x14ac:dyDescent="0.2">
      <c r="A8" s="177" t="s">
        <v>6</v>
      </c>
      <c r="B8" s="192">
        <v>0</v>
      </c>
      <c r="C8" s="196">
        <v>0</v>
      </c>
      <c r="D8" s="458">
        <v>0</v>
      </c>
      <c r="E8" s="195">
        <v>0</v>
      </c>
      <c r="F8" s="196">
        <v>224</v>
      </c>
      <c r="G8" s="196">
        <v>170</v>
      </c>
      <c r="H8" s="196">
        <v>107</v>
      </c>
      <c r="I8" s="196">
        <v>105</v>
      </c>
      <c r="J8" s="196">
        <v>67</v>
      </c>
      <c r="K8" s="197">
        <v>673</v>
      </c>
      <c r="L8" s="198">
        <v>673</v>
      </c>
      <c r="M8" s="192">
        <v>0</v>
      </c>
      <c r="N8" s="196">
        <v>1</v>
      </c>
      <c r="O8" s="193">
        <v>1</v>
      </c>
      <c r="P8" s="195">
        <v>0</v>
      </c>
      <c r="Q8" s="196">
        <v>1</v>
      </c>
      <c r="R8" s="196">
        <v>3</v>
      </c>
      <c r="S8" s="196">
        <v>17</v>
      </c>
      <c r="T8" s="196">
        <v>26</v>
      </c>
      <c r="U8" s="196">
        <v>35</v>
      </c>
      <c r="V8" s="193">
        <v>82</v>
      </c>
      <c r="W8" s="198">
        <v>83</v>
      </c>
      <c r="X8" s="192">
        <v>28</v>
      </c>
      <c r="Y8" s="196">
        <v>71</v>
      </c>
      <c r="Z8" s="193">
        <v>99</v>
      </c>
      <c r="AA8" s="195">
        <v>0</v>
      </c>
      <c r="AB8" s="196">
        <v>178</v>
      </c>
      <c r="AC8" s="196">
        <v>160</v>
      </c>
      <c r="AD8" s="196">
        <v>100</v>
      </c>
      <c r="AE8" s="196">
        <v>95</v>
      </c>
      <c r="AF8" s="196">
        <v>65</v>
      </c>
      <c r="AG8" s="193">
        <v>598</v>
      </c>
      <c r="AH8" s="198">
        <v>697</v>
      </c>
      <c r="AI8" s="192">
        <v>3</v>
      </c>
      <c r="AJ8" s="196">
        <v>5</v>
      </c>
      <c r="AK8" s="193">
        <v>8</v>
      </c>
      <c r="AL8" s="195">
        <v>0</v>
      </c>
      <c r="AM8" s="196">
        <v>19</v>
      </c>
      <c r="AN8" s="196">
        <v>20</v>
      </c>
      <c r="AO8" s="196">
        <v>12</v>
      </c>
      <c r="AP8" s="196">
        <v>9</v>
      </c>
      <c r="AQ8" s="196">
        <v>4</v>
      </c>
      <c r="AR8" s="193">
        <v>64</v>
      </c>
      <c r="AS8" s="198">
        <v>72</v>
      </c>
      <c r="AT8" s="192">
        <v>43</v>
      </c>
      <c r="AU8" s="196">
        <v>56</v>
      </c>
      <c r="AV8" s="193">
        <v>99</v>
      </c>
      <c r="AW8" s="195">
        <v>0</v>
      </c>
      <c r="AX8" s="196">
        <v>227</v>
      </c>
      <c r="AY8" s="196">
        <v>258</v>
      </c>
      <c r="AZ8" s="196">
        <v>225</v>
      </c>
      <c r="BA8" s="196">
        <v>239</v>
      </c>
      <c r="BB8" s="196">
        <v>195</v>
      </c>
      <c r="BC8" s="197">
        <v>1144</v>
      </c>
      <c r="BD8" s="198">
        <v>1243</v>
      </c>
      <c r="BE8" s="192">
        <v>0</v>
      </c>
      <c r="BF8" s="196">
        <v>0</v>
      </c>
      <c r="BG8" s="193">
        <v>0</v>
      </c>
      <c r="BH8" s="195">
        <v>0</v>
      </c>
      <c r="BI8" s="196">
        <v>257</v>
      </c>
      <c r="BJ8" s="196">
        <v>169</v>
      </c>
      <c r="BK8" s="196">
        <v>82</v>
      </c>
      <c r="BL8" s="196">
        <v>61</v>
      </c>
      <c r="BM8" s="196">
        <v>24</v>
      </c>
      <c r="BN8" s="193">
        <v>593</v>
      </c>
      <c r="BO8" s="198">
        <v>593</v>
      </c>
      <c r="BP8" s="192">
        <v>7</v>
      </c>
      <c r="BQ8" s="196">
        <v>10</v>
      </c>
      <c r="BR8" s="193">
        <v>17</v>
      </c>
      <c r="BS8" s="195">
        <v>0</v>
      </c>
      <c r="BT8" s="196">
        <v>45</v>
      </c>
      <c r="BU8" s="196">
        <v>53</v>
      </c>
      <c r="BV8" s="196">
        <v>28</v>
      </c>
      <c r="BW8" s="196">
        <v>36</v>
      </c>
      <c r="BX8" s="196">
        <v>10</v>
      </c>
      <c r="BY8" s="193">
        <v>172</v>
      </c>
      <c r="BZ8" s="198">
        <v>189</v>
      </c>
      <c r="CA8" s="192">
        <v>0</v>
      </c>
      <c r="CB8" s="196">
        <v>1</v>
      </c>
      <c r="CC8" s="193">
        <v>1</v>
      </c>
      <c r="CD8" s="195">
        <v>0</v>
      </c>
      <c r="CE8" s="196">
        <v>19</v>
      </c>
      <c r="CF8" s="196">
        <v>27</v>
      </c>
      <c r="CG8" s="196">
        <v>38</v>
      </c>
      <c r="CH8" s="196">
        <v>24</v>
      </c>
      <c r="CI8" s="196">
        <v>13</v>
      </c>
      <c r="CJ8" s="193">
        <v>121</v>
      </c>
      <c r="CK8" s="198">
        <v>122</v>
      </c>
      <c r="CL8" s="192">
        <v>0</v>
      </c>
      <c r="CM8" s="196">
        <v>0</v>
      </c>
      <c r="CN8" s="193">
        <v>0</v>
      </c>
      <c r="CO8" s="195">
        <v>0</v>
      </c>
      <c r="CP8" s="196">
        <v>4</v>
      </c>
      <c r="CQ8" s="196">
        <v>6</v>
      </c>
      <c r="CR8" s="196">
        <v>8</v>
      </c>
      <c r="CS8" s="196">
        <v>8</v>
      </c>
      <c r="CT8" s="196">
        <v>5</v>
      </c>
      <c r="CU8" s="193">
        <v>31</v>
      </c>
      <c r="CV8" s="198">
        <v>31</v>
      </c>
      <c r="CW8" s="192">
        <v>0</v>
      </c>
      <c r="CX8" s="196">
        <v>0</v>
      </c>
      <c r="CY8" s="193">
        <v>0</v>
      </c>
      <c r="CZ8" s="195">
        <v>0</v>
      </c>
      <c r="DA8" s="196">
        <v>0</v>
      </c>
      <c r="DB8" s="196">
        <v>0</v>
      </c>
      <c r="DC8" s="196">
        <v>0</v>
      </c>
      <c r="DD8" s="196">
        <v>0</v>
      </c>
      <c r="DE8" s="196">
        <v>0</v>
      </c>
      <c r="DF8" s="193">
        <v>0</v>
      </c>
      <c r="DG8" s="198">
        <v>0</v>
      </c>
      <c r="DH8" s="192">
        <v>0</v>
      </c>
      <c r="DI8" s="196">
        <v>0</v>
      </c>
      <c r="DJ8" s="193">
        <v>0</v>
      </c>
      <c r="DK8" s="195">
        <v>0</v>
      </c>
      <c r="DL8" s="196">
        <v>0</v>
      </c>
      <c r="DM8" s="196">
        <v>0</v>
      </c>
      <c r="DN8" s="196">
        <v>0</v>
      </c>
      <c r="DO8" s="196">
        <v>0</v>
      </c>
      <c r="DP8" s="196">
        <v>0</v>
      </c>
      <c r="DQ8" s="193">
        <v>0</v>
      </c>
      <c r="DR8" s="198">
        <v>0</v>
      </c>
      <c r="DS8" s="192">
        <v>96</v>
      </c>
      <c r="DT8" s="196">
        <v>151</v>
      </c>
      <c r="DU8" s="193">
        <v>247</v>
      </c>
      <c r="DV8" s="195">
        <v>0</v>
      </c>
      <c r="DW8" s="196">
        <v>327</v>
      </c>
      <c r="DX8" s="196">
        <v>401</v>
      </c>
      <c r="DY8" s="196">
        <v>257</v>
      </c>
      <c r="DZ8" s="196">
        <v>214</v>
      </c>
      <c r="EA8" s="196">
        <v>121</v>
      </c>
      <c r="EB8" s="193">
        <v>1320</v>
      </c>
      <c r="EC8" s="198">
        <v>1567</v>
      </c>
      <c r="ED8" s="192">
        <v>30</v>
      </c>
      <c r="EE8" s="196">
        <v>24</v>
      </c>
      <c r="EF8" s="193">
        <v>54</v>
      </c>
      <c r="EG8" s="195">
        <v>0</v>
      </c>
      <c r="EH8" s="196">
        <v>84</v>
      </c>
      <c r="EI8" s="196">
        <v>89</v>
      </c>
      <c r="EJ8" s="196">
        <v>91</v>
      </c>
      <c r="EK8" s="196">
        <v>100</v>
      </c>
      <c r="EL8" s="196">
        <v>81</v>
      </c>
      <c r="EM8" s="193">
        <v>445</v>
      </c>
      <c r="EN8" s="198">
        <v>499</v>
      </c>
      <c r="EO8" s="192">
        <v>122</v>
      </c>
      <c r="EP8" s="196">
        <v>198</v>
      </c>
      <c r="EQ8" s="193">
        <v>320</v>
      </c>
      <c r="ER8" s="195">
        <v>0</v>
      </c>
      <c r="ES8" s="196">
        <v>704</v>
      </c>
      <c r="ET8" s="196">
        <v>546</v>
      </c>
      <c r="EU8" s="196">
        <v>300</v>
      </c>
      <c r="EV8" s="196">
        <v>237</v>
      </c>
      <c r="EW8" s="196">
        <v>128</v>
      </c>
      <c r="EX8" s="193">
        <v>1915</v>
      </c>
      <c r="EY8" s="198">
        <v>2235</v>
      </c>
    </row>
    <row r="9" spans="1:155" ht="19.5" customHeight="1" x14ac:dyDescent="0.2">
      <c r="A9" s="177" t="s">
        <v>14</v>
      </c>
      <c r="B9" s="192">
        <v>0</v>
      </c>
      <c r="C9" s="196">
        <v>0</v>
      </c>
      <c r="D9" s="458">
        <v>0</v>
      </c>
      <c r="E9" s="195">
        <v>0</v>
      </c>
      <c r="F9" s="196">
        <v>63</v>
      </c>
      <c r="G9" s="196">
        <v>53</v>
      </c>
      <c r="H9" s="196">
        <v>40</v>
      </c>
      <c r="I9" s="196">
        <v>34</v>
      </c>
      <c r="J9" s="196">
        <v>21</v>
      </c>
      <c r="K9" s="197">
        <v>211</v>
      </c>
      <c r="L9" s="198">
        <v>211</v>
      </c>
      <c r="M9" s="192">
        <v>0</v>
      </c>
      <c r="N9" s="196">
        <v>0</v>
      </c>
      <c r="O9" s="193">
        <v>0</v>
      </c>
      <c r="P9" s="195">
        <v>0</v>
      </c>
      <c r="Q9" s="196">
        <v>0</v>
      </c>
      <c r="R9" s="196">
        <v>2</v>
      </c>
      <c r="S9" s="196">
        <v>2</v>
      </c>
      <c r="T9" s="196">
        <v>10</v>
      </c>
      <c r="U9" s="196">
        <v>14</v>
      </c>
      <c r="V9" s="193">
        <v>28</v>
      </c>
      <c r="W9" s="198">
        <v>28</v>
      </c>
      <c r="X9" s="192">
        <v>6</v>
      </c>
      <c r="Y9" s="196">
        <v>24</v>
      </c>
      <c r="Z9" s="193">
        <v>30</v>
      </c>
      <c r="AA9" s="195">
        <v>0</v>
      </c>
      <c r="AB9" s="196">
        <v>37</v>
      </c>
      <c r="AC9" s="196">
        <v>53</v>
      </c>
      <c r="AD9" s="196">
        <v>37</v>
      </c>
      <c r="AE9" s="196">
        <v>44</v>
      </c>
      <c r="AF9" s="196">
        <v>23</v>
      </c>
      <c r="AG9" s="193">
        <v>194</v>
      </c>
      <c r="AH9" s="198">
        <v>224</v>
      </c>
      <c r="AI9" s="192">
        <v>0</v>
      </c>
      <c r="AJ9" s="196">
        <v>3</v>
      </c>
      <c r="AK9" s="193">
        <v>3</v>
      </c>
      <c r="AL9" s="195">
        <v>0</v>
      </c>
      <c r="AM9" s="196">
        <v>1</v>
      </c>
      <c r="AN9" s="196">
        <v>4</v>
      </c>
      <c r="AO9" s="196">
        <v>7</v>
      </c>
      <c r="AP9" s="196">
        <v>2</v>
      </c>
      <c r="AQ9" s="196">
        <v>1</v>
      </c>
      <c r="AR9" s="193">
        <v>15</v>
      </c>
      <c r="AS9" s="198">
        <v>18</v>
      </c>
      <c r="AT9" s="192">
        <v>18</v>
      </c>
      <c r="AU9" s="196">
        <v>23</v>
      </c>
      <c r="AV9" s="193">
        <v>41</v>
      </c>
      <c r="AW9" s="195">
        <v>0</v>
      </c>
      <c r="AX9" s="196">
        <v>67</v>
      </c>
      <c r="AY9" s="196">
        <v>73</v>
      </c>
      <c r="AZ9" s="196">
        <v>68</v>
      </c>
      <c r="BA9" s="196">
        <v>82</v>
      </c>
      <c r="BB9" s="196">
        <v>45</v>
      </c>
      <c r="BC9" s="197">
        <v>335</v>
      </c>
      <c r="BD9" s="198">
        <v>376</v>
      </c>
      <c r="BE9" s="192">
        <v>0</v>
      </c>
      <c r="BF9" s="196">
        <v>0</v>
      </c>
      <c r="BG9" s="193">
        <v>0</v>
      </c>
      <c r="BH9" s="195">
        <v>0</v>
      </c>
      <c r="BI9" s="196">
        <v>87</v>
      </c>
      <c r="BJ9" s="196">
        <v>77</v>
      </c>
      <c r="BK9" s="196">
        <v>48</v>
      </c>
      <c r="BL9" s="196">
        <v>28</v>
      </c>
      <c r="BM9" s="196">
        <v>13</v>
      </c>
      <c r="BN9" s="193">
        <v>253</v>
      </c>
      <c r="BO9" s="198">
        <v>253</v>
      </c>
      <c r="BP9" s="192">
        <v>4</v>
      </c>
      <c r="BQ9" s="196">
        <v>5</v>
      </c>
      <c r="BR9" s="193">
        <v>9</v>
      </c>
      <c r="BS9" s="195">
        <v>0</v>
      </c>
      <c r="BT9" s="196">
        <v>10</v>
      </c>
      <c r="BU9" s="196">
        <v>17</v>
      </c>
      <c r="BV9" s="196">
        <v>8</v>
      </c>
      <c r="BW9" s="196">
        <v>13</v>
      </c>
      <c r="BX9" s="196">
        <v>2</v>
      </c>
      <c r="BY9" s="193">
        <v>50</v>
      </c>
      <c r="BZ9" s="198">
        <v>59</v>
      </c>
      <c r="CA9" s="192">
        <v>1</v>
      </c>
      <c r="CB9" s="196">
        <v>2</v>
      </c>
      <c r="CC9" s="193">
        <v>3</v>
      </c>
      <c r="CD9" s="195">
        <v>0</v>
      </c>
      <c r="CE9" s="196">
        <v>9</v>
      </c>
      <c r="CF9" s="196">
        <v>16</v>
      </c>
      <c r="CG9" s="196">
        <v>17</v>
      </c>
      <c r="CH9" s="196">
        <v>12</v>
      </c>
      <c r="CI9" s="196">
        <v>7</v>
      </c>
      <c r="CJ9" s="193">
        <v>61</v>
      </c>
      <c r="CK9" s="198">
        <v>64</v>
      </c>
      <c r="CL9" s="192">
        <v>0</v>
      </c>
      <c r="CM9" s="196">
        <v>0</v>
      </c>
      <c r="CN9" s="193">
        <v>0</v>
      </c>
      <c r="CO9" s="195">
        <v>0</v>
      </c>
      <c r="CP9" s="196">
        <v>0</v>
      </c>
      <c r="CQ9" s="196">
        <v>1</v>
      </c>
      <c r="CR9" s="196">
        <v>1</v>
      </c>
      <c r="CS9" s="196">
        <v>3</v>
      </c>
      <c r="CT9" s="196">
        <v>1</v>
      </c>
      <c r="CU9" s="193">
        <v>6</v>
      </c>
      <c r="CV9" s="198">
        <v>6</v>
      </c>
      <c r="CW9" s="192">
        <v>0</v>
      </c>
      <c r="CX9" s="196">
        <v>0</v>
      </c>
      <c r="CY9" s="193">
        <v>0</v>
      </c>
      <c r="CZ9" s="195">
        <v>0</v>
      </c>
      <c r="DA9" s="196">
        <v>0</v>
      </c>
      <c r="DB9" s="196">
        <v>0</v>
      </c>
      <c r="DC9" s="196">
        <v>0</v>
      </c>
      <c r="DD9" s="196">
        <v>0</v>
      </c>
      <c r="DE9" s="196">
        <v>0</v>
      </c>
      <c r="DF9" s="193">
        <v>0</v>
      </c>
      <c r="DG9" s="198">
        <v>0</v>
      </c>
      <c r="DH9" s="192">
        <v>0</v>
      </c>
      <c r="DI9" s="196">
        <v>0</v>
      </c>
      <c r="DJ9" s="193">
        <v>0</v>
      </c>
      <c r="DK9" s="195">
        <v>0</v>
      </c>
      <c r="DL9" s="196">
        <v>0</v>
      </c>
      <c r="DM9" s="196">
        <v>0</v>
      </c>
      <c r="DN9" s="196">
        <v>0</v>
      </c>
      <c r="DO9" s="196">
        <v>0</v>
      </c>
      <c r="DP9" s="196">
        <v>0</v>
      </c>
      <c r="DQ9" s="193">
        <v>0</v>
      </c>
      <c r="DR9" s="198">
        <v>0</v>
      </c>
      <c r="DS9" s="192">
        <v>27</v>
      </c>
      <c r="DT9" s="196">
        <v>70</v>
      </c>
      <c r="DU9" s="193">
        <v>97</v>
      </c>
      <c r="DV9" s="195">
        <v>0</v>
      </c>
      <c r="DW9" s="196">
        <v>77</v>
      </c>
      <c r="DX9" s="196">
        <v>152</v>
      </c>
      <c r="DY9" s="196">
        <v>104</v>
      </c>
      <c r="DZ9" s="196">
        <v>92</v>
      </c>
      <c r="EA9" s="196">
        <v>45</v>
      </c>
      <c r="EB9" s="193">
        <v>470</v>
      </c>
      <c r="EC9" s="198">
        <v>567</v>
      </c>
      <c r="ED9" s="192">
        <v>9</v>
      </c>
      <c r="EE9" s="196">
        <v>16</v>
      </c>
      <c r="EF9" s="193">
        <v>25</v>
      </c>
      <c r="EG9" s="195">
        <v>0</v>
      </c>
      <c r="EH9" s="196">
        <v>23</v>
      </c>
      <c r="EI9" s="196">
        <v>28</v>
      </c>
      <c r="EJ9" s="196">
        <v>31</v>
      </c>
      <c r="EK9" s="196">
        <v>34</v>
      </c>
      <c r="EL9" s="196">
        <v>12</v>
      </c>
      <c r="EM9" s="193">
        <v>128</v>
      </c>
      <c r="EN9" s="198">
        <v>153</v>
      </c>
      <c r="EO9" s="192">
        <v>38</v>
      </c>
      <c r="EP9" s="196">
        <v>82</v>
      </c>
      <c r="EQ9" s="193">
        <v>120</v>
      </c>
      <c r="ER9" s="195">
        <v>0</v>
      </c>
      <c r="ES9" s="196">
        <v>202</v>
      </c>
      <c r="ET9" s="196">
        <v>206</v>
      </c>
      <c r="EU9" s="196">
        <v>122</v>
      </c>
      <c r="EV9" s="196">
        <v>106</v>
      </c>
      <c r="EW9" s="196">
        <v>46</v>
      </c>
      <c r="EX9" s="193">
        <v>682</v>
      </c>
      <c r="EY9" s="198">
        <v>802</v>
      </c>
    </row>
    <row r="10" spans="1:155" ht="19.5" customHeight="1" x14ac:dyDescent="0.2">
      <c r="A10" s="177" t="s">
        <v>7</v>
      </c>
      <c r="B10" s="192">
        <v>0</v>
      </c>
      <c r="C10" s="196">
        <v>0</v>
      </c>
      <c r="D10" s="458">
        <v>0</v>
      </c>
      <c r="E10" s="195">
        <v>0</v>
      </c>
      <c r="F10" s="196">
        <v>55</v>
      </c>
      <c r="G10" s="196">
        <v>39</v>
      </c>
      <c r="H10" s="196">
        <v>16</v>
      </c>
      <c r="I10" s="196">
        <v>9</v>
      </c>
      <c r="J10" s="196">
        <v>12</v>
      </c>
      <c r="K10" s="197">
        <v>131</v>
      </c>
      <c r="L10" s="198">
        <v>131</v>
      </c>
      <c r="M10" s="192">
        <v>0</v>
      </c>
      <c r="N10" s="196">
        <v>0</v>
      </c>
      <c r="O10" s="193">
        <v>0</v>
      </c>
      <c r="P10" s="195">
        <v>0</v>
      </c>
      <c r="Q10" s="196">
        <v>3</v>
      </c>
      <c r="R10" s="196">
        <v>2</v>
      </c>
      <c r="S10" s="196">
        <v>1</v>
      </c>
      <c r="T10" s="196">
        <v>1</v>
      </c>
      <c r="U10" s="196">
        <v>9</v>
      </c>
      <c r="V10" s="193">
        <v>16</v>
      </c>
      <c r="W10" s="198">
        <v>16</v>
      </c>
      <c r="X10" s="192">
        <v>0</v>
      </c>
      <c r="Y10" s="196">
        <v>2</v>
      </c>
      <c r="Z10" s="193">
        <v>2</v>
      </c>
      <c r="AA10" s="195">
        <v>0</v>
      </c>
      <c r="AB10" s="196">
        <v>26</v>
      </c>
      <c r="AC10" s="196">
        <v>32</v>
      </c>
      <c r="AD10" s="196">
        <v>9</v>
      </c>
      <c r="AE10" s="196">
        <v>11</v>
      </c>
      <c r="AF10" s="196">
        <v>10</v>
      </c>
      <c r="AG10" s="193">
        <v>88</v>
      </c>
      <c r="AH10" s="198">
        <v>90</v>
      </c>
      <c r="AI10" s="192">
        <v>0</v>
      </c>
      <c r="AJ10" s="196">
        <v>0</v>
      </c>
      <c r="AK10" s="193">
        <v>0</v>
      </c>
      <c r="AL10" s="195">
        <v>0</v>
      </c>
      <c r="AM10" s="196">
        <v>5</v>
      </c>
      <c r="AN10" s="196">
        <v>6</v>
      </c>
      <c r="AO10" s="196">
        <v>2</v>
      </c>
      <c r="AP10" s="196">
        <v>2</v>
      </c>
      <c r="AQ10" s="196">
        <v>0</v>
      </c>
      <c r="AR10" s="193">
        <v>15</v>
      </c>
      <c r="AS10" s="198">
        <v>15</v>
      </c>
      <c r="AT10" s="192">
        <v>14</v>
      </c>
      <c r="AU10" s="196">
        <v>4</v>
      </c>
      <c r="AV10" s="193">
        <v>18</v>
      </c>
      <c r="AW10" s="195">
        <v>0</v>
      </c>
      <c r="AX10" s="196">
        <v>57</v>
      </c>
      <c r="AY10" s="196">
        <v>52</v>
      </c>
      <c r="AZ10" s="196">
        <v>34</v>
      </c>
      <c r="BA10" s="196">
        <v>35</v>
      </c>
      <c r="BB10" s="196">
        <v>30</v>
      </c>
      <c r="BC10" s="197">
        <v>208</v>
      </c>
      <c r="BD10" s="198">
        <v>226</v>
      </c>
      <c r="BE10" s="192">
        <v>0</v>
      </c>
      <c r="BF10" s="196">
        <v>0</v>
      </c>
      <c r="BG10" s="193">
        <v>0</v>
      </c>
      <c r="BH10" s="195">
        <v>0</v>
      </c>
      <c r="BI10" s="196">
        <v>73</v>
      </c>
      <c r="BJ10" s="196">
        <v>41</v>
      </c>
      <c r="BK10" s="196">
        <v>13</v>
      </c>
      <c r="BL10" s="196">
        <v>5</v>
      </c>
      <c r="BM10" s="196">
        <v>4</v>
      </c>
      <c r="BN10" s="193">
        <v>136</v>
      </c>
      <c r="BO10" s="198">
        <v>136</v>
      </c>
      <c r="BP10" s="192">
        <v>1</v>
      </c>
      <c r="BQ10" s="196">
        <v>3</v>
      </c>
      <c r="BR10" s="193">
        <v>4</v>
      </c>
      <c r="BS10" s="195">
        <v>0</v>
      </c>
      <c r="BT10" s="196">
        <v>18</v>
      </c>
      <c r="BU10" s="196">
        <v>14</v>
      </c>
      <c r="BV10" s="196">
        <v>7</v>
      </c>
      <c r="BW10" s="196">
        <v>2</v>
      </c>
      <c r="BX10" s="196">
        <v>2</v>
      </c>
      <c r="BY10" s="193">
        <v>43</v>
      </c>
      <c r="BZ10" s="198">
        <v>47</v>
      </c>
      <c r="CA10" s="192">
        <v>0</v>
      </c>
      <c r="CB10" s="196">
        <v>0</v>
      </c>
      <c r="CC10" s="193">
        <v>0</v>
      </c>
      <c r="CD10" s="195">
        <v>0</v>
      </c>
      <c r="CE10" s="196">
        <v>8</v>
      </c>
      <c r="CF10" s="196">
        <v>5</v>
      </c>
      <c r="CG10" s="196">
        <v>11</v>
      </c>
      <c r="CH10" s="196">
        <v>5</v>
      </c>
      <c r="CI10" s="196">
        <v>3</v>
      </c>
      <c r="CJ10" s="193">
        <v>32</v>
      </c>
      <c r="CK10" s="198">
        <v>32</v>
      </c>
      <c r="CL10" s="192">
        <v>0</v>
      </c>
      <c r="CM10" s="196">
        <v>0</v>
      </c>
      <c r="CN10" s="193">
        <v>0</v>
      </c>
      <c r="CO10" s="195">
        <v>0</v>
      </c>
      <c r="CP10" s="196">
        <v>0</v>
      </c>
      <c r="CQ10" s="196">
        <v>1</v>
      </c>
      <c r="CR10" s="196">
        <v>0</v>
      </c>
      <c r="CS10" s="196">
        <v>0</v>
      </c>
      <c r="CT10" s="196">
        <v>1</v>
      </c>
      <c r="CU10" s="193">
        <v>2</v>
      </c>
      <c r="CV10" s="198">
        <v>2</v>
      </c>
      <c r="CW10" s="192">
        <v>0</v>
      </c>
      <c r="CX10" s="196">
        <v>0</v>
      </c>
      <c r="CY10" s="193">
        <v>0</v>
      </c>
      <c r="CZ10" s="195">
        <v>0</v>
      </c>
      <c r="DA10" s="196">
        <v>0</v>
      </c>
      <c r="DB10" s="196">
        <v>0</v>
      </c>
      <c r="DC10" s="196">
        <v>0</v>
      </c>
      <c r="DD10" s="196">
        <v>0</v>
      </c>
      <c r="DE10" s="196">
        <v>0</v>
      </c>
      <c r="DF10" s="193">
        <v>0</v>
      </c>
      <c r="DG10" s="198">
        <v>0</v>
      </c>
      <c r="DH10" s="192">
        <v>0</v>
      </c>
      <c r="DI10" s="196">
        <v>0</v>
      </c>
      <c r="DJ10" s="193">
        <v>0</v>
      </c>
      <c r="DK10" s="195">
        <v>0</v>
      </c>
      <c r="DL10" s="196">
        <v>0</v>
      </c>
      <c r="DM10" s="196">
        <v>0</v>
      </c>
      <c r="DN10" s="196">
        <v>0</v>
      </c>
      <c r="DO10" s="196">
        <v>0</v>
      </c>
      <c r="DP10" s="196">
        <v>0</v>
      </c>
      <c r="DQ10" s="193">
        <v>0</v>
      </c>
      <c r="DR10" s="198">
        <v>0</v>
      </c>
      <c r="DS10" s="192">
        <v>15</v>
      </c>
      <c r="DT10" s="196">
        <v>25</v>
      </c>
      <c r="DU10" s="193">
        <v>40</v>
      </c>
      <c r="DV10" s="195">
        <v>0</v>
      </c>
      <c r="DW10" s="196">
        <v>75</v>
      </c>
      <c r="DX10" s="196">
        <v>98</v>
      </c>
      <c r="DY10" s="196">
        <v>47</v>
      </c>
      <c r="DZ10" s="196">
        <v>26</v>
      </c>
      <c r="EA10" s="196">
        <v>22</v>
      </c>
      <c r="EB10" s="193">
        <v>268</v>
      </c>
      <c r="EC10" s="198">
        <v>308</v>
      </c>
      <c r="ED10" s="192">
        <v>12</v>
      </c>
      <c r="EE10" s="196">
        <v>5</v>
      </c>
      <c r="EF10" s="193">
        <v>17</v>
      </c>
      <c r="EG10" s="195">
        <v>0</v>
      </c>
      <c r="EH10" s="196">
        <v>29</v>
      </c>
      <c r="EI10" s="196">
        <v>21</v>
      </c>
      <c r="EJ10" s="196">
        <v>23</v>
      </c>
      <c r="EK10" s="196">
        <v>24</v>
      </c>
      <c r="EL10" s="196">
        <v>12</v>
      </c>
      <c r="EM10" s="193">
        <v>109</v>
      </c>
      <c r="EN10" s="198">
        <v>126</v>
      </c>
      <c r="EO10" s="192">
        <v>15</v>
      </c>
      <c r="EP10" s="196">
        <v>28</v>
      </c>
      <c r="EQ10" s="193">
        <v>43</v>
      </c>
      <c r="ER10" s="195">
        <v>0</v>
      </c>
      <c r="ES10" s="196">
        <v>167</v>
      </c>
      <c r="ET10" s="196">
        <v>133</v>
      </c>
      <c r="EU10" s="196">
        <v>55</v>
      </c>
      <c r="EV10" s="196">
        <v>26</v>
      </c>
      <c r="EW10" s="196">
        <v>22</v>
      </c>
      <c r="EX10" s="193">
        <v>403</v>
      </c>
      <c r="EY10" s="198">
        <v>446</v>
      </c>
    </row>
    <row r="11" spans="1:155" ht="19.5" customHeight="1" x14ac:dyDescent="0.2">
      <c r="A11" s="177" t="s">
        <v>8</v>
      </c>
      <c r="B11" s="192">
        <v>0</v>
      </c>
      <c r="C11" s="196">
        <v>0</v>
      </c>
      <c r="D11" s="458">
        <v>0</v>
      </c>
      <c r="E11" s="195">
        <v>0</v>
      </c>
      <c r="F11" s="196">
        <v>15</v>
      </c>
      <c r="G11" s="196">
        <v>25</v>
      </c>
      <c r="H11" s="196">
        <v>7</v>
      </c>
      <c r="I11" s="196">
        <v>10</v>
      </c>
      <c r="J11" s="196">
        <v>5</v>
      </c>
      <c r="K11" s="197">
        <v>62</v>
      </c>
      <c r="L11" s="198">
        <v>62</v>
      </c>
      <c r="M11" s="192">
        <v>0</v>
      </c>
      <c r="N11" s="196">
        <v>0</v>
      </c>
      <c r="O11" s="193">
        <v>0</v>
      </c>
      <c r="P11" s="195">
        <v>0</v>
      </c>
      <c r="Q11" s="196">
        <v>1</v>
      </c>
      <c r="R11" s="196">
        <v>0</v>
      </c>
      <c r="S11" s="196">
        <v>0</v>
      </c>
      <c r="T11" s="196">
        <v>8</v>
      </c>
      <c r="U11" s="196">
        <v>4</v>
      </c>
      <c r="V11" s="193">
        <v>13</v>
      </c>
      <c r="W11" s="198">
        <v>13</v>
      </c>
      <c r="X11" s="192">
        <v>2</v>
      </c>
      <c r="Y11" s="196">
        <v>2</v>
      </c>
      <c r="Z11" s="193">
        <v>4</v>
      </c>
      <c r="AA11" s="195">
        <v>0</v>
      </c>
      <c r="AB11" s="196">
        <v>11</v>
      </c>
      <c r="AC11" s="196">
        <v>12</v>
      </c>
      <c r="AD11" s="196">
        <v>6</v>
      </c>
      <c r="AE11" s="196">
        <v>12</v>
      </c>
      <c r="AF11" s="196">
        <v>4</v>
      </c>
      <c r="AG11" s="193">
        <v>45</v>
      </c>
      <c r="AH11" s="198">
        <v>49</v>
      </c>
      <c r="AI11" s="192">
        <v>0</v>
      </c>
      <c r="AJ11" s="196">
        <v>1</v>
      </c>
      <c r="AK11" s="193">
        <v>1</v>
      </c>
      <c r="AL11" s="195">
        <v>0</v>
      </c>
      <c r="AM11" s="196">
        <v>0</v>
      </c>
      <c r="AN11" s="196">
        <v>3</v>
      </c>
      <c r="AO11" s="196">
        <v>6</v>
      </c>
      <c r="AP11" s="196">
        <v>4</v>
      </c>
      <c r="AQ11" s="196">
        <v>3</v>
      </c>
      <c r="AR11" s="193">
        <v>16</v>
      </c>
      <c r="AS11" s="198">
        <v>17</v>
      </c>
      <c r="AT11" s="192">
        <v>4</v>
      </c>
      <c r="AU11" s="196">
        <v>2</v>
      </c>
      <c r="AV11" s="193">
        <v>6</v>
      </c>
      <c r="AW11" s="195">
        <v>0</v>
      </c>
      <c r="AX11" s="196">
        <v>12</v>
      </c>
      <c r="AY11" s="196">
        <v>20</v>
      </c>
      <c r="AZ11" s="196">
        <v>19</v>
      </c>
      <c r="BA11" s="196">
        <v>31</v>
      </c>
      <c r="BB11" s="196">
        <v>16</v>
      </c>
      <c r="BC11" s="197">
        <v>98</v>
      </c>
      <c r="BD11" s="198">
        <v>104</v>
      </c>
      <c r="BE11" s="192">
        <v>0</v>
      </c>
      <c r="BF11" s="196">
        <v>0</v>
      </c>
      <c r="BG11" s="193">
        <v>0</v>
      </c>
      <c r="BH11" s="195">
        <v>0</v>
      </c>
      <c r="BI11" s="196">
        <v>20</v>
      </c>
      <c r="BJ11" s="196">
        <v>28</v>
      </c>
      <c r="BK11" s="196">
        <v>7</v>
      </c>
      <c r="BL11" s="196">
        <v>10</v>
      </c>
      <c r="BM11" s="196">
        <v>4</v>
      </c>
      <c r="BN11" s="193">
        <v>69</v>
      </c>
      <c r="BO11" s="198">
        <v>69</v>
      </c>
      <c r="BP11" s="192">
        <v>1</v>
      </c>
      <c r="BQ11" s="196">
        <v>4</v>
      </c>
      <c r="BR11" s="193">
        <v>5</v>
      </c>
      <c r="BS11" s="195">
        <v>0</v>
      </c>
      <c r="BT11" s="196">
        <v>15</v>
      </c>
      <c r="BU11" s="196">
        <v>11</v>
      </c>
      <c r="BV11" s="196">
        <v>4</v>
      </c>
      <c r="BW11" s="196">
        <v>4</v>
      </c>
      <c r="BX11" s="196">
        <v>2</v>
      </c>
      <c r="BY11" s="193">
        <v>36</v>
      </c>
      <c r="BZ11" s="198">
        <v>41</v>
      </c>
      <c r="CA11" s="192">
        <v>0</v>
      </c>
      <c r="CB11" s="196">
        <v>0</v>
      </c>
      <c r="CC11" s="193">
        <v>0</v>
      </c>
      <c r="CD11" s="195">
        <v>0</v>
      </c>
      <c r="CE11" s="196">
        <v>3</v>
      </c>
      <c r="CF11" s="196">
        <v>7</v>
      </c>
      <c r="CG11" s="196">
        <v>4</v>
      </c>
      <c r="CH11" s="196">
        <v>7</v>
      </c>
      <c r="CI11" s="196">
        <v>1</v>
      </c>
      <c r="CJ11" s="193">
        <v>22</v>
      </c>
      <c r="CK11" s="198">
        <v>22</v>
      </c>
      <c r="CL11" s="192">
        <v>0</v>
      </c>
      <c r="CM11" s="196">
        <v>0</v>
      </c>
      <c r="CN11" s="193">
        <v>0</v>
      </c>
      <c r="CO11" s="195">
        <v>0</v>
      </c>
      <c r="CP11" s="196">
        <v>0</v>
      </c>
      <c r="CQ11" s="196">
        <v>1</v>
      </c>
      <c r="CR11" s="196">
        <v>0</v>
      </c>
      <c r="CS11" s="196">
        <v>0</v>
      </c>
      <c r="CT11" s="196">
        <v>1</v>
      </c>
      <c r="CU11" s="193">
        <v>2</v>
      </c>
      <c r="CV11" s="198">
        <v>2</v>
      </c>
      <c r="CW11" s="192">
        <v>0</v>
      </c>
      <c r="CX11" s="196">
        <v>0</v>
      </c>
      <c r="CY11" s="193">
        <v>0</v>
      </c>
      <c r="CZ11" s="195">
        <v>0</v>
      </c>
      <c r="DA11" s="196">
        <v>0</v>
      </c>
      <c r="DB11" s="196">
        <v>0</v>
      </c>
      <c r="DC11" s="196">
        <v>0</v>
      </c>
      <c r="DD11" s="196">
        <v>0</v>
      </c>
      <c r="DE11" s="196">
        <v>0</v>
      </c>
      <c r="DF11" s="193">
        <v>0</v>
      </c>
      <c r="DG11" s="198">
        <v>0</v>
      </c>
      <c r="DH11" s="192">
        <v>0</v>
      </c>
      <c r="DI11" s="196">
        <v>0</v>
      </c>
      <c r="DJ11" s="193">
        <v>0</v>
      </c>
      <c r="DK11" s="195">
        <v>0</v>
      </c>
      <c r="DL11" s="196">
        <v>0</v>
      </c>
      <c r="DM11" s="196">
        <v>0</v>
      </c>
      <c r="DN11" s="196">
        <v>0</v>
      </c>
      <c r="DO11" s="196">
        <v>0</v>
      </c>
      <c r="DP11" s="196">
        <v>0</v>
      </c>
      <c r="DQ11" s="193">
        <v>0</v>
      </c>
      <c r="DR11" s="198">
        <v>0</v>
      </c>
      <c r="DS11" s="192">
        <v>11</v>
      </c>
      <c r="DT11" s="196">
        <v>15</v>
      </c>
      <c r="DU11" s="193">
        <v>26</v>
      </c>
      <c r="DV11" s="195">
        <v>0</v>
      </c>
      <c r="DW11" s="196">
        <v>44</v>
      </c>
      <c r="DX11" s="196">
        <v>59</v>
      </c>
      <c r="DY11" s="196">
        <v>23</v>
      </c>
      <c r="DZ11" s="196">
        <v>28</v>
      </c>
      <c r="EA11" s="196">
        <v>12</v>
      </c>
      <c r="EB11" s="193">
        <v>166</v>
      </c>
      <c r="EC11" s="198">
        <v>192</v>
      </c>
      <c r="ED11" s="192">
        <v>4</v>
      </c>
      <c r="EE11" s="196">
        <v>0</v>
      </c>
      <c r="EF11" s="193">
        <v>4</v>
      </c>
      <c r="EG11" s="195">
        <v>0</v>
      </c>
      <c r="EH11" s="196">
        <v>9</v>
      </c>
      <c r="EI11" s="196">
        <v>8</v>
      </c>
      <c r="EJ11" s="196">
        <v>9</v>
      </c>
      <c r="EK11" s="196">
        <v>8</v>
      </c>
      <c r="EL11" s="196">
        <v>9</v>
      </c>
      <c r="EM11" s="193">
        <v>43</v>
      </c>
      <c r="EN11" s="198">
        <v>47</v>
      </c>
      <c r="EO11" s="192">
        <v>13</v>
      </c>
      <c r="EP11" s="196">
        <v>19</v>
      </c>
      <c r="EQ11" s="193">
        <v>32</v>
      </c>
      <c r="ER11" s="195">
        <v>0</v>
      </c>
      <c r="ES11" s="196">
        <v>84</v>
      </c>
      <c r="ET11" s="196">
        <v>82</v>
      </c>
      <c r="EU11" s="196">
        <v>26</v>
      </c>
      <c r="EV11" s="196">
        <v>31</v>
      </c>
      <c r="EW11" s="196">
        <v>11</v>
      </c>
      <c r="EX11" s="193">
        <v>234</v>
      </c>
      <c r="EY11" s="198">
        <v>266</v>
      </c>
    </row>
    <row r="12" spans="1:155" ht="19.5" customHeight="1" x14ac:dyDescent="0.2">
      <c r="A12" s="177" t="s">
        <v>9</v>
      </c>
      <c r="B12" s="192">
        <v>0</v>
      </c>
      <c r="C12" s="196">
        <v>0</v>
      </c>
      <c r="D12" s="458">
        <v>0</v>
      </c>
      <c r="E12" s="195">
        <v>0</v>
      </c>
      <c r="F12" s="196">
        <v>73</v>
      </c>
      <c r="G12" s="196">
        <v>49</v>
      </c>
      <c r="H12" s="196">
        <v>39</v>
      </c>
      <c r="I12" s="196">
        <v>43</v>
      </c>
      <c r="J12" s="196">
        <v>30</v>
      </c>
      <c r="K12" s="197">
        <v>234</v>
      </c>
      <c r="L12" s="198">
        <v>234</v>
      </c>
      <c r="M12" s="192">
        <v>0</v>
      </c>
      <c r="N12" s="196">
        <v>0</v>
      </c>
      <c r="O12" s="193">
        <v>0</v>
      </c>
      <c r="P12" s="195">
        <v>0</v>
      </c>
      <c r="Q12" s="196">
        <v>4</v>
      </c>
      <c r="R12" s="196">
        <v>0</v>
      </c>
      <c r="S12" s="196">
        <v>3</v>
      </c>
      <c r="T12" s="196">
        <v>4</v>
      </c>
      <c r="U12" s="196">
        <v>17</v>
      </c>
      <c r="V12" s="193">
        <v>28</v>
      </c>
      <c r="W12" s="198">
        <v>28</v>
      </c>
      <c r="X12" s="192">
        <v>5</v>
      </c>
      <c r="Y12" s="196">
        <v>8</v>
      </c>
      <c r="Z12" s="193">
        <v>13</v>
      </c>
      <c r="AA12" s="195">
        <v>0</v>
      </c>
      <c r="AB12" s="196">
        <v>43</v>
      </c>
      <c r="AC12" s="196">
        <v>33</v>
      </c>
      <c r="AD12" s="196">
        <v>24</v>
      </c>
      <c r="AE12" s="196">
        <v>31</v>
      </c>
      <c r="AF12" s="196">
        <v>18</v>
      </c>
      <c r="AG12" s="193">
        <v>149</v>
      </c>
      <c r="AH12" s="198">
        <v>162</v>
      </c>
      <c r="AI12" s="192">
        <v>1</v>
      </c>
      <c r="AJ12" s="196">
        <v>0</v>
      </c>
      <c r="AK12" s="193">
        <v>1</v>
      </c>
      <c r="AL12" s="195">
        <v>0</v>
      </c>
      <c r="AM12" s="196">
        <v>10</v>
      </c>
      <c r="AN12" s="196">
        <v>11</v>
      </c>
      <c r="AO12" s="196">
        <v>7</v>
      </c>
      <c r="AP12" s="196">
        <v>7</v>
      </c>
      <c r="AQ12" s="196">
        <v>7</v>
      </c>
      <c r="AR12" s="193">
        <v>42</v>
      </c>
      <c r="AS12" s="198">
        <v>43</v>
      </c>
      <c r="AT12" s="192">
        <v>16</v>
      </c>
      <c r="AU12" s="196">
        <v>5</v>
      </c>
      <c r="AV12" s="193">
        <v>21</v>
      </c>
      <c r="AW12" s="195">
        <v>0</v>
      </c>
      <c r="AX12" s="196">
        <v>49</v>
      </c>
      <c r="AY12" s="196">
        <v>64</v>
      </c>
      <c r="AZ12" s="196">
        <v>55</v>
      </c>
      <c r="BA12" s="196">
        <v>68</v>
      </c>
      <c r="BB12" s="196">
        <v>53</v>
      </c>
      <c r="BC12" s="197">
        <v>289</v>
      </c>
      <c r="BD12" s="198">
        <v>310</v>
      </c>
      <c r="BE12" s="192">
        <v>0</v>
      </c>
      <c r="BF12" s="196">
        <v>0</v>
      </c>
      <c r="BG12" s="193">
        <v>0</v>
      </c>
      <c r="BH12" s="195">
        <v>0</v>
      </c>
      <c r="BI12" s="196">
        <v>50</v>
      </c>
      <c r="BJ12" s="196">
        <v>45</v>
      </c>
      <c r="BK12" s="196">
        <v>28</v>
      </c>
      <c r="BL12" s="196">
        <v>13</v>
      </c>
      <c r="BM12" s="196">
        <v>5</v>
      </c>
      <c r="BN12" s="193">
        <v>141</v>
      </c>
      <c r="BO12" s="198">
        <v>141</v>
      </c>
      <c r="BP12" s="192">
        <v>3</v>
      </c>
      <c r="BQ12" s="196">
        <v>7</v>
      </c>
      <c r="BR12" s="193">
        <v>10</v>
      </c>
      <c r="BS12" s="195">
        <v>0</v>
      </c>
      <c r="BT12" s="196">
        <v>11</v>
      </c>
      <c r="BU12" s="196">
        <v>19</v>
      </c>
      <c r="BV12" s="196">
        <v>10</v>
      </c>
      <c r="BW12" s="196">
        <v>8</v>
      </c>
      <c r="BX12" s="196">
        <v>2</v>
      </c>
      <c r="BY12" s="193">
        <v>50</v>
      </c>
      <c r="BZ12" s="198">
        <v>60</v>
      </c>
      <c r="CA12" s="192">
        <v>0</v>
      </c>
      <c r="CB12" s="196">
        <v>0</v>
      </c>
      <c r="CC12" s="193">
        <v>0</v>
      </c>
      <c r="CD12" s="195">
        <v>0</v>
      </c>
      <c r="CE12" s="196">
        <v>5</v>
      </c>
      <c r="CF12" s="196">
        <v>11</v>
      </c>
      <c r="CG12" s="196">
        <v>8</v>
      </c>
      <c r="CH12" s="196">
        <v>7</v>
      </c>
      <c r="CI12" s="196">
        <v>8</v>
      </c>
      <c r="CJ12" s="193">
        <v>39</v>
      </c>
      <c r="CK12" s="198">
        <v>39</v>
      </c>
      <c r="CL12" s="192">
        <v>0</v>
      </c>
      <c r="CM12" s="196">
        <v>0</v>
      </c>
      <c r="CN12" s="193">
        <v>0</v>
      </c>
      <c r="CO12" s="195">
        <v>0</v>
      </c>
      <c r="CP12" s="196">
        <v>0</v>
      </c>
      <c r="CQ12" s="196">
        <v>1</v>
      </c>
      <c r="CR12" s="196">
        <v>5</v>
      </c>
      <c r="CS12" s="196">
        <v>1</v>
      </c>
      <c r="CT12" s="196">
        <v>2</v>
      </c>
      <c r="CU12" s="193">
        <v>9</v>
      </c>
      <c r="CV12" s="198">
        <v>9</v>
      </c>
      <c r="CW12" s="192">
        <v>0</v>
      </c>
      <c r="CX12" s="196">
        <v>0</v>
      </c>
      <c r="CY12" s="193">
        <v>0</v>
      </c>
      <c r="CZ12" s="195">
        <v>0</v>
      </c>
      <c r="DA12" s="196">
        <v>0</v>
      </c>
      <c r="DB12" s="196">
        <v>0</v>
      </c>
      <c r="DC12" s="196">
        <v>0</v>
      </c>
      <c r="DD12" s="196">
        <v>0</v>
      </c>
      <c r="DE12" s="196">
        <v>0</v>
      </c>
      <c r="DF12" s="193">
        <v>0</v>
      </c>
      <c r="DG12" s="198">
        <v>0</v>
      </c>
      <c r="DH12" s="192">
        <v>0</v>
      </c>
      <c r="DI12" s="196">
        <v>0</v>
      </c>
      <c r="DJ12" s="193">
        <v>0</v>
      </c>
      <c r="DK12" s="195">
        <v>0</v>
      </c>
      <c r="DL12" s="196">
        <v>0</v>
      </c>
      <c r="DM12" s="196">
        <v>0</v>
      </c>
      <c r="DN12" s="196">
        <v>0</v>
      </c>
      <c r="DO12" s="196">
        <v>0</v>
      </c>
      <c r="DP12" s="196">
        <v>0</v>
      </c>
      <c r="DQ12" s="193">
        <v>0</v>
      </c>
      <c r="DR12" s="198">
        <v>0</v>
      </c>
      <c r="DS12" s="192">
        <v>28</v>
      </c>
      <c r="DT12" s="196">
        <v>51</v>
      </c>
      <c r="DU12" s="193">
        <v>79</v>
      </c>
      <c r="DV12" s="195">
        <v>0</v>
      </c>
      <c r="DW12" s="196">
        <v>86</v>
      </c>
      <c r="DX12" s="196">
        <v>100</v>
      </c>
      <c r="DY12" s="196">
        <v>73</v>
      </c>
      <c r="DZ12" s="196">
        <v>54</v>
      </c>
      <c r="EA12" s="196">
        <v>50</v>
      </c>
      <c r="EB12" s="193">
        <v>363</v>
      </c>
      <c r="EC12" s="198">
        <v>442</v>
      </c>
      <c r="ED12" s="192">
        <v>15</v>
      </c>
      <c r="EE12" s="196">
        <v>6</v>
      </c>
      <c r="EF12" s="193">
        <v>21</v>
      </c>
      <c r="EG12" s="195">
        <v>0</v>
      </c>
      <c r="EH12" s="196">
        <v>23</v>
      </c>
      <c r="EI12" s="196">
        <v>22</v>
      </c>
      <c r="EJ12" s="196">
        <v>18</v>
      </c>
      <c r="EK12" s="196">
        <v>25</v>
      </c>
      <c r="EL12" s="196">
        <v>17</v>
      </c>
      <c r="EM12" s="193">
        <v>105</v>
      </c>
      <c r="EN12" s="198">
        <v>126</v>
      </c>
      <c r="EO12" s="192">
        <v>33</v>
      </c>
      <c r="EP12" s="196">
        <v>53</v>
      </c>
      <c r="EQ12" s="193">
        <v>86</v>
      </c>
      <c r="ER12" s="195">
        <v>0</v>
      </c>
      <c r="ES12" s="196">
        <v>166</v>
      </c>
      <c r="ET12" s="196">
        <v>139</v>
      </c>
      <c r="EU12" s="196">
        <v>91</v>
      </c>
      <c r="EV12" s="196">
        <v>61</v>
      </c>
      <c r="EW12" s="196">
        <v>47</v>
      </c>
      <c r="EX12" s="193">
        <v>504</v>
      </c>
      <c r="EY12" s="198">
        <v>590</v>
      </c>
    </row>
    <row r="13" spans="1:155" ht="19.5" customHeight="1" x14ac:dyDescent="0.2">
      <c r="A13" s="177" t="s">
        <v>10</v>
      </c>
      <c r="B13" s="192">
        <v>0</v>
      </c>
      <c r="C13" s="196">
        <v>0</v>
      </c>
      <c r="D13" s="458">
        <v>0</v>
      </c>
      <c r="E13" s="195">
        <v>0</v>
      </c>
      <c r="F13" s="196">
        <v>88</v>
      </c>
      <c r="G13" s="196">
        <v>44</v>
      </c>
      <c r="H13" s="196">
        <v>29</v>
      </c>
      <c r="I13" s="196">
        <v>33</v>
      </c>
      <c r="J13" s="196">
        <v>26</v>
      </c>
      <c r="K13" s="197">
        <v>220</v>
      </c>
      <c r="L13" s="198">
        <v>220</v>
      </c>
      <c r="M13" s="192">
        <v>0</v>
      </c>
      <c r="N13" s="196">
        <v>0</v>
      </c>
      <c r="O13" s="193">
        <v>0</v>
      </c>
      <c r="P13" s="195">
        <v>0</v>
      </c>
      <c r="Q13" s="196">
        <v>2</v>
      </c>
      <c r="R13" s="196">
        <v>2</v>
      </c>
      <c r="S13" s="196">
        <v>1</v>
      </c>
      <c r="T13" s="196">
        <v>1</v>
      </c>
      <c r="U13" s="196">
        <v>10</v>
      </c>
      <c r="V13" s="193">
        <v>16</v>
      </c>
      <c r="W13" s="198">
        <v>16</v>
      </c>
      <c r="X13" s="192">
        <v>12</v>
      </c>
      <c r="Y13" s="196">
        <v>25</v>
      </c>
      <c r="Z13" s="193">
        <v>37</v>
      </c>
      <c r="AA13" s="195">
        <v>0</v>
      </c>
      <c r="AB13" s="196">
        <v>51</v>
      </c>
      <c r="AC13" s="196">
        <v>38</v>
      </c>
      <c r="AD13" s="196">
        <v>25</v>
      </c>
      <c r="AE13" s="196">
        <v>17</v>
      </c>
      <c r="AF13" s="196">
        <v>12</v>
      </c>
      <c r="AG13" s="193">
        <v>143</v>
      </c>
      <c r="AH13" s="198">
        <v>180</v>
      </c>
      <c r="AI13" s="192">
        <v>3</v>
      </c>
      <c r="AJ13" s="196">
        <v>7</v>
      </c>
      <c r="AK13" s="193">
        <v>10</v>
      </c>
      <c r="AL13" s="195">
        <v>0</v>
      </c>
      <c r="AM13" s="196">
        <v>3</v>
      </c>
      <c r="AN13" s="196">
        <v>5</v>
      </c>
      <c r="AO13" s="196">
        <v>6</v>
      </c>
      <c r="AP13" s="196">
        <v>5</v>
      </c>
      <c r="AQ13" s="196">
        <v>3</v>
      </c>
      <c r="AR13" s="193">
        <v>22</v>
      </c>
      <c r="AS13" s="198">
        <v>32</v>
      </c>
      <c r="AT13" s="192">
        <v>16</v>
      </c>
      <c r="AU13" s="196">
        <v>26</v>
      </c>
      <c r="AV13" s="193">
        <v>42</v>
      </c>
      <c r="AW13" s="195">
        <v>0</v>
      </c>
      <c r="AX13" s="196">
        <v>95</v>
      </c>
      <c r="AY13" s="196">
        <v>85</v>
      </c>
      <c r="AZ13" s="196">
        <v>70</v>
      </c>
      <c r="BA13" s="196">
        <v>72</v>
      </c>
      <c r="BB13" s="196">
        <v>73</v>
      </c>
      <c r="BC13" s="197">
        <v>395</v>
      </c>
      <c r="BD13" s="198">
        <v>437</v>
      </c>
      <c r="BE13" s="192">
        <v>0</v>
      </c>
      <c r="BF13" s="196">
        <v>0</v>
      </c>
      <c r="BG13" s="193">
        <v>0</v>
      </c>
      <c r="BH13" s="195">
        <v>0</v>
      </c>
      <c r="BI13" s="196">
        <v>116</v>
      </c>
      <c r="BJ13" s="196">
        <v>69</v>
      </c>
      <c r="BK13" s="196">
        <v>23</v>
      </c>
      <c r="BL13" s="196">
        <v>16</v>
      </c>
      <c r="BM13" s="196">
        <v>2</v>
      </c>
      <c r="BN13" s="193">
        <v>226</v>
      </c>
      <c r="BO13" s="198">
        <v>226</v>
      </c>
      <c r="BP13" s="192">
        <v>5</v>
      </c>
      <c r="BQ13" s="196">
        <v>2</v>
      </c>
      <c r="BR13" s="193">
        <v>7</v>
      </c>
      <c r="BS13" s="195">
        <v>0</v>
      </c>
      <c r="BT13" s="196">
        <v>17</v>
      </c>
      <c r="BU13" s="196">
        <v>7</v>
      </c>
      <c r="BV13" s="196">
        <v>7</v>
      </c>
      <c r="BW13" s="196">
        <v>4</v>
      </c>
      <c r="BX13" s="196">
        <v>2</v>
      </c>
      <c r="BY13" s="193">
        <v>37</v>
      </c>
      <c r="BZ13" s="198">
        <v>44</v>
      </c>
      <c r="CA13" s="192">
        <v>4</v>
      </c>
      <c r="CB13" s="196">
        <v>2</v>
      </c>
      <c r="CC13" s="193">
        <v>6</v>
      </c>
      <c r="CD13" s="195">
        <v>0</v>
      </c>
      <c r="CE13" s="196">
        <v>15</v>
      </c>
      <c r="CF13" s="196">
        <v>12</v>
      </c>
      <c r="CG13" s="196">
        <v>11</v>
      </c>
      <c r="CH13" s="196">
        <v>8</v>
      </c>
      <c r="CI13" s="196">
        <v>3</v>
      </c>
      <c r="CJ13" s="193">
        <v>49</v>
      </c>
      <c r="CK13" s="198">
        <v>55</v>
      </c>
      <c r="CL13" s="192">
        <v>0</v>
      </c>
      <c r="CM13" s="196">
        <v>0</v>
      </c>
      <c r="CN13" s="193">
        <v>0</v>
      </c>
      <c r="CO13" s="195">
        <v>0</v>
      </c>
      <c r="CP13" s="196">
        <v>0</v>
      </c>
      <c r="CQ13" s="196">
        <v>5</v>
      </c>
      <c r="CR13" s="196">
        <v>1</v>
      </c>
      <c r="CS13" s="196">
        <v>1</v>
      </c>
      <c r="CT13" s="196">
        <v>0</v>
      </c>
      <c r="CU13" s="193">
        <v>7</v>
      </c>
      <c r="CV13" s="198">
        <v>7</v>
      </c>
      <c r="CW13" s="192">
        <v>0</v>
      </c>
      <c r="CX13" s="196">
        <v>0</v>
      </c>
      <c r="CY13" s="193">
        <v>0</v>
      </c>
      <c r="CZ13" s="195">
        <v>0</v>
      </c>
      <c r="DA13" s="196">
        <v>0</v>
      </c>
      <c r="DB13" s="196">
        <v>0</v>
      </c>
      <c r="DC13" s="196">
        <v>0</v>
      </c>
      <c r="DD13" s="196">
        <v>0</v>
      </c>
      <c r="DE13" s="196">
        <v>0</v>
      </c>
      <c r="DF13" s="193">
        <v>0</v>
      </c>
      <c r="DG13" s="198">
        <v>0</v>
      </c>
      <c r="DH13" s="192">
        <v>0</v>
      </c>
      <c r="DI13" s="196">
        <v>0</v>
      </c>
      <c r="DJ13" s="193">
        <v>0</v>
      </c>
      <c r="DK13" s="195">
        <v>0</v>
      </c>
      <c r="DL13" s="196">
        <v>0</v>
      </c>
      <c r="DM13" s="196">
        <v>0</v>
      </c>
      <c r="DN13" s="196">
        <v>0</v>
      </c>
      <c r="DO13" s="196">
        <v>0</v>
      </c>
      <c r="DP13" s="196">
        <v>0</v>
      </c>
      <c r="DQ13" s="193">
        <v>0</v>
      </c>
      <c r="DR13" s="198">
        <v>0</v>
      </c>
      <c r="DS13" s="192">
        <v>46</v>
      </c>
      <c r="DT13" s="196">
        <v>83</v>
      </c>
      <c r="DU13" s="193">
        <v>129</v>
      </c>
      <c r="DV13" s="195">
        <v>0</v>
      </c>
      <c r="DW13" s="196">
        <v>131</v>
      </c>
      <c r="DX13" s="196">
        <v>101</v>
      </c>
      <c r="DY13" s="196">
        <v>55</v>
      </c>
      <c r="DZ13" s="196">
        <v>61</v>
      </c>
      <c r="EA13" s="196">
        <v>37</v>
      </c>
      <c r="EB13" s="193">
        <v>385</v>
      </c>
      <c r="EC13" s="198">
        <v>514</v>
      </c>
      <c r="ED13" s="192">
        <v>9</v>
      </c>
      <c r="EE13" s="196">
        <v>9</v>
      </c>
      <c r="EF13" s="193">
        <v>18</v>
      </c>
      <c r="EG13" s="195">
        <v>0</v>
      </c>
      <c r="EH13" s="196">
        <v>32</v>
      </c>
      <c r="EI13" s="196">
        <v>25</v>
      </c>
      <c r="EJ13" s="196">
        <v>24</v>
      </c>
      <c r="EK13" s="196">
        <v>25</v>
      </c>
      <c r="EL13" s="196">
        <v>28</v>
      </c>
      <c r="EM13" s="193">
        <v>134</v>
      </c>
      <c r="EN13" s="198">
        <v>152</v>
      </c>
      <c r="EO13" s="192">
        <v>66</v>
      </c>
      <c r="EP13" s="196">
        <v>98</v>
      </c>
      <c r="EQ13" s="193">
        <v>164</v>
      </c>
      <c r="ER13" s="195">
        <v>0</v>
      </c>
      <c r="ES13" s="196">
        <v>245</v>
      </c>
      <c r="ET13" s="196">
        <v>137</v>
      </c>
      <c r="EU13" s="196">
        <v>65</v>
      </c>
      <c r="EV13" s="196">
        <v>60</v>
      </c>
      <c r="EW13" s="196">
        <v>37</v>
      </c>
      <c r="EX13" s="193">
        <v>544</v>
      </c>
      <c r="EY13" s="198">
        <v>708</v>
      </c>
    </row>
    <row r="14" spans="1:155" ht="19.5" customHeight="1" x14ac:dyDescent="0.2">
      <c r="A14" s="177" t="s">
        <v>11</v>
      </c>
      <c r="B14" s="192">
        <v>0</v>
      </c>
      <c r="C14" s="196">
        <v>0</v>
      </c>
      <c r="D14" s="458">
        <v>0</v>
      </c>
      <c r="E14" s="195">
        <v>0</v>
      </c>
      <c r="F14" s="196">
        <v>19</v>
      </c>
      <c r="G14" s="196">
        <v>6</v>
      </c>
      <c r="H14" s="196">
        <v>12</v>
      </c>
      <c r="I14" s="196">
        <v>8</v>
      </c>
      <c r="J14" s="196">
        <v>10</v>
      </c>
      <c r="K14" s="197">
        <v>55</v>
      </c>
      <c r="L14" s="198">
        <v>55</v>
      </c>
      <c r="M14" s="192">
        <v>0</v>
      </c>
      <c r="N14" s="196">
        <v>0</v>
      </c>
      <c r="O14" s="193">
        <v>0</v>
      </c>
      <c r="P14" s="195">
        <v>0</v>
      </c>
      <c r="Q14" s="196">
        <v>0</v>
      </c>
      <c r="R14" s="196">
        <v>1</v>
      </c>
      <c r="S14" s="196">
        <v>2</v>
      </c>
      <c r="T14" s="196">
        <v>3</v>
      </c>
      <c r="U14" s="196">
        <v>3</v>
      </c>
      <c r="V14" s="193">
        <v>9</v>
      </c>
      <c r="W14" s="198">
        <v>9</v>
      </c>
      <c r="X14" s="192">
        <v>7</v>
      </c>
      <c r="Y14" s="196">
        <v>3</v>
      </c>
      <c r="Z14" s="193">
        <v>10</v>
      </c>
      <c r="AA14" s="195">
        <v>0</v>
      </c>
      <c r="AB14" s="196">
        <v>23</v>
      </c>
      <c r="AC14" s="196">
        <v>7</v>
      </c>
      <c r="AD14" s="196">
        <v>8</v>
      </c>
      <c r="AE14" s="196">
        <v>9</v>
      </c>
      <c r="AF14" s="196">
        <v>9</v>
      </c>
      <c r="AG14" s="193">
        <v>56</v>
      </c>
      <c r="AH14" s="198">
        <v>66</v>
      </c>
      <c r="AI14" s="192">
        <v>0</v>
      </c>
      <c r="AJ14" s="196">
        <v>1</v>
      </c>
      <c r="AK14" s="193">
        <v>1</v>
      </c>
      <c r="AL14" s="195">
        <v>0</v>
      </c>
      <c r="AM14" s="196">
        <v>5</v>
      </c>
      <c r="AN14" s="196">
        <v>1</v>
      </c>
      <c r="AO14" s="196">
        <v>2</v>
      </c>
      <c r="AP14" s="196">
        <v>0</v>
      </c>
      <c r="AQ14" s="196">
        <v>1</v>
      </c>
      <c r="AR14" s="193">
        <v>9</v>
      </c>
      <c r="AS14" s="198">
        <v>10</v>
      </c>
      <c r="AT14" s="192">
        <v>5</v>
      </c>
      <c r="AU14" s="196">
        <v>3</v>
      </c>
      <c r="AV14" s="193">
        <v>8</v>
      </c>
      <c r="AW14" s="195">
        <v>0</v>
      </c>
      <c r="AX14" s="196">
        <v>24</v>
      </c>
      <c r="AY14" s="196">
        <v>12</v>
      </c>
      <c r="AZ14" s="196">
        <v>24</v>
      </c>
      <c r="BA14" s="196">
        <v>20</v>
      </c>
      <c r="BB14" s="196">
        <v>18</v>
      </c>
      <c r="BC14" s="197">
        <v>98</v>
      </c>
      <c r="BD14" s="198">
        <v>106</v>
      </c>
      <c r="BE14" s="192">
        <v>0</v>
      </c>
      <c r="BF14" s="196">
        <v>0</v>
      </c>
      <c r="BG14" s="193">
        <v>0</v>
      </c>
      <c r="BH14" s="195">
        <v>0</v>
      </c>
      <c r="BI14" s="196">
        <v>27</v>
      </c>
      <c r="BJ14" s="196">
        <v>9</v>
      </c>
      <c r="BK14" s="196">
        <v>10</v>
      </c>
      <c r="BL14" s="196">
        <v>7</v>
      </c>
      <c r="BM14" s="196">
        <v>4</v>
      </c>
      <c r="BN14" s="193">
        <v>57</v>
      </c>
      <c r="BO14" s="198">
        <v>57</v>
      </c>
      <c r="BP14" s="192">
        <v>1</v>
      </c>
      <c r="BQ14" s="196">
        <v>4</v>
      </c>
      <c r="BR14" s="193">
        <v>5</v>
      </c>
      <c r="BS14" s="195">
        <v>0</v>
      </c>
      <c r="BT14" s="196">
        <v>12</v>
      </c>
      <c r="BU14" s="196">
        <v>4</v>
      </c>
      <c r="BV14" s="196">
        <v>9</v>
      </c>
      <c r="BW14" s="196">
        <v>4</v>
      </c>
      <c r="BX14" s="196">
        <v>3</v>
      </c>
      <c r="BY14" s="193">
        <v>32</v>
      </c>
      <c r="BZ14" s="198">
        <v>37</v>
      </c>
      <c r="CA14" s="192">
        <v>0</v>
      </c>
      <c r="CB14" s="196">
        <v>1</v>
      </c>
      <c r="CC14" s="193">
        <v>1</v>
      </c>
      <c r="CD14" s="195">
        <v>0</v>
      </c>
      <c r="CE14" s="196">
        <v>4</v>
      </c>
      <c r="CF14" s="196">
        <v>3</v>
      </c>
      <c r="CG14" s="196">
        <v>3</v>
      </c>
      <c r="CH14" s="196">
        <v>3</v>
      </c>
      <c r="CI14" s="196">
        <v>4</v>
      </c>
      <c r="CJ14" s="193">
        <v>17</v>
      </c>
      <c r="CK14" s="198">
        <v>18</v>
      </c>
      <c r="CL14" s="192">
        <v>0</v>
      </c>
      <c r="CM14" s="196">
        <v>0</v>
      </c>
      <c r="CN14" s="193">
        <v>0</v>
      </c>
      <c r="CO14" s="195">
        <v>0</v>
      </c>
      <c r="CP14" s="196">
        <v>0</v>
      </c>
      <c r="CQ14" s="196">
        <v>1</v>
      </c>
      <c r="CR14" s="196">
        <v>3</v>
      </c>
      <c r="CS14" s="196">
        <v>2</v>
      </c>
      <c r="CT14" s="196">
        <v>0</v>
      </c>
      <c r="CU14" s="193">
        <v>6</v>
      </c>
      <c r="CV14" s="198">
        <v>6</v>
      </c>
      <c r="CW14" s="192">
        <v>0</v>
      </c>
      <c r="CX14" s="196">
        <v>0</v>
      </c>
      <c r="CY14" s="193">
        <v>0</v>
      </c>
      <c r="CZ14" s="195">
        <v>0</v>
      </c>
      <c r="DA14" s="196">
        <v>0</v>
      </c>
      <c r="DB14" s="196">
        <v>0</v>
      </c>
      <c r="DC14" s="196">
        <v>0</v>
      </c>
      <c r="DD14" s="196">
        <v>0</v>
      </c>
      <c r="DE14" s="196">
        <v>0</v>
      </c>
      <c r="DF14" s="193">
        <v>0</v>
      </c>
      <c r="DG14" s="198">
        <v>0</v>
      </c>
      <c r="DH14" s="192">
        <v>0</v>
      </c>
      <c r="DI14" s="196">
        <v>0</v>
      </c>
      <c r="DJ14" s="193">
        <v>0</v>
      </c>
      <c r="DK14" s="195">
        <v>0</v>
      </c>
      <c r="DL14" s="196">
        <v>0</v>
      </c>
      <c r="DM14" s="196">
        <v>0</v>
      </c>
      <c r="DN14" s="196">
        <v>0</v>
      </c>
      <c r="DO14" s="196">
        <v>0</v>
      </c>
      <c r="DP14" s="196">
        <v>0</v>
      </c>
      <c r="DQ14" s="193">
        <v>0</v>
      </c>
      <c r="DR14" s="198">
        <v>0</v>
      </c>
      <c r="DS14" s="192">
        <v>14</v>
      </c>
      <c r="DT14" s="196">
        <v>20</v>
      </c>
      <c r="DU14" s="193">
        <v>34</v>
      </c>
      <c r="DV14" s="195">
        <v>0</v>
      </c>
      <c r="DW14" s="196">
        <v>50</v>
      </c>
      <c r="DX14" s="196">
        <v>28</v>
      </c>
      <c r="DY14" s="196">
        <v>29</v>
      </c>
      <c r="DZ14" s="196">
        <v>21</v>
      </c>
      <c r="EA14" s="196">
        <v>15</v>
      </c>
      <c r="EB14" s="193">
        <v>143</v>
      </c>
      <c r="EC14" s="198">
        <v>177</v>
      </c>
      <c r="ED14" s="192">
        <v>4</v>
      </c>
      <c r="EE14" s="196">
        <v>4</v>
      </c>
      <c r="EF14" s="193">
        <v>8</v>
      </c>
      <c r="EG14" s="195">
        <v>0</v>
      </c>
      <c r="EH14" s="196">
        <v>20</v>
      </c>
      <c r="EI14" s="196">
        <v>7</v>
      </c>
      <c r="EJ14" s="196">
        <v>13</v>
      </c>
      <c r="EK14" s="196">
        <v>16</v>
      </c>
      <c r="EL14" s="196">
        <v>8</v>
      </c>
      <c r="EM14" s="193">
        <v>64</v>
      </c>
      <c r="EN14" s="198">
        <v>72</v>
      </c>
      <c r="EO14" s="192">
        <v>18</v>
      </c>
      <c r="EP14" s="196">
        <v>25</v>
      </c>
      <c r="EQ14" s="193">
        <v>43</v>
      </c>
      <c r="ER14" s="195">
        <v>0</v>
      </c>
      <c r="ES14" s="196">
        <v>89</v>
      </c>
      <c r="ET14" s="196">
        <v>34</v>
      </c>
      <c r="EU14" s="196">
        <v>32</v>
      </c>
      <c r="EV14" s="196">
        <v>22</v>
      </c>
      <c r="EW14" s="196">
        <v>15</v>
      </c>
      <c r="EX14" s="193">
        <v>192</v>
      </c>
      <c r="EY14" s="198">
        <v>235</v>
      </c>
    </row>
    <row r="15" spans="1:155" ht="19.5" customHeight="1" x14ac:dyDescent="0.2">
      <c r="A15" s="177" t="s">
        <v>12</v>
      </c>
      <c r="B15" s="192">
        <v>0</v>
      </c>
      <c r="C15" s="196">
        <v>0</v>
      </c>
      <c r="D15" s="458">
        <v>0</v>
      </c>
      <c r="E15" s="195">
        <v>0</v>
      </c>
      <c r="F15" s="196">
        <v>31</v>
      </c>
      <c r="G15" s="196">
        <v>23</v>
      </c>
      <c r="H15" s="196">
        <v>16</v>
      </c>
      <c r="I15" s="196">
        <v>15</v>
      </c>
      <c r="J15" s="196">
        <v>12</v>
      </c>
      <c r="K15" s="197">
        <v>97</v>
      </c>
      <c r="L15" s="198">
        <v>97</v>
      </c>
      <c r="M15" s="192">
        <v>0</v>
      </c>
      <c r="N15" s="196">
        <v>0</v>
      </c>
      <c r="O15" s="193">
        <v>0</v>
      </c>
      <c r="P15" s="195">
        <v>0</v>
      </c>
      <c r="Q15" s="196">
        <v>0</v>
      </c>
      <c r="R15" s="196">
        <v>1</v>
      </c>
      <c r="S15" s="196">
        <v>1</v>
      </c>
      <c r="T15" s="196">
        <v>3</v>
      </c>
      <c r="U15" s="196">
        <v>12</v>
      </c>
      <c r="V15" s="193">
        <v>17</v>
      </c>
      <c r="W15" s="198">
        <v>17</v>
      </c>
      <c r="X15" s="192">
        <v>12</v>
      </c>
      <c r="Y15" s="196">
        <v>11</v>
      </c>
      <c r="Z15" s="193">
        <v>23</v>
      </c>
      <c r="AA15" s="195">
        <v>0</v>
      </c>
      <c r="AB15" s="196">
        <v>19</v>
      </c>
      <c r="AC15" s="196">
        <v>16</v>
      </c>
      <c r="AD15" s="196">
        <v>15</v>
      </c>
      <c r="AE15" s="196">
        <v>10</v>
      </c>
      <c r="AF15" s="196">
        <v>15</v>
      </c>
      <c r="AG15" s="193">
        <v>75</v>
      </c>
      <c r="AH15" s="198">
        <v>98</v>
      </c>
      <c r="AI15" s="192">
        <v>0</v>
      </c>
      <c r="AJ15" s="196">
        <v>0</v>
      </c>
      <c r="AK15" s="193">
        <v>0</v>
      </c>
      <c r="AL15" s="195">
        <v>0</v>
      </c>
      <c r="AM15" s="196">
        <v>0</v>
      </c>
      <c r="AN15" s="196">
        <v>1</v>
      </c>
      <c r="AO15" s="196">
        <v>1</v>
      </c>
      <c r="AP15" s="196">
        <v>0</v>
      </c>
      <c r="AQ15" s="196">
        <v>2</v>
      </c>
      <c r="AR15" s="193">
        <v>4</v>
      </c>
      <c r="AS15" s="198">
        <v>4</v>
      </c>
      <c r="AT15" s="192">
        <v>9</v>
      </c>
      <c r="AU15" s="196">
        <v>6</v>
      </c>
      <c r="AV15" s="193">
        <v>15</v>
      </c>
      <c r="AW15" s="195">
        <v>0</v>
      </c>
      <c r="AX15" s="196">
        <v>21</v>
      </c>
      <c r="AY15" s="196">
        <v>20</v>
      </c>
      <c r="AZ15" s="196">
        <v>27</v>
      </c>
      <c r="BA15" s="196">
        <v>25</v>
      </c>
      <c r="BB15" s="196">
        <v>24</v>
      </c>
      <c r="BC15" s="197">
        <v>117</v>
      </c>
      <c r="BD15" s="198">
        <v>132</v>
      </c>
      <c r="BE15" s="192">
        <v>0</v>
      </c>
      <c r="BF15" s="196">
        <v>0</v>
      </c>
      <c r="BG15" s="193">
        <v>0</v>
      </c>
      <c r="BH15" s="195">
        <v>0</v>
      </c>
      <c r="BI15" s="196">
        <v>43</v>
      </c>
      <c r="BJ15" s="196">
        <v>18</v>
      </c>
      <c r="BK15" s="196">
        <v>11</v>
      </c>
      <c r="BL15" s="196">
        <v>13</v>
      </c>
      <c r="BM15" s="196">
        <v>7</v>
      </c>
      <c r="BN15" s="193">
        <v>92</v>
      </c>
      <c r="BO15" s="198">
        <v>92</v>
      </c>
      <c r="BP15" s="192">
        <v>10</v>
      </c>
      <c r="BQ15" s="196">
        <v>7</v>
      </c>
      <c r="BR15" s="193">
        <v>17</v>
      </c>
      <c r="BS15" s="195">
        <v>0</v>
      </c>
      <c r="BT15" s="196">
        <v>12</v>
      </c>
      <c r="BU15" s="196">
        <v>10</v>
      </c>
      <c r="BV15" s="196">
        <v>12</v>
      </c>
      <c r="BW15" s="196">
        <v>4</v>
      </c>
      <c r="BX15" s="196">
        <v>2</v>
      </c>
      <c r="BY15" s="193">
        <v>40</v>
      </c>
      <c r="BZ15" s="198">
        <v>57</v>
      </c>
      <c r="CA15" s="192">
        <v>0</v>
      </c>
      <c r="CB15" s="196">
        <v>0</v>
      </c>
      <c r="CC15" s="193">
        <v>0</v>
      </c>
      <c r="CD15" s="195">
        <v>0</v>
      </c>
      <c r="CE15" s="196">
        <v>10</v>
      </c>
      <c r="CF15" s="196">
        <v>4</v>
      </c>
      <c r="CG15" s="196">
        <v>8</v>
      </c>
      <c r="CH15" s="196">
        <v>8</v>
      </c>
      <c r="CI15" s="196">
        <v>4</v>
      </c>
      <c r="CJ15" s="193">
        <v>34</v>
      </c>
      <c r="CK15" s="198">
        <v>34</v>
      </c>
      <c r="CL15" s="192">
        <v>1</v>
      </c>
      <c r="CM15" s="196">
        <v>0</v>
      </c>
      <c r="CN15" s="193">
        <v>1</v>
      </c>
      <c r="CO15" s="195">
        <v>0</v>
      </c>
      <c r="CP15" s="196">
        <v>0</v>
      </c>
      <c r="CQ15" s="196">
        <v>0</v>
      </c>
      <c r="CR15" s="196">
        <v>0</v>
      </c>
      <c r="CS15" s="196">
        <v>0</v>
      </c>
      <c r="CT15" s="196">
        <v>1</v>
      </c>
      <c r="CU15" s="193">
        <v>1</v>
      </c>
      <c r="CV15" s="198">
        <v>2</v>
      </c>
      <c r="CW15" s="192">
        <v>0</v>
      </c>
      <c r="CX15" s="196">
        <v>0</v>
      </c>
      <c r="CY15" s="193">
        <v>0</v>
      </c>
      <c r="CZ15" s="195">
        <v>0</v>
      </c>
      <c r="DA15" s="196">
        <v>0</v>
      </c>
      <c r="DB15" s="196">
        <v>0</v>
      </c>
      <c r="DC15" s="196">
        <v>0</v>
      </c>
      <c r="DD15" s="196">
        <v>0</v>
      </c>
      <c r="DE15" s="196">
        <v>0</v>
      </c>
      <c r="DF15" s="193">
        <v>0</v>
      </c>
      <c r="DG15" s="198">
        <v>0</v>
      </c>
      <c r="DH15" s="192">
        <v>0</v>
      </c>
      <c r="DI15" s="196">
        <v>0</v>
      </c>
      <c r="DJ15" s="193">
        <v>0</v>
      </c>
      <c r="DK15" s="195">
        <v>0</v>
      </c>
      <c r="DL15" s="196">
        <v>0</v>
      </c>
      <c r="DM15" s="196">
        <v>0</v>
      </c>
      <c r="DN15" s="196">
        <v>0</v>
      </c>
      <c r="DO15" s="196">
        <v>0</v>
      </c>
      <c r="DP15" s="196">
        <v>0</v>
      </c>
      <c r="DQ15" s="193">
        <v>0</v>
      </c>
      <c r="DR15" s="198">
        <v>0</v>
      </c>
      <c r="DS15" s="192">
        <v>26</v>
      </c>
      <c r="DT15" s="196">
        <v>38</v>
      </c>
      <c r="DU15" s="193">
        <v>64</v>
      </c>
      <c r="DV15" s="195">
        <v>0</v>
      </c>
      <c r="DW15" s="196">
        <v>33</v>
      </c>
      <c r="DX15" s="196">
        <v>56</v>
      </c>
      <c r="DY15" s="196">
        <v>40</v>
      </c>
      <c r="DZ15" s="196">
        <v>34</v>
      </c>
      <c r="EA15" s="196">
        <v>28</v>
      </c>
      <c r="EB15" s="193">
        <v>191</v>
      </c>
      <c r="EC15" s="198">
        <v>255</v>
      </c>
      <c r="ED15" s="192">
        <v>4</v>
      </c>
      <c r="EE15" s="196">
        <v>4</v>
      </c>
      <c r="EF15" s="193">
        <v>8</v>
      </c>
      <c r="EG15" s="195">
        <v>0</v>
      </c>
      <c r="EH15" s="196">
        <v>5</v>
      </c>
      <c r="EI15" s="196">
        <v>5</v>
      </c>
      <c r="EJ15" s="196">
        <v>10</v>
      </c>
      <c r="EK15" s="196">
        <v>12</v>
      </c>
      <c r="EL15" s="196">
        <v>10</v>
      </c>
      <c r="EM15" s="193">
        <v>42</v>
      </c>
      <c r="EN15" s="198">
        <v>50</v>
      </c>
      <c r="EO15" s="192">
        <v>41</v>
      </c>
      <c r="EP15" s="196">
        <v>47</v>
      </c>
      <c r="EQ15" s="193">
        <v>88</v>
      </c>
      <c r="ER15" s="195">
        <v>0</v>
      </c>
      <c r="ES15" s="196">
        <v>98</v>
      </c>
      <c r="ET15" s="196">
        <v>70</v>
      </c>
      <c r="EU15" s="196">
        <v>50</v>
      </c>
      <c r="EV15" s="196">
        <v>31</v>
      </c>
      <c r="EW15" s="196">
        <v>27</v>
      </c>
      <c r="EX15" s="193">
        <v>276</v>
      </c>
      <c r="EY15" s="198">
        <v>364</v>
      </c>
    </row>
    <row r="16" spans="1:155" ht="19.5" customHeight="1" x14ac:dyDescent="0.2">
      <c r="A16" s="177" t="s">
        <v>13</v>
      </c>
      <c r="B16" s="192">
        <v>0</v>
      </c>
      <c r="C16" s="196">
        <v>0</v>
      </c>
      <c r="D16" s="458">
        <v>0</v>
      </c>
      <c r="E16" s="195">
        <v>0</v>
      </c>
      <c r="F16" s="196">
        <v>12</v>
      </c>
      <c r="G16" s="196">
        <v>20</v>
      </c>
      <c r="H16" s="196">
        <v>17</v>
      </c>
      <c r="I16" s="196">
        <v>14</v>
      </c>
      <c r="J16" s="196">
        <v>10</v>
      </c>
      <c r="K16" s="197">
        <v>73</v>
      </c>
      <c r="L16" s="198">
        <v>73</v>
      </c>
      <c r="M16" s="192">
        <v>0</v>
      </c>
      <c r="N16" s="196">
        <v>0</v>
      </c>
      <c r="O16" s="193">
        <v>0</v>
      </c>
      <c r="P16" s="195">
        <v>0</v>
      </c>
      <c r="Q16" s="196">
        <v>0</v>
      </c>
      <c r="R16" s="196">
        <v>0</v>
      </c>
      <c r="S16" s="196">
        <v>1</v>
      </c>
      <c r="T16" s="196">
        <v>1</v>
      </c>
      <c r="U16" s="196">
        <v>0</v>
      </c>
      <c r="V16" s="193">
        <v>2</v>
      </c>
      <c r="W16" s="198">
        <v>2</v>
      </c>
      <c r="X16" s="192">
        <v>2</v>
      </c>
      <c r="Y16" s="196">
        <v>4</v>
      </c>
      <c r="Z16" s="193">
        <v>6</v>
      </c>
      <c r="AA16" s="195">
        <v>0</v>
      </c>
      <c r="AB16" s="196">
        <v>6</v>
      </c>
      <c r="AC16" s="196">
        <v>14</v>
      </c>
      <c r="AD16" s="196">
        <v>11</v>
      </c>
      <c r="AE16" s="196">
        <v>11</v>
      </c>
      <c r="AF16" s="196">
        <v>6</v>
      </c>
      <c r="AG16" s="193">
        <v>48</v>
      </c>
      <c r="AH16" s="198">
        <v>54</v>
      </c>
      <c r="AI16" s="192">
        <v>0</v>
      </c>
      <c r="AJ16" s="196">
        <v>0</v>
      </c>
      <c r="AK16" s="193">
        <v>0</v>
      </c>
      <c r="AL16" s="195">
        <v>0</v>
      </c>
      <c r="AM16" s="196">
        <v>1</v>
      </c>
      <c r="AN16" s="196">
        <v>4</v>
      </c>
      <c r="AO16" s="196">
        <v>3</v>
      </c>
      <c r="AP16" s="196">
        <v>1</v>
      </c>
      <c r="AQ16" s="196">
        <v>3</v>
      </c>
      <c r="AR16" s="193">
        <v>12</v>
      </c>
      <c r="AS16" s="198">
        <v>12</v>
      </c>
      <c r="AT16" s="192">
        <v>6</v>
      </c>
      <c r="AU16" s="196">
        <v>8</v>
      </c>
      <c r="AV16" s="193">
        <v>14</v>
      </c>
      <c r="AW16" s="195">
        <v>0</v>
      </c>
      <c r="AX16" s="196">
        <v>16</v>
      </c>
      <c r="AY16" s="196">
        <v>19</v>
      </c>
      <c r="AZ16" s="196">
        <v>17</v>
      </c>
      <c r="BA16" s="196">
        <v>18</v>
      </c>
      <c r="BB16" s="196">
        <v>13</v>
      </c>
      <c r="BC16" s="197">
        <v>83</v>
      </c>
      <c r="BD16" s="198">
        <v>97</v>
      </c>
      <c r="BE16" s="192">
        <v>0</v>
      </c>
      <c r="BF16" s="196">
        <v>0</v>
      </c>
      <c r="BG16" s="193">
        <v>0</v>
      </c>
      <c r="BH16" s="195">
        <v>0</v>
      </c>
      <c r="BI16" s="196">
        <v>10</v>
      </c>
      <c r="BJ16" s="196">
        <v>22</v>
      </c>
      <c r="BK16" s="196">
        <v>10</v>
      </c>
      <c r="BL16" s="196">
        <v>8</v>
      </c>
      <c r="BM16" s="196">
        <v>2</v>
      </c>
      <c r="BN16" s="193">
        <v>52</v>
      </c>
      <c r="BO16" s="198">
        <v>52</v>
      </c>
      <c r="BP16" s="192">
        <v>0</v>
      </c>
      <c r="BQ16" s="196">
        <v>1</v>
      </c>
      <c r="BR16" s="193">
        <v>1</v>
      </c>
      <c r="BS16" s="195">
        <v>0</v>
      </c>
      <c r="BT16" s="196">
        <v>2</v>
      </c>
      <c r="BU16" s="196">
        <v>3</v>
      </c>
      <c r="BV16" s="196">
        <v>5</v>
      </c>
      <c r="BW16" s="196">
        <v>2</v>
      </c>
      <c r="BX16" s="196">
        <v>0</v>
      </c>
      <c r="BY16" s="193">
        <v>12</v>
      </c>
      <c r="BZ16" s="198">
        <v>13</v>
      </c>
      <c r="CA16" s="192">
        <v>0</v>
      </c>
      <c r="CB16" s="196">
        <v>0</v>
      </c>
      <c r="CC16" s="193">
        <v>0</v>
      </c>
      <c r="CD16" s="195">
        <v>0</v>
      </c>
      <c r="CE16" s="196">
        <v>2</v>
      </c>
      <c r="CF16" s="196">
        <v>2</v>
      </c>
      <c r="CG16" s="196">
        <v>5</v>
      </c>
      <c r="CH16" s="196">
        <v>1</v>
      </c>
      <c r="CI16" s="196">
        <v>1</v>
      </c>
      <c r="CJ16" s="193">
        <v>11</v>
      </c>
      <c r="CK16" s="198">
        <v>11</v>
      </c>
      <c r="CL16" s="192">
        <v>0</v>
      </c>
      <c r="CM16" s="196">
        <v>0</v>
      </c>
      <c r="CN16" s="193">
        <v>0</v>
      </c>
      <c r="CO16" s="195">
        <v>0</v>
      </c>
      <c r="CP16" s="196">
        <v>0</v>
      </c>
      <c r="CQ16" s="196">
        <v>0</v>
      </c>
      <c r="CR16" s="196">
        <v>2</v>
      </c>
      <c r="CS16" s="196">
        <v>1</v>
      </c>
      <c r="CT16" s="196">
        <v>0</v>
      </c>
      <c r="CU16" s="193">
        <v>3</v>
      </c>
      <c r="CV16" s="198">
        <v>3</v>
      </c>
      <c r="CW16" s="192">
        <v>0</v>
      </c>
      <c r="CX16" s="196">
        <v>0</v>
      </c>
      <c r="CY16" s="193">
        <v>0</v>
      </c>
      <c r="CZ16" s="195">
        <v>0</v>
      </c>
      <c r="DA16" s="196">
        <v>0</v>
      </c>
      <c r="DB16" s="196">
        <v>0</v>
      </c>
      <c r="DC16" s="196">
        <v>0</v>
      </c>
      <c r="DD16" s="196">
        <v>0</v>
      </c>
      <c r="DE16" s="196">
        <v>0</v>
      </c>
      <c r="DF16" s="193">
        <v>0</v>
      </c>
      <c r="DG16" s="198">
        <v>0</v>
      </c>
      <c r="DH16" s="192">
        <v>0</v>
      </c>
      <c r="DI16" s="196">
        <v>0</v>
      </c>
      <c r="DJ16" s="193">
        <v>0</v>
      </c>
      <c r="DK16" s="195">
        <v>0</v>
      </c>
      <c r="DL16" s="196">
        <v>0</v>
      </c>
      <c r="DM16" s="196">
        <v>0</v>
      </c>
      <c r="DN16" s="196">
        <v>0</v>
      </c>
      <c r="DO16" s="196">
        <v>0</v>
      </c>
      <c r="DP16" s="196">
        <v>0</v>
      </c>
      <c r="DQ16" s="193">
        <v>0</v>
      </c>
      <c r="DR16" s="198">
        <v>0</v>
      </c>
      <c r="DS16" s="192">
        <v>7</v>
      </c>
      <c r="DT16" s="196">
        <v>16</v>
      </c>
      <c r="DU16" s="193">
        <v>23</v>
      </c>
      <c r="DV16" s="195">
        <v>0</v>
      </c>
      <c r="DW16" s="196">
        <v>9</v>
      </c>
      <c r="DX16" s="196">
        <v>36</v>
      </c>
      <c r="DY16" s="196">
        <v>20</v>
      </c>
      <c r="DZ16" s="196">
        <v>18</v>
      </c>
      <c r="EA16" s="196">
        <v>12</v>
      </c>
      <c r="EB16" s="193">
        <v>95</v>
      </c>
      <c r="EC16" s="198">
        <v>118</v>
      </c>
      <c r="ED16" s="192">
        <v>4</v>
      </c>
      <c r="EE16" s="196">
        <v>4</v>
      </c>
      <c r="EF16" s="193">
        <v>8</v>
      </c>
      <c r="EG16" s="195">
        <v>0</v>
      </c>
      <c r="EH16" s="196">
        <v>12</v>
      </c>
      <c r="EI16" s="196">
        <v>12</v>
      </c>
      <c r="EJ16" s="196">
        <v>8</v>
      </c>
      <c r="EK16" s="196">
        <v>3</v>
      </c>
      <c r="EL16" s="196">
        <v>6</v>
      </c>
      <c r="EM16" s="193">
        <v>41</v>
      </c>
      <c r="EN16" s="198">
        <v>49</v>
      </c>
      <c r="EO16" s="192">
        <v>9</v>
      </c>
      <c r="EP16" s="196">
        <v>19</v>
      </c>
      <c r="EQ16" s="193">
        <v>28</v>
      </c>
      <c r="ER16" s="195">
        <v>0</v>
      </c>
      <c r="ES16" s="196">
        <v>32</v>
      </c>
      <c r="ET16" s="196">
        <v>56</v>
      </c>
      <c r="EU16" s="196">
        <v>34</v>
      </c>
      <c r="EV16" s="196">
        <v>23</v>
      </c>
      <c r="EW16" s="196">
        <v>14</v>
      </c>
      <c r="EX16" s="193">
        <v>159</v>
      </c>
      <c r="EY16" s="198">
        <v>187</v>
      </c>
    </row>
    <row r="17" spans="1:155" ht="19.5" customHeight="1" x14ac:dyDescent="0.2">
      <c r="A17" s="177" t="s">
        <v>15</v>
      </c>
      <c r="B17" s="192">
        <v>0</v>
      </c>
      <c r="C17" s="196">
        <v>0</v>
      </c>
      <c r="D17" s="458">
        <v>0</v>
      </c>
      <c r="E17" s="195">
        <v>0</v>
      </c>
      <c r="F17" s="196">
        <v>5</v>
      </c>
      <c r="G17" s="196">
        <v>5</v>
      </c>
      <c r="H17" s="196">
        <v>0</v>
      </c>
      <c r="I17" s="196">
        <v>4</v>
      </c>
      <c r="J17" s="196">
        <v>4</v>
      </c>
      <c r="K17" s="197">
        <v>18</v>
      </c>
      <c r="L17" s="198">
        <v>18</v>
      </c>
      <c r="M17" s="192">
        <v>0</v>
      </c>
      <c r="N17" s="196">
        <v>0</v>
      </c>
      <c r="O17" s="193">
        <v>0</v>
      </c>
      <c r="P17" s="195">
        <v>0</v>
      </c>
      <c r="Q17" s="196">
        <v>0</v>
      </c>
      <c r="R17" s="196">
        <v>0</v>
      </c>
      <c r="S17" s="196">
        <v>0</v>
      </c>
      <c r="T17" s="196">
        <v>0</v>
      </c>
      <c r="U17" s="196">
        <v>4</v>
      </c>
      <c r="V17" s="193">
        <v>4</v>
      </c>
      <c r="W17" s="198">
        <v>4</v>
      </c>
      <c r="X17" s="192">
        <v>0</v>
      </c>
      <c r="Y17" s="196">
        <v>0</v>
      </c>
      <c r="Z17" s="193">
        <v>0</v>
      </c>
      <c r="AA17" s="195">
        <v>0</v>
      </c>
      <c r="AB17" s="196">
        <v>1</v>
      </c>
      <c r="AC17" s="196">
        <v>1</v>
      </c>
      <c r="AD17" s="196">
        <v>3</v>
      </c>
      <c r="AE17" s="196">
        <v>5</v>
      </c>
      <c r="AF17" s="196">
        <v>4</v>
      </c>
      <c r="AG17" s="193">
        <v>14</v>
      </c>
      <c r="AH17" s="198">
        <v>14</v>
      </c>
      <c r="AI17" s="192">
        <v>0</v>
      </c>
      <c r="AJ17" s="196">
        <v>0</v>
      </c>
      <c r="AK17" s="193">
        <v>0</v>
      </c>
      <c r="AL17" s="195">
        <v>0</v>
      </c>
      <c r="AM17" s="196">
        <v>1</v>
      </c>
      <c r="AN17" s="196">
        <v>0</v>
      </c>
      <c r="AO17" s="196">
        <v>0</v>
      </c>
      <c r="AP17" s="196">
        <v>2</v>
      </c>
      <c r="AQ17" s="196">
        <v>1</v>
      </c>
      <c r="AR17" s="193">
        <v>4</v>
      </c>
      <c r="AS17" s="198">
        <v>4</v>
      </c>
      <c r="AT17" s="192">
        <v>0</v>
      </c>
      <c r="AU17" s="196">
        <v>2</v>
      </c>
      <c r="AV17" s="193">
        <v>2</v>
      </c>
      <c r="AW17" s="195">
        <v>0</v>
      </c>
      <c r="AX17" s="196">
        <v>5</v>
      </c>
      <c r="AY17" s="196">
        <v>5</v>
      </c>
      <c r="AZ17" s="196">
        <v>7</v>
      </c>
      <c r="BA17" s="196">
        <v>3</v>
      </c>
      <c r="BB17" s="196">
        <v>2</v>
      </c>
      <c r="BC17" s="197">
        <v>22</v>
      </c>
      <c r="BD17" s="198">
        <v>24</v>
      </c>
      <c r="BE17" s="192">
        <v>0</v>
      </c>
      <c r="BF17" s="196">
        <v>0</v>
      </c>
      <c r="BG17" s="193">
        <v>0</v>
      </c>
      <c r="BH17" s="195">
        <v>0</v>
      </c>
      <c r="BI17" s="196">
        <v>2</v>
      </c>
      <c r="BJ17" s="196">
        <v>3</v>
      </c>
      <c r="BK17" s="196">
        <v>2</v>
      </c>
      <c r="BL17" s="196">
        <v>3</v>
      </c>
      <c r="BM17" s="196">
        <v>0</v>
      </c>
      <c r="BN17" s="193">
        <v>10</v>
      </c>
      <c r="BO17" s="198">
        <v>10</v>
      </c>
      <c r="BP17" s="192">
        <v>0</v>
      </c>
      <c r="BQ17" s="196">
        <v>1</v>
      </c>
      <c r="BR17" s="193">
        <v>1</v>
      </c>
      <c r="BS17" s="195">
        <v>0</v>
      </c>
      <c r="BT17" s="196">
        <v>2</v>
      </c>
      <c r="BU17" s="196">
        <v>1</v>
      </c>
      <c r="BV17" s="196">
        <v>2</v>
      </c>
      <c r="BW17" s="196">
        <v>0</v>
      </c>
      <c r="BX17" s="196">
        <v>1</v>
      </c>
      <c r="BY17" s="193">
        <v>6</v>
      </c>
      <c r="BZ17" s="198">
        <v>7</v>
      </c>
      <c r="CA17" s="192">
        <v>0</v>
      </c>
      <c r="CB17" s="196">
        <v>0</v>
      </c>
      <c r="CC17" s="193">
        <v>0</v>
      </c>
      <c r="CD17" s="195">
        <v>0</v>
      </c>
      <c r="CE17" s="196">
        <v>0</v>
      </c>
      <c r="CF17" s="196">
        <v>2</v>
      </c>
      <c r="CG17" s="196">
        <v>0</v>
      </c>
      <c r="CH17" s="196">
        <v>4</v>
      </c>
      <c r="CI17" s="196">
        <v>1</v>
      </c>
      <c r="CJ17" s="193">
        <v>7</v>
      </c>
      <c r="CK17" s="198">
        <v>7</v>
      </c>
      <c r="CL17" s="192">
        <v>0</v>
      </c>
      <c r="CM17" s="196">
        <v>0</v>
      </c>
      <c r="CN17" s="193">
        <v>0</v>
      </c>
      <c r="CO17" s="195">
        <v>0</v>
      </c>
      <c r="CP17" s="196">
        <v>0</v>
      </c>
      <c r="CQ17" s="196">
        <v>0</v>
      </c>
      <c r="CR17" s="196">
        <v>0</v>
      </c>
      <c r="CS17" s="196">
        <v>0</v>
      </c>
      <c r="CT17" s="196">
        <v>0</v>
      </c>
      <c r="CU17" s="193">
        <v>0</v>
      </c>
      <c r="CV17" s="198">
        <v>0</v>
      </c>
      <c r="CW17" s="192">
        <v>0</v>
      </c>
      <c r="CX17" s="196">
        <v>0</v>
      </c>
      <c r="CY17" s="193">
        <v>0</v>
      </c>
      <c r="CZ17" s="195">
        <v>0</v>
      </c>
      <c r="DA17" s="196">
        <v>0</v>
      </c>
      <c r="DB17" s="196">
        <v>0</v>
      </c>
      <c r="DC17" s="196">
        <v>0</v>
      </c>
      <c r="DD17" s="196">
        <v>0</v>
      </c>
      <c r="DE17" s="196">
        <v>0</v>
      </c>
      <c r="DF17" s="193">
        <v>0</v>
      </c>
      <c r="DG17" s="198">
        <v>0</v>
      </c>
      <c r="DH17" s="192">
        <v>0</v>
      </c>
      <c r="DI17" s="196">
        <v>0</v>
      </c>
      <c r="DJ17" s="193">
        <v>0</v>
      </c>
      <c r="DK17" s="195">
        <v>0</v>
      </c>
      <c r="DL17" s="196">
        <v>0</v>
      </c>
      <c r="DM17" s="196">
        <v>0</v>
      </c>
      <c r="DN17" s="196">
        <v>0</v>
      </c>
      <c r="DO17" s="196">
        <v>0</v>
      </c>
      <c r="DP17" s="196">
        <v>0</v>
      </c>
      <c r="DQ17" s="193">
        <v>0</v>
      </c>
      <c r="DR17" s="198">
        <v>0</v>
      </c>
      <c r="DS17" s="192">
        <v>0</v>
      </c>
      <c r="DT17" s="196">
        <v>4</v>
      </c>
      <c r="DU17" s="193">
        <v>4</v>
      </c>
      <c r="DV17" s="195">
        <v>0</v>
      </c>
      <c r="DW17" s="196">
        <v>7</v>
      </c>
      <c r="DX17" s="196">
        <v>12</v>
      </c>
      <c r="DY17" s="196">
        <v>6</v>
      </c>
      <c r="DZ17" s="196">
        <v>9</v>
      </c>
      <c r="EA17" s="196">
        <v>6</v>
      </c>
      <c r="EB17" s="193">
        <v>40</v>
      </c>
      <c r="EC17" s="198">
        <v>44</v>
      </c>
      <c r="ED17" s="192">
        <v>2</v>
      </c>
      <c r="EE17" s="196">
        <v>3</v>
      </c>
      <c r="EF17" s="193">
        <v>5</v>
      </c>
      <c r="EG17" s="195">
        <v>0</v>
      </c>
      <c r="EH17" s="196">
        <v>6</v>
      </c>
      <c r="EI17" s="196">
        <v>2</v>
      </c>
      <c r="EJ17" s="196">
        <v>3</v>
      </c>
      <c r="EK17" s="196">
        <v>0</v>
      </c>
      <c r="EL17" s="196">
        <v>0</v>
      </c>
      <c r="EM17" s="193">
        <v>11</v>
      </c>
      <c r="EN17" s="198">
        <v>16</v>
      </c>
      <c r="EO17" s="192">
        <v>0</v>
      </c>
      <c r="EP17" s="196">
        <v>4</v>
      </c>
      <c r="EQ17" s="193">
        <v>4</v>
      </c>
      <c r="ER17" s="195">
        <v>0</v>
      </c>
      <c r="ES17" s="196">
        <v>15</v>
      </c>
      <c r="ET17" s="196">
        <v>17</v>
      </c>
      <c r="EU17" s="196">
        <v>7</v>
      </c>
      <c r="EV17" s="196">
        <v>10</v>
      </c>
      <c r="EW17" s="196">
        <v>7</v>
      </c>
      <c r="EX17" s="193">
        <v>56</v>
      </c>
      <c r="EY17" s="198">
        <v>60</v>
      </c>
    </row>
    <row r="18" spans="1:155" ht="19.5" customHeight="1" x14ac:dyDescent="0.2">
      <c r="A18" s="177" t="s">
        <v>16</v>
      </c>
      <c r="B18" s="192">
        <v>0</v>
      </c>
      <c r="C18" s="196">
        <v>0</v>
      </c>
      <c r="D18" s="458">
        <v>0</v>
      </c>
      <c r="E18" s="195">
        <v>0</v>
      </c>
      <c r="F18" s="196">
        <v>9</v>
      </c>
      <c r="G18" s="196">
        <v>13</v>
      </c>
      <c r="H18" s="196">
        <v>8</v>
      </c>
      <c r="I18" s="196">
        <v>4</v>
      </c>
      <c r="J18" s="196">
        <v>5</v>
      </c>
      <c r="K18" s="197">
        <v>39</v>
      </c>
      <c r="L18" s="198">
        <v>39</v>
      </c>
      <c r="M18" s="192">
        <v>0</v>
      </c>
      <c r="N18" s="196">
        <v>0</v>
      </c>
      <c r="O18" s="193">
        <v>0</v>
      </c>
      <c r="P18" s="195">
        <v>0</v>
      </c>
      <c r="Q18" s="196">
        <v>0</v>
      </c>
      <c r="R18" s="196">
        <v>1</v>
      </c>
      <c r="S18" s="196">
        <v>1</v>
      </c>
      <c r="T18" s="196">
        <v>1</v>
      </c>
      <c r="U18" s="196">
        <v>1</v>
      </c>
      <c r="V18" s="193">
        <v>4</v>
      </c>
      <c r="W18" s="198">
        <v>4</v>
      </c>
      <c r="X18" s="192">
        <v>3</v>
      </c>
      <c r="Y18" s="196">
        <v>1</v>
      </c>
      <c r="Z18" s="193">
        <v>4</v>
      </c>
      <c r="AA18" s="195">
        <v>0</v>
      </c>
      <c r="AB18" s="196">
        <v>9</v>
      </c>
      <c r="AC18" s="196">
        <v>14</v>
      </c>
      <c r="AD18" s="196">
        <v>11</v>
      </c>
      <c r="AE18" s="196">
        <v>3</v>
      </c>
      <c r="AF18" s="196">
        <v>3</v>
      </c>
      <c r="AG18" s="193">
        <v>40</v>
      </c>
      <c r="AH18" s="198">
        <v>44</v>
      </c>
      <c r="AI18" s="192">
        <v>0</v>
      </c>
      <c r="AJ18" s="196">
        <v>0</v>
      </c>
      <c r="AK18" s="193">
        <v>0</v>
      </c>
      <c r="AL18" s="195">
        <v>0</v>
      </c>
      <c r="AM18" s="196">
        <v>0</v>
      </c>
      <c r="AN18" s="196">
        <v>0</v>
      </c>
      <c r="AO18" s="196">
        <v>2</v>
      </c>
      <c r="AP18" s="196">
        <v>0</v>
      </c>
      <c r="AQ18" s="196">
        <v>0</v>
      </c>
      <c r="AR18" s="193">
        <v>2</v>
      </c>
      <c r="AS18" s="198">
        <v>2</v>
      </c>
      <c r="AT18" s="192">
        <v>5</v>
      </c>
      <c r="AU18" s="196">
        <v>0</v>
      </c>
      <c r="AV18" s="193">
        <v>5</v>
      </c>
      <c r="AW18" s="195">
        <v>0</v>
      </c>
      <c r="AX18" s="196">
        <v>14</v>
      </c>
      <c r="AY18" s="196">
        <v>12</v>
      </c>
      <c r="AZ18" s="196">
        <v>8</v>
      </c>
      <c r="BA18" s="196">
        <v>10</v>
      </c>
      <c r="BB18" s="196">
        <v>11</v>
      </c>
      <c r="BC18" s="197">
        <v>55</v>
      </c>
      <c r="BD18" s="198">
        <v>60</v>
      </c>
      <c r="BE18" s="192">
        <v>0</v>
      </c>
      <c r="BF18" s="196">
        <v>0</v>
      </c>
      <c r="BG18" s="193">
        <v>0</v>
      </c>
      <c r="BH18" s="195">
        <v>0</v>
      </c>
      <c r="BI18" s="196">
        <v>19</v>
      </c>
      <c r="BJ18" s="196">
        <v>20</v>
      </c>
      <c r="BK18" s="196">
        <v>8</v>
      </c>
      <c r="BL18" s="196">
        <v>5</v>
      </c>
      <c r="BM18" s="196">
        <v>1</v>
      </c>
      <c r="BN18" s="193">
        <v>53</v>
      </c>
      <c r="BO18" s="198">
        <v>53</v>
      </c>
      <c r="BP18" s="192">
        <v>7</v>
      </c>
      <c r="BQ18" s="196">
        <v>3</v>
      </c>
      <c r="BR18" s="193">
        <v>10</v>
      </c>
      <c r="BS18" s="195">
        <v>0</v>
      </c>
      <c r="BT18" s="196">
        <v>11</v>
      </c>
      <c r="BU18" s="196">
        <v>14</v>
      </c>
      <c r="BV18" s="196">
        <v>4</v>
      </c>
      <c r="BW18" s="196">
        <v>1</v>
      </c>
      <c r="BX18" s="196">
        <v>0</v>
      </c>
      <c r="BY18" s="193">
        <v>30</v>
      </c>
      <c r="BZ18" s="198">
        <v>40</v>
      </c>
      <c r="CA18" s="192">
        <v>0</v>
      </c>
      <c r="CB18" s="196">
        <v>0</v>
      </c>
      <c r="CC18" s="193">
        <v>0</v>
      </c>
      <c r="CD18" s="195">
        <v>0</v>
      </c>
      <c r="CE18" s="196">
        <v>1</v>
      </c>
      <c r="CF18" s="196">
        <v>4</v>
      </c>
      <c r="CG18" s="196">
        <v>2</v>
      </c>
      <c r="CH18" s="196">
        <v>0</v>
      </c>
      <c r="CI18" s="196">
        <v>1</v>
      </c>
      <c r="CJ18" s="193">
        <v>8</v>
      </c>
      <c r="CK18" s="198">
        <v>8</v>
      </c>
      <c r="CL18" s="192">
        <v>0</v>
      </c>
      <c r="CM18" s="196">
        <v>0</v>
      </c>
      <c r="CN18" s="193">
        <v>0</v>
      </c>
      <c r="CO18" s="195">
        <v>0</v>
      </c>
      <c r="CP18" s="196">
        <v>0</v>
      </c>
      <c r="CQ18" s="196">
        <v>0</v>
      </c>
      <c r="CR18" s="196">
        <v>1</v>
      </c>
      <c r="CS18" s="196">
        <v>1</v>
      </c>
      <c r="CT18" s="196">
        <v>0</v>
      </c>
      <c r="CU18" s="193">
        <v>2</v>
      </c>
      <c r="CV18" s="198">
        <v>2</v>
      </c>
      <c r="CW18" s="192">
        <v>0</v>
      </c>
      <c r="CX18" s="196">
        <v>0</v>
      </c>
      <c r="CY18" s="193">
        <v>0</v>
      </c>
      <c r="CZ18" s="195">
        <v>0</v>
      </c>
      <c r="DA18" s="196">
        <v>0</v>
      </c>
      <c r="DB18" s="196">
        <v>0</v>
      </c>
      <c r="DC18" s="196">
        <v>0</v>
      </c>
      <c r="DD18" s="196">
        <v>0</v>
      </c>
      <c r="DE18" s="196">
        <v>0</v>
      </c>
      <c r="DF18" s="193">
        <v>0</v>
      </c>
      <c r="DG18" s="198">
        <v>0</v>
      </c>
      <c r="DH18" s="192">
        <v>0</v>
      </c>
      <c r="DI18" s="196">
        <v>0</v>
      </c>
      <c r="DJ18" s="193">
        <v>0</v>
      </c>
      <c r="DK18" s="195">
        <v>0</v>
      </c>
      <c r="DL18" s="196">
        <v>0</v>
      </c>
      <c r="DM18" s="196">
        <v>0</v>
      </c>
      <c r="DN18" s="196">
        <v>0</v>
      </c>
      <c r="DO18" s="196">
        <v>0</v>
      </c>
      <c r="DP18" s="196">
        <v>0</v>
      </c>
      <c r="DQ18" s="193">
        <v>0</v>
      </c>
      <c r="DR18" s="198">
        <v>0</v>
      </c>
      <c r="DS18" s="192">
        <v>7</v>
      </c>
      <c r="DT18" s="196">
        <v>14</v>
      </c>
      <c r="DU18" s="193">
        <v>21</v>
      </c>
      <c r="DV18" s="195">
        <v>0</v>
      </c>
      <c r="DW18" s="196">
        <v>22</v>
      </c>
      <c r="DX18" s="196">
        <v>43</v>
      </c>
      <c r="DY18" s="196">
        <v>23</v>
      </c>
      <c r="DZ18" s="196">
        <v>7</v>
      </c>
      <c r="EA18" s="196">
        <v>7</v>
      </c>
      <c r="EB18" s="193">
        <v>102</v>
      </c>
      <c r="EC18" s="198">
        <v>123</v>
      </c>
      <c r="ED18" s="192">
        <v>6</v>
      </c>
      <c r="EE18" s="196">
        <v>0</v>
      </c>
      <c r="EF18" s="193">
        <v>6</v>
      </c>
      <c r="EG18" s="195">
        <v>0</v>
      </c>
      <c r="EH18" s="196">
        <v>12</v>
      </c>
      <c r="EI18" s="196">
        <v>9</v>
      </c>
      <c r="EJ18" s="196">
        <v>1</v>
      </c>
      <c r="EK18" s="196">
        <v>8</v>
      </c>
      <c r="EL18" s="196">
        <v>7</v>
      </c>
      <c r="EM18" s="193">
        <v>37</v>
      </c>
      <c r="EN18" s="198">
        <v>43</v>
      </c>
      <c r="EO18" s="192">
        <v>14</v>
      </c>
      <c r="EP18" s="196">
        <v>18</v>
      </c>
      <c r="EQ18" s="193">
        <v>32</v>
      </c>
      <c r="ER18" s="195">
        <v>0</v>
      </c>
      <c r="ES18" s="196">
        <v>49</v>
      </c>
      <c r="ET18" s="196">
        <v>61</v>
      </c>
      <c r="EU18" s="196">
        <v>25</v>
      </c>
      <c r="EV18" s="196">
        <v>9</v>
      </c>
      <c r="EW18" s="196">
        <v>7</v>
      </c>
      <c r="EX18" s="193">
        <v>151</v>
      </c>
      <c r="EY18" s="198">
        <v>183</v>
      </c>
    </row>
    <row r="19" spans="1:155" ht="19.5" customHeight="1" x14ac:dyDescent="0.2">
      <c r="A19" s="177" t="s">
        <v>17</v>
      </c>
      <c r="B19" s="192">
        <v>0</v>
      </c>
      <c r="C19" s="196">
        <v>0</v>
      </c>
      <c r="D19" s="458">
        <v>0</v>
      </c>
      <c r="E19" s="195">
        <v>0</v>
      </c>
      <c r="F19" s="196">
        <v>11</v>
      </c>
      <c r="G19" s="196">
        <v>17</v>
      </c>
      <c r="H19" s="196">
        <v>17</v>
      </c>
      <c r="I19" s="196">
        <v>4</v>
      </c>
      <c r="J19" s="196">
        <v>4</v>
      </c>
      <c r="K19" s="197">
        <v>53</v>
      </c>
      <c r="L19" s="198">
        <v>53</v>
      </c>
      <c r="M19" s="192">
        <v>0</v>
      </c>
      <c r="N19" s="196">
        <v>0</v>
      </c>
      <c r="O19" s="193">
        <v>0</v>
      </c>
      <c r="P19" s="195">
        <v>0</v>
      </c>
      <c r="Q19" s="196">
        <v>0</v>
      </c>
      <c r="R19" s="196">
        <v>3</v>
      </c>
      <c r="S19" s="196">
        <v>0</v>
      </c>
      <c r="T19" s="196">
        <v>2</v>
      </c>
      <c r="U19" s="196">
        <v>5</v>
      </c>
      <c r="V19" s="193">
        <v>10</v>
      </c>
      <c r="W19" s="198">
        <v>10</v>
      </c>
      <c r="X19" s="192">
        <v>5</v>
      </c>
      <c r="Y19" s="196">
        <v>7</v>
      </c>
      <c r="Z19" s="193">
        <v>12</v>
      </c>
      <c r="AA19" s="195">
        <v>0</v>
      </c>
      <c r="AB19" s="196">
        <v>11</v>
      </c>
      <c r="AC19" s="196">
        <v>17</v>
      </c>
      <c r="AD19" s="196">
        <v>13</v>
      </c>
      <c r="AE19" s="196">
        <v>8</v>
      </c>
      <c r="AF19" s="196">
        <v>8</v>
      </c>
      <c r="AG19" s="193">
        <v>57</v>
      </c>
      <c r="AH19" s="198">
        <v>69</v>
      </c>
      <c r="AI19" s="192">
        <v>0</v>
      </c>
      <c r="AJ19" s="196">
        <v>0</v>
      </c>
      <c r="AK19" s="193">
        <v>0</v>
      </c>
      <c r="AL19" s="195">
        <v>0</v>
      </c>
      <c r="AM19" s="196">
        <v>0</v>
      </c>
      <c r="AN19" s="196">
        <v>2</v>
      </c>
      <c r="AO19" s="196">
        <v>3</v>
      </c>
      <c r="AP19" s="196">
        <v>2</v>
      </c>
      <c r="AQ19" s="196">
        <v>0</v>
      </c>
      <c r="AR19" s="193">
        <v>7</v>
      </c>
      <c r="AS19" s="198">
        <v>7</v>
      </c>
      <c r="AT19" s="192">
        <v>3</v>
      </c>
      <c r="AU19" s="196">
        <v>6</v>
      </c>
      <c r="AV19" s="193">
        <v>9</v>
      </c>
      <c r="AW19" s="195">
        <v>0</v>
      </c>
      <c r="AX19" s="196">
        <v>19</v>
      </c>
      <c r="AY19" s="196">
        <v>26</v>
      </c>
      <c r="AZ19" s="196">
        <v>20</v>
      </c>
      <c r="BA19" s="196">
        <v>29</v>
      </c>
      <c r="BB19" s="196">
        <v>18</v>
      </c>
      <c r="BC19" s="197">
        <v>112</v>
      </c>
      <c r="BD19" s="198">
        <v>121</v>
      </c>
      <c r="BE19" s="192">
        <v>0</v>
      </c>
      <c r="BF19" s="196">
        <v>0</v>
      </c>
      <c r="BG19" s="193">
        <v>0</v>
      </c>
      <c r="BH19" s="195">
        <v>0</v>
      </c>
      <c r="BI19" s="196">
        <v>22</v>
      </c>
      <c r="BJ19" s="196">
        <v>35</v>
      </c>
      <c r="BK19" s="196">
        <v>19</v>
      </c>
      <c r="BL19" s="196">
        <v>7</v>
      </c>
      <c r="BM19" s="196">
        <v>2</v>
      </c>
      <c r="BN19" s="193">
        <v>85</v>
      </c>
      <c r="BO19" s="198">
        <v>85</v>
      </c>
      <c r="BP19" s="192">
        <v>1</v>
      </c>
      <c r="BQ19" s="196">
        <v>7</v>
      </c>
      <c r="BR19" s="193">
        <v>8</v>
      </c>
      <c r="BS19" s="195">
        <v>0</v>
      </c>
      <c r="BT19" s="196">
        <v>8</v>
      </c>
      <c r="BU19" s="196">
        <v>5</v>
      </c>
      <c r="BV19" s="196">
        <v>9</v>
      </c>
      <c r="BW19" s="196">
        <v>2</v>
      </c>
      <c r="BX19" s="196">
        <v>0</v>
      </c>
      <c r="BY19" s="193">
        <v>24</v>
      </c>
      <c r="BZ19" s="198">
        <v>32</v>
      </c>
      <c r="CA19" s="192">
        <v>0</v>
      </c>
      <c r="CB19" s="196">
        <v>0</v>
      </c>
      <c r="CC19" s="193">
        <v>0</v>
      </c>
      <c r="CD19" s="195">
        <v>0</v>
      </c>
      <c r="CE19" s="196">
        <v>3</v>
      </c>
      <c r="CF19" s="196">
        <v>5</v>
      </c>
      <c r="CG19" s="196">
        <v>10</v>
      </c>
      <c r="CH19" s="196">
        <v>4</v>
      </c>
      <c r="CI19" s="196">
        <v>0</v>
      </c>
      <c r="CJ19" s="193">
        <v>22</v>
      </c>
      <c r="CK19" s="198">
        <v>22</v>
      </c>
      <c r="CL19" s="192">
        <v>0</v>
      </c>
      <c r="CM19" s="196">
        <v>0</v>
      </c>
      <c r="CN19" s="193">
        <v>0</v>
      </c>
      <c r="CO19" s="195">
        <v>0</v>
      </c>
      <c r="CP19" s="196">
        <v>0</v>
      </c>
      <c r="CQ19" s="196">
        <v>1</v>
      </c>
      <c r="CR19" s="196">
        <v>2</v>
      </c>
      <c r="CS19" s="196">
        <v>0</v>
      </c>
      <c r="CT19" s="196">
        <v>0</v>
      </c>
      <c r="CU19" s="193">
        <v>3</v>
      </c>
      <c r="CV19" s="198">
        <v>3</v>
      </c>
      <c r="CW19" s="192">
        <v>0</v>
      </c>
      <c r="CX19" s="196">
        <v>0</v>
      </c>
      <c r="CY19" s="193">
        <v>0</v>
      </c>
      <c r="CZ19" s="195">
        <v>0</v>
      </c>
      <c r="DA19" s="196">
        <v>0</v>
      </c>
      <c r="DB19" s="196">
        <v>0</v>
      </c>
      <c r="DC19" s="196">
        <v>0</v>
      </c>
      <c r="DD19" s="196">
        <v>0</v>
      </c>
      <c r="DE19" s="196">
        <v>0</v>
      </c>
      <c r="DF19" s="193">
        <v>0</v>
      </c>
      <c r="DG19" s="198">
        <v>0</v>
      </c>
      <c r="DH19" s="192">
        <v>0</v>
      </c>
      <c r="DI19" s="196">
        <v>0</v>
      </c>
      <c r="DJ19" s="193">
        <v>0</v>
      </c>
      <c r="DK19" s="195">
        <v>0</v>
      </c>
      <c r="DL19" s="196">
        <v>0</v>
      </c>
      <c r="DM19" s="196">
        <v>0</v>
      </c>
      <c r="DN19" s="196">
        <v>0</v>
      </c>
      <c r="DO19" s="196">
        <v>0</v>
      </c>
      <c r="DP19" s="196">
        <v>0</v>
      </c>
      <c r="DQ19" s="193">
        <v>0</v>
      </c>
      <c r="DR19" s="198">
        <v>0</v>
      </c>
      <c r="DS19" s="192">
        <v>16</v>
      </c>
      <c r="DT19" s="196">
        <v>22</v>
      </c>
      <c r="DU19" s="193">
        <v>38</v>
      </c>
      <c r="DV19" s="195">
        <v>0</v>
      </c>
      <c r="DW19" s="196">
        <v>28</v>
      </c>
      <c r="DX19" s="196">
        <v>63</v>
      </c>
      <c r="DY19" s="196">
        <v>42</v>
      </c>
      <c r="DZ19" s="196">
        <v>24</v>
      </c>
      <c r="EA19" s="196">
        <v>12</v>
      </c>
      <c r="EB19" s="193">
        <v>169</v>
      </c>
      <c r="EC19" s="198">
        <v>207</v>
      </c>
      <c r="ED19" s="192">
        <v>2</v>
      </c>
      <c r="EE19" s="196">
        <v>4</v>
      </c>
      <c r="EF19" s="193">
        <v>6</v>
      </c>
      <c r="EG19" s="195">
        <v>0</v>
      </c>
      <c r="EH19" s="196">
        <v>10</v>
      </c>
      <c r="EI19" s="196">
        <v>8</v>
      </c>
      <c r="EJ19" s="196">
        <v>6</v>
      </c>
      <c r="EK19" s="196">
        <v>15</v>
      </c>
      <c r="EL19" s="196">
        <v>7</v>
      </c>
      <c r="EM19" s="193">
        <v>46</v>
      </c>
      <c r="EN19" s="198">
        <v>52</v>
      </c>
      <c r="EO19" s="192">
        <v>20</v>
      </c>
      <c r="EP19" s="196">
        <v>27</v>
      </c>
      <c r="EQ19" s="193">
        <v>47</v>
      </c>
      <c r="ER19" s="195">
        <v>0</v>
      </c>
      <c r="ES19" s="196">
        <v>62</v>
      </c>
      <c r="ET19" s="196">
        <v>82</v>
      </c>
      <c r="EU19" s="196">
        <v>53</v>
      </c>
      <c r="EV19" s="196">
        <v>27</v>
      </c>
      <c r="EW19" s="196">
        <v>13</v>
      </c>
      <c r="EX19" s="193">
        <v>237</v>
      </c>
      <c r="EY19" s="198">
        <v>284</v>
      </c>
    </row>
    <row r="20" spans="1:155" ht="19.5" customHeight="1" x14ac:dyDescent="0.2">
      <c r="A20" s="177" t="s">
        <v>18</v>
      </c>
      <c r="B20" s="192">
        <v>0</v>
      </c>
      <c r="C20" s="196">
        <v>0</v>
      </c>
      <c r="D20" s="458">
        <v>0</v>
      </c>
      <c r="E20" s="195">
        <v>0</v>
      </c>
      <c r="F20" s="196">
        <v>23</v>
      </c>
      <c r="G20" s="196">
        <v>37</v>
      </c>
      <c r="H20" s="196">
        <v>17</v>
      </c>
      <c r="I20" s="196">
        <v>11</v>
      </c>
      <c r="J20" s="196">
        <v>10</v>
      </c>
      <c r="K20" s="197">
        <v>98</v>
      </c>
      <c r="L20" s="198">
        <v>98</v>
      </c>
      <c r="M20" s="192">
        <v>0</v>
      </c>
      <c r="N20" s="196">
        <v>0</v>
      </c>
      <c r="O20" s="193">
        <v>0</v>
      </c>
      <c r="P20" s="195">
        <v>0</v>
      </c>
      <c r="Q20" s="196">
        <v>0</v>
      </c>
      <c r="R20" s="196">
        <v>2</v>
      </c>
      <c r="S20" s="196">
        <v>1</v>
      </c>
      <c r="T20" s="196">
        <v>6</v>
      </c>
      <c r="U20" s="196">
        <v>4</v>
      </c>
      <c r="V20" s="193">
        <v>13</v>
      </c>
      <c r="W20" s="198">
        <v>13</v>
      </c>
      <c r="X20" s="192">
        <v>6</v>
      </c>
      <c r="Y20" s="196">
        <v>7</v>
      </c>
      <c r="Z20" s="193">
        <v>13</v>
      </c>
      <c r="AA20" s="195">
        <v>0</v>
      </c>
      <c r="AB20" s="196">
        <v>15</v>
      </c>
      <c r="AC20" s="196">
        <v>36</v>
      </c>
      <c r="AD20" s="196">
        <v>15</v>
      </c>
      <c r="AE20" s="196">
        <v>19</v>
      </c>
      <c r="AF20" s="196">
        <v>8</v>
      </c>
      <c r="AG20" s="193">
        <v>93</v>
      </c>
      <c r="AH20" s="198">
        <v>106</v>
      </c>
      <c r="AI20" s="192">
        <v>0</v>
      </c>
      <c r="AJ20" s="196">
        <v>1</v>
      </c>
      <c r="AK20" s="193">
        <v>1</v>
      </c>
      <c r="AL20" s="195">
        <v>0</v>
      </c>
      <c r="AM20" s="196">
        <v>3</v>
      </c>
      <c r="AN20" s="196">
        <v>3</v>
      </c>
      <c r="AO20" s="196">
        <v>1</v>
      </c>
      <c r="AP20" s="196">
        <v>0</v>
      </c>
      <c r="AQ20" s="196">
        <v>1</v>
      </c>
      <c r="AR20" s="193">
        <v>8</v>
      </c>
      <c r="AS20" s="198">
        <v>9</v>
      </c>
      <c r="AT20" s="192">
        <v>7</v>
      </c>
      <c r="AU20" s="196">
        <v>3</v>
      </c>
      <c r="AV20" s="193">
        <v>10</v>
      </c>
      <c r="AW20" s="195">
        <v>0</v>
      </c>
      <c r="AX20" s="196">
        <v>26</v>
      </c>
      <c r="AY20" s="196">
        <v>33</v>
      </c>
      <c r="AZ20" s="196">
        <v>21</v>
      </c>
      <c r="BA20" s="196">
        <v>32</v>
      </c>
      <c r="BB20" s="196">
        <v>30</v>
      </c>
      <c r="BC20" s="197">
        <v>142</v>
      </c>
      <c r="BD20" s="198">
        <v>152</v>
      </c>
      <c r="BE20" s="192">
        <v>0</v>
      </c>
      <c r="BF20" s="196">
        <v>0</v>
      </c>
      <c r="BG20" s="193">
        <v>0</v>
      </c>
      <c r="BH20" s="195">
        <v>0</v>
      </c>
      <c r="BI20" s="196">
        <v>29</v>
      </c>
      <c r="BJ20" s="196">
        <v>47</v>
      </c>
      <c r="BK20" s="196">
        <v>15</v>
      </c>
      <c r="BL20" s="196">
        <v>11</v>
      </c>
      <c r="BM20" s="196">
        <v>2</v>
      </c>
      <c r="BN20" s="193">
        <v>104</v>
      </c>
      <c r="BO20" s="198">
        <v>104</v>
      </c>
      <c r="BP20" s="192">
        <v>1</v>
      </c>
      <c r="BQ20" s="196">
        <v>3</v>
      </c>
      <c r="BR20" s="193">
        <v>4</v>
      </c>
      <c r="BS20" s="195">
        <v>0</v>
      </c>
      <c r="BT20" s="196">
        <v>5</v>
      </c>
      <c r="BU20" s="196">
        <v>13</v>
      </c>
      <c r="BV20" s="196">
        <v>7</v>
      </c>
      <c r="BW20" s="196">
        <v>4</v>
      </c>
      <c r="BX20" s="196">
        <v>2</v>
      </c>
      <c r="BY20" s="193">
        <v>31</v>
      </c>
      <c r="BZ20" s="198">
        <v>35</v>
      </c>
      <c r="CA20" s="192">
        <v>0</v>
      </c>
      <c r="CB20" s="196">
        <v>0</v>
      </c>
      <c r="CC20" s="193">
        <v>0</v>
      </c>
      <c r="CD20" s="195">
        <v>0</v>
      </c>
      <c r="CE20" s="196">
        <v>3</v>
      </c>
      <c r="CF20" s="196">
        <v>7</v>
      </c>
      <c r="CG20" s="196">
        <v>7</v>
      </c>
      <c r="CH20" s="196">
        <v>7</v>
      </c>
      <c r="CI20" s="196">
        <v>3</v>
      </c>
      <c r="CJ20" s="193">
        <v>27</v>
      </c>
      <c r="CK20" s="198">
        <v>27</v>
      </c>
      <c r="CL20" s="192">
        <v>0</v>
      </c>
      <c r="CM20" s="196">
        <v>0</v>
      </c>
      <c r="CN20" s="193">
        <v>0</v>
      </c>
      <c r="CO20" s="195">
        <v>0</v>
      </c>
      <c r="CP20" s="196">
        <v>0</v>
      </c>
      <c r="CQ20" s="196">
        <v>0</v>
      </c>
      <c r="CR20" s="196">
        <v>2</v>
      </c>
      <c r="CS20" s="196">
        <v>0</v>
      </c>
      <c r="CT20" s="196">
        <v>1</v>
      </c>
      <c r="CU20" s="193">
        <v>3</v>
      </c>
      <c r="CV20" s="198">
        <v>3</v>
      </c>
      <c r="CW20" s="192">
        <v>0</v>
      </c>
      <c r="CX20" s="196">
        <v>0</v>
      </c>
      <c r="CY20" s="193">
        <v>0</v>
      </c>
      <c r="CZ20" s="195">
        <v>0</v>
      </c>
      <c r="DA20" s="196">
        <v>0</v>
      </c>
      <c r="DB20" s="196">
        <v>0</v>
      </c>
      <c r="DC20" s="196">
        <v>0</v>
      </c>
      <c r="DD20" s="196">
        <v>0</v>
      </c>
      <c r="DE20" s="196">
        <v>0</v>
      </c>
      <c r="DF20" s="193">
        <v>0</v>
      </c>
      <c r="DG20" s="198">
        <v>0</v>
      </c>
      <c r="DH20" s="192">
        <v>0</v>
      </c>
      <c r="DI20" s="196">
        <v>0</v>
      </c>
      <c r="DJ20" s="193">
        <v>0</v>
      </c>
      <c r="DK20" s="195">
        <v>0</v>
      </c>
      <c r="DL20" s="196">
        <v>0</v>
      </c>
      <c r="DM20" s="196">
        <v>0</v>
      </c>
      <c r="DN20" s="196">
        <v>0</v>
      </c>
      <c r="DO20" s="196">
        <v>0</v>
      </c>
      <c r="DP20" s="196">
        <v>0</v>
      </c>
      <c r="DQ20" s="193">
        <v>0</v>
      </c>
      <c r="DR20" s="198">
        <v>0</v>
      </c>
      <c r="DS20" s="192">
        <v>11</v>
      </c>
      <c r="DT20" s="196">
        <v>26</v>
      </c>
      <c r="DU20" s="193">
        <v>37</v>
      </c>
      <c r="DV20" s="195">
        <v>0</v>
      </c>
      <c r="DW20" s="196">
        <v>34</v>
      </c>
      <c r="DX20" s="196">
        <v>75</v>
      </c>
      <c r="DY20" s="196">
        <v>29</v>
      </c>
      <c r="DZ20" s="196">
        <v>30</v>
      </c>
      <c r="EA20" s="196">
        <v>19</v>
      </c>
      <c r="EB20" s="193">
        <v>187</v>
      </c>
      <c r="EC20" s="198">
        <v>224</v>
      </c>
      <c r="ED20" s="192">
        <v>3</v>
      </c>
      <c r="EE20" s="196">
        <v>0</v>
      </c>
      <c r="EF20" s="193">
        <v>3</v>
      </c>
      <c r="EG20" s="195">
        <v>0</v>
      </c>
      <c r="EH20" s="196">
        <v>13</v>
      </c>
      <c r="EI20" s="196">
        <v>10</v>
      </c>
      <c r="EJ20" s="196">
        <v>11</v>
      </c>
      <c r="EK20" s="196">
        <v>12</v>
      </c>
      <c r="EL20" s="196">
        <v>15</v>
      </c>
      <c r="EM20" s="193">
        <v>61</v>
      </c>
      <c r="EN20" s="198">
        <v>64</v>
      </c>
      <c r="EO20" s="192">
        <v>17</v>
      </c>
      <c r="EP20" s="196">
        <v>32</v>
      </c>
      <c r="EQ20" s="193">
        <v>49</v>
      </c>
      <c r="ER20" s="195">
        <v>0</v>
      </c>
      <c r="ES20" s="196">
        <v>85</v>
      </c>
      <c r="ET20" s="196">
        <v>115</v>
      </c>
      <c r="EU20" s="196">
        <v>39</v>
      </c>
      <c r="EV20" s="196">
        <v>32</v>
      </c>
      <c r="EW20" s="196">
        <v>17</v>
      </c>
      <c r="EX20" s="193">
        <v>288</v>
      </c>
      <c r="EY20" s="198">
        <v>337</v>
      </c>
    </row>
    <row r="21" spans="1:155" ht="19.5" customHeight="1" x14ac:dyDescent="0.2">
      <c r="A21" s="177" t="s">
        <v>19</v>
      </c>
      <c r="B21" s="192">
        <v>0</v>
      </c>
      <c r="C21" s="196">
        <v>0</v>
      </c>
      <c r="D21" s="458">
        <v>0</v>
      </c>
      <c r="E21" s="195">
        <v>0</v>
      </c>
      <c r="F21" s="196">
        <v>6</v>
      </c>
      <c r="G21" s="196">
        <v>8</v>
      </c>
      <c r="H21" s="196">
        <v>6</v>
      </c>
      <c r="I21" s="196">
        <v>3</v>
      </c>
      <c r="J21" s="196">
        <v>2</v>
      </c>
      <c r="K21" s="197">
        <v>25</v>
      </c>
      <c r="L21" s="198">
        <v>25</v>
      </c>
      <c r="M21" s="192">
        <v>0</v>
      </c>
      <c r="N21" s="196">
        <v>0</v>
      </c>
      <c r="O21" s="193">
        <v>0</v>
      </c>
      <c r="P21" s="195">
        <v>0</v>
      </c>
      <c r="Q21" s="196">
        <v>0</v>
      </c>
      <c r="R21" s="196">
        <v>0</v>
      </c>
      <c r="S21" s="196">
        <v>1</v>
      </c>
      <c r="T21" s="196">
        <v>1</v>
      </c>
      <c r="U21" s="196">
        <v>1</v>
      </c>
      <c r="V21" s="193">
        <v>3</v>
      </c>
      <c r="W21" s="198">
        <v>3</v>
      </c>
      <c r="X21" s="192">
        <v>1</v>
      </c>
      <c r="Y21" s="196">
        <v>4</v>
      </c>
      <c r="Z21" s="193">
        <v>5</v>
      </c>
      <c r="AA21" s="195">
        <v>0</v>
      </c>
      <c r="AB21" s="196">
        <v>12</v>
      </c>
      <c r="AC21" s="196">
        <v>10</v>
      </c>
      <c r="AD21" s="196">
        <v>6</v>
      </c>
      <c r="AE21" s="196">
        <v>5</v>
      </c>
      <c r="AF21" s="196">
        <v>3</v>
      </c>
      <c r="AG21" s="193">
        <v>36</v>
      </c>
      <c r="AH21" s="198">
        <v>41</v>
      </c>
      <c r="AI21" s="192">
        <v>0</v>
      </c>
      <c r="AJ21" s="196">
        <v>1</v>
      </c>
      <c r="AK21" s="193">
        <v>1</v>
      </c>
      <c r="AL21" s="195">
        <v>0</v>
      </c>
      <c r="AM21" s="196">
        <v>2</v>
      </c>
      <c r="AN21" s="196">
        <v>1</v>
      </c>
      <c r="AO21" s="196">
        <v>2</v>
      </c>
      <c r="AP21" s="196">
        <v>0</v>
      </c>
      <c r="AQ21" s="196">
        <v>0</v>
      </c>
      <c r="AR21" s="193">
        <v>5</v>
      </c>
      <c r="AS21" s="198">
        <v>6</v>
      </c>
      <c r="AT21" s="192">
        <v>2</v>
      </c>
      <c r="AU21" s="196">
        <v>4</v>
      </c>
      <c r="AV21" s="193">
        <v>6</v>
      </c>
      <c r="AW21" s="195">
        <v>0</v>
      </c>
      <c r="AX21" s="196">
        <v>7</v>
      </c>
      <c r="AY21" s="196">
        <v>11</v>
      </c>
      <c r="AZ21" s="196">
        <v>17</v>
      </c>
      <c r="BA21" s="196">
        <v>6</v>
      </c>
      <c r="BB21" s="196">
        <v>7</v>
      </c>
      <c r="BC21" s="197">
        <v>48</v>
      </c>
      <c r="BD21" s="198">
        <v>54</v>
      </c>
      <c r="BE21" s="192">
        <v>0</v>
      </c>
      <c r="BF21" s="196">
        <v>0</v>
      </c>
      <c r="BG21" s="193">
        <v>0</v>
      </c>
      <c r="BH21" s="195">
        <v>0</v>
      </c>
      <c r="BI21" s="196">
        <v>17</v>
      </c>
      <c r="BJ21" s="196">
        <v>7</v>
      </c>
      <c r="BK21" s="196">
        <v>5</v>
      </c>
      <c r="BL21" s="196">
        <v>1</v>
      </c>
      <c r="BM21" s="196">
        <v>3</v>
      </c>
      <c r="BN21" s="193">
        <v>33</v>
      </c>
      <c r="BO21" s="198">
        <v>33</v>
      </c>
      <c r="BP21" s="192">
        <v>1</v>
      </c>
      <c r="BQ21" s="196">
        <v>3</v>
      </c>
      <c r="BR21" s="193">
        <v>4</v>
      </c>
      <c r="BS21" s="195">
        <v>0</v>
      </c>
      <c r="BT21" s="196">
        <v>6</v>
      </c>
      <c r="BU21" s="196">
        <v>3</v>
      </c>
      <c r="BV21" s="196">
        <v>4</v>
      </c>
      <c r="BW21" s="196">
        <v>6</v>
      </c>
      <c r="BX21" s="196">
        <v>1</v>
      </c>
      <c r="BY21" s="193">
        <v>20</v>
      </c>
      <c r="BZ21" s="198">
        <v>24</v>
      </c>
      <c r="CA21" s="192">
        <v>0</v>
      </c>
      <c r="CB21" s="196">
        <v>2</v>
      </c>
      <c r="CC21" s="193">
        <v>2</v>
      </c>
      <c r="CD21" s="195">
        <v>0</v>
      </c>
      <c r="CE21" s="196">
        <v>0</v>
      </c>
      <c r="CF21" s="196">
        <v>3</v>
      </c>
      <c r="CG21" s="196">
        <v>3</v>
      </c>
      <c r="CH21" s="196">
        <v>0</v>
      </c>
      <c r="CI21" s="196">
        <v>0</v>
      </c>
      <c r="CJ21" s="193">
        <v>6</v>
      </c>
      <c r="CK21" s="198">
        <v>8</v>
      </c>
      <c r="CL21" s="192">
        <v>0</v>
      </c>
      <c r="CM21" s="196">
        <v>0</v>
      </c>
      <c r="CN21" s="193">
        <v>0</v>
      </c>
      <c r="CO21" s="195">
        <v>0</v>
      </c>
      <c r="CP21" s="196">
        <v>0</v>
      </c>
      <c r="CQ21" s="196">
        <v>1</v>
      </c>
      <c r="CR21" s="196">
        <v>0</v>
      </c>
      <c r="CS21" s="196">
        <v>2</v>
      </c>
      <c r="CT21" s="196">
        <v>1</v>
      </c>
      <c r="CU21" s="193">
        <v>4</v>
      </c>
      <c r="CV21" s="198">
        <v>4</v>
      </c>
      <c r="CW21" s="192">
        <v>0</v>
      </c>
      <c r="CX21" s="196">
        <v>0</v>
      </c>
      <c r="CY21" s="193">
        <v>0</v>
      </c>
      <c r="CZ21" s="195">
        <v>0</v>
      </c>
      <c r="DA21" s="196">
        <v>0</v>
      </c>
      <c r="DB21" s="196">
        <v>0</v>
      </c>
      <c r="DC21" s="196">
        <v>0</v>
      </c>
      <c r="DD21" s="196">
        <v>0</v>
      </c>
      <c r="DE21" s="196">
        <v>0</v>
      </c>
      <c r="DF21" s="193">
        <v>0</v>
      </c>
      <c r="DG21" s="198">
        <v>0</v>
      </c>
      <c r="DH21" s="192">
        <v>0</v>
      </c>
      <c r="DI21" s="196">
        <v>0</v>
      </c>
      <c r="DJ21" s="193">
        <v>0</v>
      </c>
      <c r="DK21" s="195">
        <v>0</v>
      </c>
      <c r="DL21" s="196">
        <v>0</v>
      </c>
      <c r="DM21" s="196">
        <v>0</v>
      </c>
      <c r="DN21" s="196">
        <v>0</v>
      </c>
      <c r="DO21" s="196">
        <v>0</v>
      </c>
      <c r="DP21" s="196">
        <v>0</v>
      </c>
      <c r="DQ21" s="193">
        <v>0</v>
      </c>
      <c r="DR21" s="198">
        <v>0</v>
      </c>
      <c r="DS21" s="192">
        <v>5</v>
      </c>
      <c r="DT21" s="196">
        <v>11</v>
      </c>
      <c r="DU21" s="193">
        <v>16</v>
      </c>
      <c r="DV21" s="195">
        <v>0</v>
      </c>
      <c r="DW21" s="196">
        <v>19</v>
      </c>
      <c r="DX21" s="196">
        <v>19</v>
      </c>
      <c r="DY21" s="196">
        <v>18</v>
      </c>
      <c r="DZ21" s="196">
        <v>10</v>
      </c>
      <c r="EA21" s="196">
        <v>5</v>
      </c>
      <c r="EB21" s="193">
        <v>71</v>
      </c>
      <c r="EC21" s="198">
        <v>87</v>
      </c>
      <c r="ED21" s="192">
        <v>1</v>
      </c>
      <c r="EE21" s="196">
        <v>4</v>
      </c>
      <c r="EF21" s="193">
        <v>5</v>
      </c>
      <c r="EG21" s="195">
        <v>0</v>
      </c>
      <c r="EH21" s="196">
        <v>6</v>
      </c>
      <c r="EI21" s="196">
        <v>3</v>
      </c>
      <c r="EJ21" s="196">
        <v>8</v>
      </c>
      <c r="EK21" s="196">
        <v>1</v>
      </c>
      <c r="EL21" s="196">
        <v>3</v>
      </c>
      <c r="EM21" s="193">
        <v>21</v>
      </c>
      <c r="EN21" s="198">
        <v>26</v>
      </c>
      <c r="EO21" s="192">
        <v>7</v>
      </c>
      <c r="EP21" s="196">
        <v>17</v>
      </c>
      <c r="EQ21" s="193">
        <v>24</v>
      </c>
      <c r="ER21" s="195">
        <v>0</v>
      </c>
      <c r="ES21" s="196">
        <v>39</v>
      </c>
      <c r="ET21" s="196">
        <v>27</v>
      </c>
      <c r="EU21" s="196">
        <v>17</v>
      </c>
      <c r="EV21" s="196">
        <v>9</v>
      </c>
      <c r="EW21" s="196">
        <v>6</v>
      </c>
      <c r="EX21" s="193">
        <v>98</v>
      </c>
      <c r="EY21" s="198">
        <v>122</v>
      </c>
    </row>
    <row r="22" spans="1:155" ht="19.5" customHeight="1" x14ac:dyDescent="0.2">
      <c r="A22" s="177" t="s">
        <v>20</v>
      </c>
      <c r="B22" s="192">
        <v>0</v>
      </c>
      <c r="C22" s="196">
        <v>0</v>
      </c>
      <c r="D22" s="458">
        <v>0</v>
      </c>
      <c r="E22" s="195">
        <v>0</v>
      </c>
      <c r="F22" s="196">
        <v>18</v>
      </c>
      <c r="G22" s="196">
        <v>7</v>
      </c>
      <c r="H22" s="196">
        <v>3</v>
      </c>
      <c r="I22" s="196">
        <v>7</v>
      </c>
      <c r="J22" s="196">
        <v>4</v>
      </c>
      <c r="K22" s="197">
        <v>39</v>
      </c>
      <c r="L22" s="198">
        <v>39</v>
      </c>
      <c r="M22" s="192">
        <v>0</v>
      </c>
      <c r="N22" s="196">
        <v>0</v>
      </c>
      <c r="O22" s="193">
        <v>0</v>
      </c>
      <c r="P22" s="195">
        <v>0</v>
      </c>
      <c r="Q22" s="196">
        <v>1</v>
      </c>
      <c r="R22" s="196">
        <v>0</v>
      </c>
      <c r="S22" s="196">
        <v>1</v>
      </c>
      <c r="T22" s="196">
        <v>0</v>
      </c>
      <c r="U22" s="196">
        <v>2</v>
      </c>
      <c r="V22" s="193">
        <v>4</v>
      </c>
      <c r="W22" s="198">
        <v>4</v>
      </c>
      <c r="X22" s="192">
        <v>2</v>
      </c>
      <c r="Y22" s="196">
        <v>6</v>
      </c>
      <c r="Z22" s="193">
        <v>8</v>
      </c>
      <c r="AA22" s="195">
        <v>0</v>
      </c>
      <c r="AB22" s="196">
        <v>16</v>
      </c>
      <c r="AC22" s="196">
        <v>11</v>
      </c>
      <c r="AD22" s="196">
        <v>8</v>
      </c>
      <c r="AE22" s="196">
        <v>3</v>
      </c>
      <c r="AF22" s="196">
        <v>2</v>
      </c>
      <c r="AG22" s="193">
        <v>40</v>
      </c>
      <c r="AH22" s="198">
        <v>48</v>
      </c>
      <c r="AI22" s="192">
        <v>2</v>
      </c>
      <c r="AJ22" s="196">
        <v>2</v>
      </c>
      <c r="AK22" s="193">
        <v>4</v>
      </c>
      <c r="AL22" s="195">
        <v>0</v>
      </c>
      <c r="AM22" s="196">
        <v>3</v>
      </c>
      <c r="AN22" s="196">
        <v>3</v>
      </c>
      <c r="AO22" s="196">
        <v>3</v>
      </c>
      <c r="AP22" s="196">
        <v>0</v>
      </c>
      <c r="AQ22" s="196">
        <v>1</v>
      </c>
      <c r="AR22" s="193">
        <v>10</v>
      </c>
      <c r="AS22" s="198">
        <v>14</v>
      </c>
      <c r="AT22" s="192">
        <v>1</v>
      </c>
      <c r="AU22" s="196">
        <v>0</v>
      </c>
      <c r="AV22" s="193">
        <v>1</v>
      </c>
      <c r="AW22" s="195">
        <v>0</v>
      </c>
      <c r="AX22" s="196">
        <v>20</v>
      </c>
      <c r="AY22" s="196">
        <v>13</v>
      </c>
      <c r="AZ22" s="196">
        <v>9</v>
      </c>
      <c r="BA22" s="196">
        <v>17</v>
      </c>
      <c r="BB22" s="196">
        <v>5</v>
      </c>
      <c r="BC22" s="197">
        <v>64</v>
      </c>
      <c r="BD22" s="198">
        <v>65</v>
      </c>
      <c r="BE22" s="192">
        <v>0</v>
      </c>
      <c r="BF22" s="196">
        <v>0</v>
      </c>
      <c r="BG22" s="193">
        <v>0</v>
      </c>
      <c r="BH22" s="195">
        <v>0</v>
      </c>
      <c r="BI22" s="196">
        <v>11</v>
      </c>
      <c r="BJ22" s="196">
        <v>10</v>
      </c>
      <c r="BK22" s="196">
        <v>8</v>
      </c>
      <c r="BL22" s="196">
        <v>6</v>
      </c>
      <c r="BM22" s="196">
        <v>3</v>
      </c>
      <c r="BN22" s="193">
        <v>38</v>
      </c>
      <c r="BO22" s="198">
        <v>38</v>
      </c>
      <c r="BP22" s="192">
        <v>2</v>
      </c>
      <c r="BQ22" s="196">
        <v>2</v>
      </c>
      <c r="BR22" s="193">
        <v>4</v>
      </c>
      <c r="BS22" s="195">
        <v>0</v>
      </c>
      <c r="BT22" s="196">
        <v>13</v>
      </c>
      <c r="BU22" s="196">
        <v>15</v>
      </c>
      <c r="BV22" s="196">
        <v>6</v>
      </c>
      <c r="BW22" s="196">
        <v>2</v>
      </c>
      <c r="BX22" s="196">
        <v>2</v>
      </c>
      <c r="BY22" s="193">
        <v>38</v>
      </c>
      <c r="BZ22" s="198">
        <v>42</v>
      </c>
      <c r="CA22" s="192">
        <v>0</v>
      </c>
      <c r="CB22" s="196">
        <v>1</v>
      </c>
      <c r="CC22" s="193">
        <v>1</v>
      </c>
      <c r="CD22" s="195">
        <v>0</v>
      </c>
      <c r="CE22" s="196">
        <v>3</v>
      </c>
      <c r="CF22" s="196">
        <v>4</v>
      </c>
      <c r="CG22" s="196">
        <v>5</v>
      </c>
      <c r="CH22" s="196">
        <v>6</v>
      </c>
      <c r="CI22" s="196">
        <v>0</v>
      </c>
      <c r="CJ22" s="193">
        <v>18</v>
      </c>
      <c r="CK22" s="198">
        <v>19</v>
      </c>
      <c r="CL22" s="192">
        <v>0</v>
      </c>
      <c r="CM22" s="196">
        <v>0</v>
      </c>
      <c r="CN22" s="193">
        <v>0</v>
      </c>
      <c r="CO22" s="195">
        <v>0</v>
      </c>
      <c r="CP22" s="196">
        <v>0</v>
      </c>
      <c r="CQ22" s="196">
        <v>1</v>
      </c>
      <c r="CR22" s="196">
        <v>1</v>
      </c>
      <c r="CS22" s="196">
        <v>0</v>
      </c>
      <c r="CT22" s="196">
        <v>0</v>
      </c>
      <c r="CU22" s="193">
        <v>2</v>
      </c>
      <c r="CV22" s="198">
        <v>2</v>
      </c>
      <c r="CW22" s="192">
        <v>0</v>
      </c>
      <c r="CX22" s="196">
        <v>0</v>
      </c>
      <c r="CY22" s="193">
        <v>0</v>
      </c>
      <c r="CZ22" s="195">
        <v>0</v>
      </c>
      <c r="DA22" s="196">
        <v>0</v>
      </c>
      <c r="DB22" s="196">
        <v>0</v>
      </c>
      <c r="DC22" s="196">
        <v>0</v>
      </c>
      <c r="DD22" s="196">
        <v>0</v>
      </c>
      <c r="DE22" s="196">
        <v>0</v>
      </c>
      <c r="DF22" s="193">
        <v>0</v>
      </c>
      <c r="DG22" s="198">
        <v>0</v>
      </c>
      <c r="DH22" s="192">
        <v>0</v>
      </c>
      <c r="DI22" s="196">
        <v>0</v>
      </c>
      <c r="DJ22" s="193">
        <v>0</v>
      </c>
      <c r="DK22" s="195">
        <v>0</v>
      </c>
      <c r="DL22" s="196">
        <v>0</v>
      </c>
      <c r="DM22" s="196">
        <v>0</v>
      </c>
      <c r="DN22" s="196">
        <v>0</v>
      </c>
      <c r="DO22" s="196">
        <v>0</v>
      </c>
      <c r="DP22" s="196">
        <v>0</v>
      </c>
      <c r="DQ22" s="193">
        <v>0</v>
      </c>
      <c r="DR22" s="198">
        <v>0</v>
      </c>
      <c r="DS22" s="192">
        <v>8</v>
      </c>
      <c r="DT22" s="196">
        <v>18</v>
      </c>
      <c r="DU22" s="193">
        <v>26</v>
      </c>
      <c r="DV22" s="195">
        <v>0</v>
      </c>
      <c r="DW22" s="196">
        <v>29</v>
      </c>
      <c r="DX22" s="196">
        <v>26</v>
      </c>
      <c r="DY22" s="196">
        <v>14</v>
      </c>
      <c r="DZ22" s="196">
        <v>13</v>
      </c>
      <c r="EA22" s="196">
        <v>5</v>
      </c>
      <c r="EB22" s="193">
        <v>87</v>
      </c>
      <c r="EC22" s="198">
        <v>113</v>
      </c>
      <c r="ED22" s="192">
        <v>1</v>
      </c>
      <c r="EE22" s="196">
        <v>2</v>
      </c>
      <c r="EF22" s="193">
        <v>3</v>
      </c>
      <c r="EG22" s="195">
        <v>0</v>
      </c>
      <c r="EH22" s="196">
        <v>8</v>
      </c>
      <c r="EI22" s="196">
        <v>6</v>
      </c>
      <c r="EJ22" s="196">
        <v>2</v>
      </c>
      <c r="EK22" s="196">
        <v>9</v>
      </c>
      <c r="EL22" s="196">
        <v>2</v>
      </c>
      <c r="EM22" s="193">
        <v>27</v>
      </c>
      <c r="EN22" s="198">
        <v>30</v>
      </c>
      <c r="EO22" s="192">
        <v>13</v>
      </c>
      <c r="EP22" s="196">
        <v>22</v>
      </c>
      <c r="EQ22" s="193">
        <v>35</v>
      </c>
      <c r="ER22" s="195">
        <v>0</v>
      </c>
      <c r="ES22" s="196">
        <v>60</v>
      </c>
      <c r="ET22" s="196">
        <v>40</v>
      </c>
      <c r="EU22" s="196">
        <v>18</v>
      </c>
      <c r="EV22" s="196">
        <v>18</v>
      </c>
      <c r="EW22" s="196">
        <v>6</v>
      </c>
      <c r="EX22" s="193">
        <v>142</v>
      </c>
      <c r="EY22" s="198">
        <v>177</v>
      </c>
    </row>
    <row r="23" spans="1:155" ht="19.5" customHeight="1" x14ac:dyDescent="0.2">
      <c r="A23" s="177" t="s">
        <v>21</v>
      </c>
      <c r="B23" s="192">
        <v>0</v>
      </c>
      <c r="C23" s="196">
        <v>0</v>
      </c>
      <c r="D23" s="458">
        <v>0</v>
      </c>
      <c r="E23" s="195">
        <v>0</v>
      </c>
      <c r="F23" s="196">
        <v>9</v>
      </c>
      <c r="G23" s="196">
        <v>11</v>
      </c>
      <c r="H23" s="196">
        <v>3</v>
      </c>
      <c r="I23" s="196">
        <v>1</v>
      </c>
      <c r="J23" s="196">
        <v>2</v>
      </c>
      <c r="K23" s="197">
        <v>26</v>
      </c>
      <c r="L23" s="198">
        <v>26</v>
      </c>
      <c r="M23" s="192">
        <v>0</v>
      </c>
      <c r="N23" s="196">
        <v>0</v>
      </c>
      <c r="O23" s="193">
        <v>0</v>
      </c>
      <c r="P23" s="195">
        <v>0</v>
      </c>
      <c r="Q23" s="196">
        <v>1</v>
      </c>
      <c r="R23" s="196">
        <v>0</v>
      </c>
      <c r="S23" s="196">
        <v>1</v>
      </c>
      <c r="T23" s="196">
        <v>1</v>
      </c>
      <c r="U23" s="196">
        <v>4</v>
      </c>
      <c r="V23" s="193">
        <v>7</v>
      </c>
      <c r="W23" s="198">
        <v>7</v>
      </c>
      <c r="X23" s="192">
        <v>1</v>
      </c>
      <c r="Y23" s="196">
        <v>2</v>
      </c>
      <c r="Z23" s="193">
        <v>3</v>
      </c>
      <c r="AA23" s="195">
        <v>0</v>
      </c>
      <c r="AB23" s="196">
        <v>12</v>
      </c>
      <c r="AC23" s="196">
        <v>6</v>
      </c>
      <c r="AD23" s="196">
        <v>7</v>
      </c>
      <c r="AE23" s="196">
        <v>4</v>
      </c>
      <c r="AF23" s="196">
        <v>3</v>
      </c>
      <c r="AG23" s="193">
        <v>32</v>
      </c>
      <c r="AH23" s="198">
        <v>35</v>
      </c>
      <c r="AI23" s="192">
        <v>1</v>
      </c>
      <c r="AJ23" s="196">
        <v>0</v>
      </c>
      <c r="AK23" s="193">
        <v>1</v>
      </c>
      <c r="AL23" s="195">
        <v>0</v>
      </c>
      <c r="AM23" s="196">
        <v>0</v>
      </c>
      <c r="AN23" s="196">
        <v>2</v>
      </c>
      <c r="AO23" s="196">
        <v>0</v>
      </c>
      <c r="AP23" s="196">
        <v>0</v>
      </c>
      <c r="AQ23" s="196">
        <v>1</v>
      </c>
      <c r="AR23" s="193">
        <v>3</v>
      </c>
      <c r="AS23" s="198">
        <v>4</v>
      </c>
      <c r="AT23" s="192">
        <v>5</v>
      </c>
      <c r="AU23" s="196">
        <v>1</v>
      </c>
      <c r="AV23" s="193">
        <v>6</v>
      </c>
      <c r="AW23" s="195">
        <v>0</v>
      </c>
      <c r="AX23" s="196">
        <v>11</v>
      </c>
      <c r="AY23" s="196">
        <v>11</v>
      </c>
      <c r="AZ23" s="196">
        <v>6</v>
      </c>
      <c r="BA23" s="196">
        <v>10</v>
      </c>
      <c r="BB23" s="196">
        <v>8</v>
      </c>
      <c r="BC23" s="197">
        <v>46</v>
      </c>
      <c r="BD23" s="198">
        <v>52</v>
      </c>
      <c r="BE23" s="192">
        <v>0</v>
      </c>
      <c r="BF23" s="196">
        <v>0</v>
      </c>
      <c r="BG23" s="193">
        <v>0</v>
      </c>
      <c r="BH23" s="195">
        <v>0</v>
      </c>
      <c r="BI23" s="196">
        <v>17</v>
      </c>
      <c r="BJ23" s="196">
        <v>16</v>
      </c>
      <c r="BK23" s="196">
        <v>5</v>
      </c>
      <c r="BL23" s="196">
        <v>6</v>
      </c>
      <c r="BM23" s="196">
        <v>0</v>
      </c>
      <c r="BN23" s="193">
        <v>44</v>
      </c>
      <c r="BO23" s="198">
        <v>44</v>
      </c>
      <c r="BP23" s="192">
        <v>2</v>
      </c>
      <c r="BQ23" s="196">
        <v>1</v>
      </c>
      <c r="BR23" s="193">
        <v>3</v>
      </c>
      <c r="BS23" s="195">
        <v>0</v>
      </c>
      <c r="BT23" s="196">
        <v>0</v>
      </c>
      <c r="BU23" s="196">
        <v>1</v>
      </c>
      <c r="BV23" s="196">
        <v>1</v>
      </c>
      <c r="BW23" s="196">
        <v>1</v>
      </c>
      <c r="BX23" s="196">
        <v>1</v>
      </c>
      <c r="BY23" s="193">
        <v>4</v>
      </c>
      <c r="BZ23" s="198">
        <v>7</v>
      </c>
      <c r="CA23" s="192">
        <v>0</v>
      </c>
      <c r="CB23" s="196">
        <v>1</v>
      </c>
      <c r="CC23" s="193">
        <v>1</v>
      </c>
      <c r="CD23" s="195">
        <v>0</v>
      </c>
      <c r="CE23" s="196">
        <v>1</v>
      </c>
      <c r="CF23" s="196">
        <v>1</v>
      </c>
      <c r="CG23" s="196">
        <v>1</v>
      </c>
      <c r="CH23" s="196">
        <v>2</v>
      </c>
      <c r="CI23" s="196">
        <v>0</v>
      </c>
      <c r="CJ23" s="193">
        <v>5</v>
      </c>
      <c r="CK23" s="198">
        <v>6</v>
      </c>
      <c r="CL23" s="192">
        <v>0</v>
      </c>
      <c r="CM23" s="196">
        <v>0</v>
      </c>
      <c r="CN23" s="193">
        <v>0</v>
      </c>
      <c r="CO23" s="195">
        <v>0</v>
      </c>
      <c r="CP23" s="196">
        <v>0</v>
      </c>
      <c r="CQ23" s="196">
        <v>2</v>
      </c>
      <c r="CR23" s="196">
        <v>0</v>
      </c>
      <c r="CS23" s="196">
        <v>0</v>
      </c>
      <c r="CT23" s="196">
        <v>1</v>
      </c>
      <c r="CU23" s="193">
        <v>3</v>
      </c>
      <c r="CV23" s="198">
        <v>3</v>
      </c>
      <c r="CW23" s="192">
        <v>0</v>
      </c>
      <c r="CX23" s="196">
        <v>0</v>
      </c>
      <c r="CY23" s="193">
        <v>0</v>
      </c>
      <c r="CZ23" s="195">
        <v>0</v>
      </c>
      <c r="DA23" s="196">
        <v>0</v>
      </c>
      <c r="DB23" s="196">
        <v>0</v>
      </c>
      <c r="DC23" s="196">
        <v>0</v>
      </c>
      <c r="DD23" s="196">
        <v>0</v>
      </c>
      <c r="DE23" s="196">
        <v>0</v>
      </c>
      <c r="DF23" s="193">
        <v>0</v>
      </c>
      <c r="DG23" s="198">
        <v>0</v>
      </c>
      <c r="DH23" s="192">
        <v>0</v>
      </c>
      <c r="DI23" s="196">
        <v>0</v>
      </c>
      <c r="DJ23" s="193">
        <v>0</v>
      </c>
      <c r="DK23" s="195">
        <v>0</v>
      </c>
      <c r="DL23" s="196">
        <v>0</v>
      </c>
      <c r="DM23" s="196">
        <v>0</v>
      </c>
      <c r="DN23" s="196">
        <v>0</v>
      </c>
      <c r="DO23" s="196">
        <v>0</v>
      </c>
      <c r="DP23" s="196">
        <v>0</v>
      </c>
      <c r="DQ23" s="193">
        <v>0</v>
      </c>
      <c r="DR23" s="198">
        <v>0</v>
      </c>
      <c r="DS23" s="192">
        <v>7</v>
      </c>
      <c r="DT23" s="196">
        <v>5</v>
      </c>
      <c r="DU23" s="193">
        <v>12</v>
      </c>
      <c r="DV23" s="195">
        <v>0</v>
      </c>
      <c r="DW23" s="196">
        <v>11</v>
      </c>
      <c r="DX23" s="196">
        <v>31</v>
      </c>
      <c r="DY23" s="196">
        <v>14</v>
      </c>
      <c r="DZ23" s="196">
        <v>8</v>
      </c>
      <c r="EA23" s="196">
        <v>5</v>
      </c>
      <c r="EB23" s="193">
        <v>69</v>
      </c>
      <c r="EC23" s="198">
        <v>81</v>
      </c>
      <c r="ED23" s="192">
        <v>2</v>
      </c>
      <c r="EE23" s="196">
        <v>2</v>
      </c>
      <c r="EF23" s="193">
        <v>4</v>
      </c>
      <c r="EG23" s="195">
        <v>0</v>
      </c>
      <c r="EH23" s="196">
        <v>2</v>
      </c>
      <c r="EI23" s="196">
        <v>4</v>
      </c>
      <c r="EJ23" s="196">
        <v>4</v>
      </c>
      <c r="EK23" s="196">
        <v>4</v>
      </c>
      <c r="EL23" s="196">
        <v>3</v>
      </c>
      <c r="EM23" s="193">
        <v>17</v>
      </c>
      <c r="EN23" s="198">
        <v>21</v>
      </c>
      <c r="EO23" s="192">
        <v>9</v>
      </c>
      <c r="EP23" s="196">
        <v>7</v>
      </c>
      <c r="EQ23" s="193">
        <v>16</v>
      </c>
      <c r="ER23" s="195">
        <v>0</v>
      </c>
      <c r="ES23" s="196">
        <v>41</v>
      </c>
      <c r="ET23" s="196">
        <v>40</v>
      </c>
      <c r="EU23" s="196">
        <v>14</v>
      </c>
      <c r="EV23" s="196">
        <v>9</v>
      </c>
      <c r="EW23" s="196">
        <v>6</v>
      </c>
      <c r="EX23" s="193">
        <v>110</v>
      </c>
      <c r="EY23" s="198">
        <v>126</v>
      </c>
    </row>
    <row r="24" spans="1:155" ht="19.5" customHeight="1" x14ac:dyDescent="0.2">
      <c r="A24" s="177" t="s">
        <v>22</v>
      </c>
      <c r="B24" s="192">
        <v>0</v>
      </c>
      <c r="C24" s="196">
        <v>0</v>
      </c>
      <c r="D24" s="458">
        <v>0</v>
      </c>
      <c r="E24" s="195">
        <v>0</v>
      </c>
      <c r="F24" s="196">
        <v>7</v>
      </c>
      <c r="G24" s="196">
        <v>1</v>
      </c>
      <c r="H24" s="196">
        <v>2</v>
      </c>
      <c r="I24" s="196">
        <v>4</v>
      </c>
      <c r="J24" s="196">
        <v>2</v>
      </c>
      <c r="K24" s="197">
        <v>16</v>
      </c>
      <c r="L24" s="198">
        <v>16</v>
      </c>
      <c r="M24" s="192">
        <v>0</v>
      </c>
      <c r="N24" s="196">
        <v>0</v>
      </c>
      <c r="O24" s="193">
        <v>0</v>
      </c>
      <c r="P24" s="195">
        <v>0</v>
      </c>
      <c r="Q24" s="196">
        <v>0</v>
      </c>
      <c r="R24" s="196">
        <v>0</v>
      </c>
      <c r="S24" s="196">
        <v>0</v>
      </c>
      <c r="T24" s="196">
        <v>1</v>
      </c>
      <c r="U24" s="196">
        <v>3</v>
      </c>
      <c r="V24" s="193">
        <v>4</v>
      </c>
      <c r="W24" s="198">
        <v>4</v>
      </c>
      <c r="X24" s="192">
        <v>1</v>
      </c>
      <c r="Y24" s="196">
        <v>1</v>
      </c>
      <c r="Z24" s="193">
        <v>2</v>
      </c>
      <c r="AA24" s="195">
        <v>0</v>
      </c>
      <c r="AB24" s="196">
        <v>3</v>
      </c>
      <c r="AC24" s="196">
        <v>8</v>
      </c>
      <c r="AD24" s="196">
        <v>0</v>
      </c>
      <c r="AE24" s="196">
        <v>3</v>
      </c>
      <c r="AF24" s="196">
        <v>2</v>
      </c>
      <c r="AG24" s="193">
        <v>16</v>
      </c>
      <c r="AH24" s="198">
        <v>18</v>
      </c>
      <c r="AI24" s="192">
        <v>0</v>
      </c>
      <c r="AJ24" s="196">
        <v>0</v>
      </c>
      <c r="AK24" s="193">
        <v>0</v>
      </c>
      <c r="AL24" s="195">
        <v>0</v>
      </c>
      <c r="AM24" s="196">
        <v>1</v>
      </c>
      <c r="AN24" s="196">
        <v>1</v>
      </c>
      <c r="AO24" s="196">
        <v>0</v>
      </c>
      <c r="AP24" s="196">
        <v>0</v>
      </c>
      <c r="AQ24" s="196">
        <v>0</v>
      </c>
      <c r="AR24" s="193">
        <v>2</v>
      </c>
      <c r="AS24" s="198">
        <v>2</v>
      </c>
      <c r="AT24" s="192">
        <v>0</v>
      </c>
      <c r="AU24" s="196">
        <v>2</v>
      </c>
      <c r="AV24" s="193">
        <v>2</v>
      </c>
      <c r="AW24" s="195">
        <v>0</v>
      </c>
      <c r="AX24" s="196">
        <v>5</v>
      </c>
      <c r="AY24" s="196">
        <v>4</v>
      </c>
      <c r="AZ24" s="196">
        <v>2</v>
      </c>
      <c r="BA24" s="196">
        <v>9</v>
      </c>
      <c r="BB24" s="196">
        <v>2</v>
      </c>
      <c r="BC24" s="197">
        <v>22</v>
      </c>
      <c r="BD24" s="198">
        <v>24</v>
      </c>
      <c r="BE24" s="192">
        <v>0</v>
      </c>
      <c r="BF24" s="196">
        <v>0</v>
      </c>
      <c r="BG24" s="193">
        <v>0</v>
      </c>
      <c r="BH24" s="195">
        <v>0</v>
      </c>
      <c r="BI24" s="196">
        <v>9</v>
      </c>
      <c r="BJ24" s="196">
        <v>10</v>
      </c>
      <c r="BK24" s="196">
        <v>0</v>
      </c>
      <c r="BL24" s="196">
        <v>3</v>
      </c>
      <c r="BM24" s="196">
        <v>3</v>
      </c>
      <c r="BN24" s="193">
        <v>25</v>
      </c>
      <c r="BO24" s="198">
        <v>25</v>
      </c>
      <c r="BP24" s="192">
        <v>0</v>
      </c>
      <c r="BQ24" s="196">
        <v>0</v>
      </c>
      <c r="BR24" s="193">
        <v>0</v>
      </c>
      <c r="BS24" s="195">
        <v>0</v>
      </c>
      <c r="BT24" s="196">
        <v>0</v>
      </c>
      <c r="BU24" s="196">
        <v>1</v>
      </c>
      <c r="BV24" s="196">
        <v>1</v>
      </c>
      <c r="BW24" s="196">
        <v>1</v>
      </c>
      <c r="BX24" s="196">
        <v>0</v>
      </c>
      <c r="BY24" s="193">
        <v>3</v>
      </c>
      <c r="BZ24" s="198">
        <v>3</v>
      </c>
      <c r="CA24" s="192">
        <v>0</v>
      </c>
      <c r="CB24" s="196">
        <v>0</v>
      </c>
      <c r="CC24" s="193">
        <v>0</v>
      </c>
      <c r="CD24" s="195">
        <v>0</v>
      </c>
      <c r="CE24" s="196">
        <v>2</v>
      </c>
      <c r="CF24" s="196">
        <v>0</v>
      </c>
      <c r="CG24" s="196">
        <v>0</v>
      </c>
      <c r="CH24" s="196">
        <v>0</v>
      </c>
      <c r="CI24" s="196">
        <v>0</v>
      </c>
      <c r="CJ24" s="193">
        <v>2</v>
      </c>
      <c r="CK24" s="198">
        <v>2</v>
      </c>
      <c r="CL24" s="192">
        <v>0</v>
      </c>
      <c r="CM24" s="196">
        <v>0</v>
      </c>
      <c r="CN24" s="193">
        <v>0</v>
      </c>
      <c r="CO24" s="195">
        <v>0</v>
      </c>
      <c r="CP24" s="196">
        <v>0</v>
      </c>
      <c r="CQ24" s="196">
        <v>0</v>
      </c>
      <c r="CR24" s="196">
        <v>0</v>
      </c>
      <c r="CS24" s="196">
        <v>0</v>
      </c>
      <c r="CT24" s="196">
        <v>0</v>
      </c>
      <c r="CU24" s="193">
        <v>0</v>
      </c>
      <c r="CV24" s="198">
        <v>0</v>
      </c>
      <c r="CW24" s="192">
        <v>0</v>
      </c>
      <c r="CX24" s="196">
        <v>0</v>
      </c>
      <c r="CY24" s="193">
        <v>0</v>
      </c>
      <c r="CZ24" s="195">
        <v>0</v>
      </c>
      <c r="DA24" s="196">
        <v>0</v>
      </c>
      <c r="DB24" s="196">
        <v>0</v>
      </c>
      <c r="DC24" s="196">
        <v>0</v>
      </c>
      <c r="DD24" s="196">
        <v>0</v>
      </c>
      <c r="DE24" s="196">
        <v>0</v>
      </c>
      <c r="DF24" s="193">
        <v>0</v>
      </c>
      <c r="DG24" s="198">
        <v>0</v>
      </c>
      <c r="DH24" s="192">
        <v>0</v>
      </c>
      <c r="DI24" s="196">
        <v>0</v>
      </c>
      <c r="DJ24" s="193">
        <v>0</v>
      </c>
      <c r="DK24" s="195">
        <v>0</v>
      </c>
      <c r="DL24" s="196">
        <v>0</v>
      </c>
      <c r="DM24" s="196">
        <v>0</v>
      </c>
      <c r="DN24" s="196">
        <v>0</v>
      </c>
      <c r="DO24" s="196">
        <v>0</v>
      </c>
      <c r="DP24" s="196">
        <v>0</v>
      </c>
      <c r="DQ24" s="193">
        <v>0</v>
      </c>
      <c r="DR24" s="198">
        <v>0</v>
      </c>
      <c r="DS24" s="192">
        <v>2</v>
      </c>
      <c r="DT24" s="196">
        <v>7</v>
      </c>
      <c r="DU24" s="193">
        <v>9</v>
      </c>
      <c r="DV24" s="195">
        <v>0</v>
      </c>
      <c r="DW24" s="196">
        <v>8</v>
      </c>
      <c r="DX24" s="196">
        <v>9</v>
      </c>
      <c r="DY24" s="196">
        <v>4</v>
      </c>
      <c r="DZ24" s="196">
        <v>7</v>
      </c>
      <c r="EA24" s="196">
        <v>4</v>
      </c>
      <c r="EB24" s="193">
        <v>32</v>
      </c>
      <c r="EC24" s="198">
        <v>41</v>
      </c>
      <c r="ED24" s="192">
        <v>0</v>
      </c>
      <c r="EE24" s="196">
        <v>1</v>
      </c>
      <c r="EF24" s="193">
        <v>1</v>
      </c>
      <c r="EG24" s="195">
        <v>0</v>
      </c>
      <c r="EH24" s="196">
        <v>2</v>
      </c>
      <c r="EI24" s="196">
        <v>1</v>
      </c>
      <c r="EJ24" s="196">
        <v>1</v>
      </c>
      <c r="EK24" s="196">
        <v>5</v>
      </c>
      <c r="EL24" s="196">
        <v>1</v>
      </c>
      <c r="EM24" s="193">
        <v>10</v>
      </c>
      <c r="EN24" s="198">
        <v>11</v>
      </c>
      <c r="EO24" s="192">
        <v>2</v>
      </c>
      <c r="EP24" s="196">
        <v>7</v>
      </c>
      <c r="EQ24" s="193">
        <v>9</v>
      </c>
      <c r="ER24" s="195">
        <v>0</v>
      </c>
      <c r="ES24" s="196">
        <v>20</v>
      </c>
      <c r="ET24" s="196">
        <v>17</v>
      </c>
      <c r="EU24" s="196">
        <v>5</v>
      </c>
      <c r="EV24" s="196">
        <v>7</v>
      </c>
      <c r="EW24" s="196">
        <v>5</v>
      </c>
      <c r="EX24" s="193">
        <v>54</v>
      </c>
      <c r="EY24" s="198">
        <v>63</v>
      </c>
    </row>
    <row r="25" spans="1:155" ht="19.5" customHeight="1" x14ac:dyDescent="0.2">
      <c r="A25" s="177" t="s">
        <v>23</v>
      </c>
      <c r="B25" s="192">
        <v>0</v>
      </c>
      <c r="C25" s="196">
        <v>0</v>
      </c>
      <c r="D25" s="458">
        <v>0</v>
      </c>
      <c r="E25" s="195">
        <v>0</v>
      </c>
      <c r="F25" s="196">
        <v>6</v>
      </c>
      <c r="G25" s="196">
        <v>7</v>
      </c>
      <c r="H25" s="196">
        <v>4</v>
      </c>
      <c r="I25" s="196">
        <v>2</v>
      </c>
      <c r="J25" s="196">
        <v>1</v>
      </c>
      <c r="K25" s="197">
        <v>20</v>
      </c>
      <c r="L25" s="198">
        <v>20</v>
      </c>
      <c r="M25" s="192">
        <v>0</v>
      </c>
      <c r="N25" s="196">
        <v>0</v>
      </c>
      <c r="O25" s="193">
        <v>0</v>
      </c>
      <c r="P25" s="195">
        <v>0</v>
      </c>
      <c r="Q25" s="196">
        <v>0</v>
      </c>
      <c r="R25" s="196">
        <v>0</v>
      </c>
      <c r="S25" s="196">
        <v>1</v>
      </c>
      <c r="T25" s="196">
        <v>1</v>
      </c>
      <c r="U25" s="196">
        <v>0</v>
      </c>
      <c r="V25" s="193">
        <v>2</v>
      </c>
      <c r="W25" s="198">
        <v>2</v>
      </c>
      <c r="X25" s="192">
        <v>2</v>
      </c>
      <c r="Y25" s="196">
        <v>2</v>
      </c>
      <c r="Z25" s="193">
        <v>4</v>
      </c>
      <c r="AA25" s="195">
        <v>0</v>
      </c>
      <c r="AB25" s="196">
        <v>1</v>
      </c>
      <c r="AC25" s="196">
        <v>6</v>
      </c>
      <c r="AD25" s="196">
        <v>7</v>
      </c>
      <c r="AE25" s="196">
        <v>5</v>
      </c>
      <c r="AF25" s="196">
        <v>1</v>
      </c>
      <c r="AG25" s="193">
        <v>20</v>
      </c>
      <c r="AH25" s="198">
        <v>24</v>
      </c>
      <c r="AI25" s="192">
        <v>0</v>
      </c>
      <c r="AJ25" s="196">
        <v>1</v>
      </c>
      <c r="AK25" s="193">
        <v>1</v>
      </c>
      <c r="AL25" s="195">
        <v>0</v>
      </c>
      <c r="AM25" s="196">
        <v>0</v>
      </c>
      <c r="AN25" s="196">
        <v>3</v>
      </c>
      <c r="AO25" s="196">
        <v>0</v>
      </c>
      <c r="AP25" s="196">
        <v>0</v>
      </c>
      <c r="AQ25" s="196">
        <v>0</v>
      </c>
      <c r="AR25" s="193">
        <v>3</v>
      </c>
      <c r="AS25" s="198">
        <v>4</v>
      </c>
      <c r="AT25" s="192">
        <v>0</v>
      </c>
      <c r="AU25" s="196">
        <v>1</v>
      </c>
      <c r="AV25" s="193">
        <v>1</v>
      </c>
      <c r="AW25" s="195">
        <v>0</v>
      </c>
      <c r="AX25" s="196">
        <v>5</v>
      </c>
      <c r="AY25" s="196">
        <v>6</v>
      </c>
      <c r="AZ25" s="196">
        <v>10</v>
      </c>
      <c r="BA25" s="196">
        <v>11</v>
      </c>
      <c r="BB25" s="196">
        <v>0</v>
      </c>
      <c r="BC25" s="197">
        <v>32</v>
      </c>
      <c r="BD25" s="198">
        <v>33</v>
      </c>
      <c r="BE25" s="192">
        <v>0</v>
      </c>
      <c r="BF25" s="196">
        <v>0</v>
      </c>
      <c r="BG25" s="193">
        <v>0</v>
      </c>
      <c r="BH25" s="195">
        <v>0</v>
      </c>
      <c r="BI25" s="196">
        <v>15</v>
      </c>
      <c r="BJ25" s="196">
        <v>15</v>
      </c>
      <c r="BK25" s="196">
        <v>5</v>
      </c>
      <c r="BL25" s="196">
        <v>5</v>
      </c>
      <c r="BM25" s="196">
        <v>0</v>
      </c>
      <c r="BN25" s="193">
        <v>40</v>
      </c>
      <c r="BO25" s="198">
        <v>40</v>
      </c>
      <c r="BP25" s="192">
        <v>0</v>
      </c>
      <c r="BQ25" s="196">
        <v>0</v>
      </c>
      <c r="BR25" s="193">
        <v>0</v>
      </c>
      <c r="BS25" s="195">
        <v>0</v>
      </c>
      <c r="BT25" s="196">
        <v>3</v>
      </c>
      <c r="BU25" s="196">
        <v>2</v>
      </c>
      <c r="BV25" s="196">
        <v>3</v>
      </c>
      <c r="BW25" s="196">
        <v>1</v>
      </c>
      <c r="BX25" s="196">
        <v>0</v>
      </c>
      <c r="BY25" s="193">
        <v>9</v>
      </c>
      <c r="BZ25" s="198">
        <v>9</v>
      </c>
      <c r="CA25" s="192">
        <v>0</v>
      </c>
      <c r="CB25" s="196">
        <v>0</v>
      </c>
      <c r="CC25" s="193">
        <v>0</v>
      </c>
      <c r="CD25" s="195">
        <v>0</v>
      </c>
      <c r="CE25" s="196">
        <v>2</v>
      </c>
      <c r="CF25" s="196">
        <v>1</v>
      </c>
      <c r="CG25" s="196">
        <v>1</v>
      </c>
      <c r="CH25" s="196">
        <v>3</v>
      </c>
      <c r="CI25" s="196">
        <v>0</v>
      </c>
      <c r="CJ25" s="193">
        <v>7</v>
      </c>
      <c r="CK25" s="198">
        <v>7</v>
      </c>
      <c r="CL25" s="192">
        <v>0</v>
      </c>
      <c r="CM25" s="196">
        <v>0</v>
      </c>
      <c r="CN25" s="193">
        <v>0</v>
      </c>
      <c r="CO25" s="195">
        <v>0</v>
      </c>
      <c r="CP25" s="196">
        <v>0</v>
      </c>
      <c r="CQ25" s="196">
        <v>0</v>
      </c>
      <c r="CR25" s="196">
        <v>0</v>
      </c>
      <c r="CS25" s="196">
        <v>0</v>
      </c>
      <c r="CT25" s="196">
        <v>0</v>
      </c>
      <c r="CU25" s="193">
        <v>0</v>
      </c>
      <c r="CV25" s="198">
        <v>0</v>
      </c>
      <c r="CW25" s="192">
        <v>0</v>
      </c>
      <c r="CX25" s="196">
        <v>0</v>
      </c>
      <c r="CY25" s="193">
        <v>0</v>
      </c>
      <c r="CZ25" s="195">
        <v>0</v>
      </c>
      <c r="DA25" s="196">
        <v>0</v>
      </c>
      <c r="DB25" s="196">
        <v>0</v>
      </c>
      <c r="DC25" s="196">
        <v>0</v>
      </c>
      <c r="DD25" s="196">
        <v>0</v>
      </c>
      <c r="DE25" s="196">
        <v>0</v>
      </c>
      <c r="DF25" s="193">
        <v>0</v>
      </c>
      <c r="DG25" s="198">
        <v>0</v>
      </c>
      <c r="DH25" s="192">
        <v>0</v>
      </c>
      <c r="DI25" s="196">
        <v>0</v>
      </c>
      <c r="DJ25" s="193">
        <v>0</v>
      </c>
      <c r="DK25" s="195">
        <v>0</v>
      </c>
      <c r="DL25" s="196">
        <v>0</v>
      </c>
      <c r="DM25" s="196">
        <v>0</v>
      </c>
      <c r="DN25" s="196">
        <v>0</v>
      </c>
      <c r="DO25" s="196">
        <v>0</v>
      </c>
      <c r="DP25" s="196">
        <v>0</v>
      </c>
      <c r="DQ25" s="193">
        <v>0</v>
      </c>
      <c r="DR25" s="198">
        <v>0</v>
      </c>
      <c r="DS25" s="192">
        <v>3</v>
      </c>
      <c r="DT25" s="196">
        <v>5</v>
      </c>
      <c r="DU25" s="193">
        <v>8</v>
      </c>
      <c r="DV25" s="195">
        <v>0</v>
      </c>
      <c r="DW25" s="196">
        <v>9</v>
      </c>
      <c r="DX25" s="196">
        <v>17</v>
      </c>
      <c r="DY25" s="196">
        <v>13</v>
      </c>
      <c r="DZ25" s="196">
        <v>8</v>
      </c>
      <c r="EA25" s="196">
        <v>2</v>
      </c>
      <c r="EB25" s="193">
        <v>49</v>
      </c>
      <c r="EC25" s="198">
        <v>57</v>
      </c>
      <c r="ED25" s="192">
        <v>0</v>
      </c>
      <c r="EE25" s="196">
        <v>1</v>
      </c>
      <c r="EF25" s="193">
        <v>1</v>
      </c>
      <c r="EG25" s="195">
        <v>0</v>
      </c>
      <c r="EH25" s="196">
        <v>4</v>
      </c>
      <c r="EI25" s="196">
        <v>3</v>
      </c>
      <c r="EJ25" s="196">
        <v>3</v>
      </c>
      <c r="EK25" s="196">
        <v>8</v>
      </c>
      <c r="EL25" s="196">
        <v>0</v>
      </c>
      <c r="EM25" s="193">
        <v>18</v>
      </c>
      <c r="EN25" s="198">
        <v>19</v>
      </c>
      <c r="EO25" s="192">
        <v>4</v>
      </c>
      <c r="EP25" s="196">
        <v>8</v>
      </c>
      <c r="EQ25" s="193">
        <v>12</v>
      </c>
      <c r="ER25" s="195">
        <v>0</v>
      </c>
      <c r="ES25" s="196">
        <v>25</v>
      </c>
      <c r="ET25" s="196">
        <v>25</v>
      </c>
      <c r="EU25" s="196">
        <v>14</v>
      </c>
      <c r="EV25" s="196">
        <v>8</v>
      </c>
      <c r="EW25" s="196">
        <v>3</v>
      </c>
      <c r="EX25" s="193">
        <v>75</v>
      </c>
      <c r="EY25" s="198">
        <v>87</v>
      </c>
    </row>
    <row r="26" spans="1:155" ht="19.5" customHeight="1" x14ac:dyDescent="0.2">
      <c r="A26" s="177" t="s">
        <v>24</v>
      </c>
      <c r="B26" s="192">
        <v>0</v>
      </c>
      <c r="C26" s="196">
        <v>0</v>
      </c>
      <c r="D26" s="458">
        <v>0</v>
      </c>
      <c r="E26" s="195">
        <v>0</v>
      </c>
      <c r="F26" s="196">
        <v>6</v>
      </c>
      <c r="G26" s="196">
        <v>8</v>
      </c>
      <c r="H26" s="196">
        <v>1</v>
      </c>
      <c r="I26" s="196">
        <v>7</v>
      </c>
      <c r="J26" s="196">
        <v>3</v>
      </c>
      <c r="K26" s="197">
        <v>25</v>
      </c>
      <c r="L26" s="198">
        <v>25</v>
      </c>
      <c r="M26" s="192">
        <v>0</v>
      </c>
      <c r="N26" s="196">
        <v>0</v>
      </c>
      <c r="O26" s="193">
        <v>0</v>
      </c>
      <c r="P26" s="195">
        <v>0</v>
      </c>
      <c r="Q26" s="196">
        <v>0</v>
      </c>
      <c r="R26" s="196">
        <v>0</v>
      </c>
      <c r="S26" s="196">
        <v>0</v>
      </c>
      <c r="T26" s="196">
        <v>0</v>
      </c>
      <c r="U26" s="196">
        <v>2</v>
      </c>
      <c r="V26" s="193">
        <v>2</v>
      </c>
      <c r="W26" s="198">
        <v>2</v>
      </c>
      <c r="X26" s="192">
        <v>0</v>
      </c>
      <c r="Y26" s="196">
        <v>1</v>
      </c>
      <c r="Z26" s="193">
        <v>1</v>
      </c>
      <c r="AA26" s="195">
        <v>0</v>
      </c>
      <c r="AB26" s="196">
        <v>5</v>
      </c>
      <c r="AC26" s="196">
        <v>4</v>
      </c>
      <c r="AD26" s="196">
        <v>1</v>
      </c>
      <c r="AE26" s="196">
        <v>4</v>
      </c>
      <c r="AF26" s="196">
        <v>5</v>
      </c>
      <c r="AG26" s="193">
        <v>19</v>
      </c>
      <c r="AH26" s="198">
        <v>20</v>
      </c>
      <c r="AI26" s="192">
        <v>0</v>
      </c>
      <c r="AJ26" s="196">
        <v>0</v>
      </c>
      <c r="AK26" s="193">
        <v>0</v>
      </c>
      <c r="AL26" s="195">
        <v>0</v>
      </c>
      <c r="AM26" s="196">
        <v>0</v>
      </c>
      <c r="AN26" s="196">
        <v>1</v>
      </c>
      <c r="AO26" s="196">
        <v>0</v>
      </c>
      <c r="AP26" s="196">
        <v>0</v>
      </c>
      <c r="AQ26" s="196">
        <v>2</v>
      </c>
      <c r="AR26" s="193">
        <v>3</v>
      </c>
      <c r="AS26" s="198">
        <v>3</v>
      </c>
      <c r="AT26" s="192">
        <v>5</v>
      </c>
      <c r="AU26" s="196">
        <v>1</v>
      </c>
      <c r="AV26" s="193">
        <v>6</v>
      </c>
      <c r="AW26" s="195">
        <v>0</v>
      </c>
      <c r="AX26" s="196">
        <v>8</v>
      </c>
      <c r="AY26" s="196">
        <v>9</v>
      </c>
      <c r="AZ26" s="196">
        <v>4</v>
      </c>
      <c r="BA26" s="196">
        <v>13</v>
      </c>
      <c r="BB26" s="196">
        <v>10</v>
      </c>
      <c r="BC26" s="197">
        <v>44</v>
      </c>
      <c r="BD26" s="198">
        <v>50</v>
      </c>
      <c r="BE26" s="192">
        <v>0</v>
      </c>
      <c r="BF26" s="196">
        <v>0</v>
      </c>
      <c r="BG26" s="193">
        <v>0</v>
      </c>
      <c r="BH26" s="195">
        <v>0</v>
      </c>
      <c r="BI26" s="196">
        <v>10</v>
      </c>
      <c r="BJ26" s="196">
        <v>5</v>
      </c>
      <c r="BK26" s="196">
        <v>0</v>
      </c>
      <c r="BL26" s="196">
        <v>1</v>
      </c>
      <c r="BM26" s="196">
        <v>0</v>
      </c>
      <c r="BN26" s="193">
        <v>16</v>
      </c>
      <c r="BO26" s="198">
        <v>16</v>
      </c>
      <c r="BP26" s="192">
        <v>1</v>
      </c>
      <c r="BQ26" s="196">
        <v>0</v>
      </c>
      <c r="BR26" s="193">
        <v>1</v>
      </c>
      <c r="BS26" s="195">
        <v>0</v>
      </c>
      <c r="BT26" s="196">
        <v>6</v>
      </c>
      <c r="BU26" s="196">
        <v>2</v>
      </c>
      <c r="BV26" s="196">
        <v>1</v>
      </c>
      <c r="BW26" s="196">
        <v>3</v>
      </c>
      <c r="BX26" s="196">
        <v>3</v>
      </c>
      <c r="BY26" s="193">
        <v>15</v>
      </c>
      <c r="BZ26" s="198">
        <v>16</v>
      </c>
      <c r="CA26" s="192">
        <v>0</v>
      </c>
      <c r="CB26" s="196">
        <v>0</v>
      </c>
      <c r="CC26" s="193">
        <v>0</v>
      </c>
      <c r="CD26" s="195">
        <v>0</v>
      </c>
      <c r="CE26" s="196">
        <v>0</v>
      </c>
      <c r="CF26" s="196">
        <v>1</v>
      </c>
      <c r="CG26" s="196">
        <v>0</v>
      </c>
      <c r="CH26" s="196">
        <v>0</v>
      </c>
      <c r="CI26" s="196">
        <v>1</v>
      </c>
      <c r="CJ26" s="193">
        <v>2</v>
      </c>
      <c r="CK26" s="198">
        <v>2</v>
      </c>
      <c r="CL26" s="192">
        <v>0</v>
      </c>
      <c r="CM26" s="196">
        <v>0</v>
      </c>
      <c r="CN26" s="193">
        <v>0</v>
      </c>
      <c r="CO26" s="195">
        <v>0</v>
      </c>
      <c r="CP26" s="196">
        <v>0</v>
      </c>
      <c r="CQ26" s="196">
        <v>0</v>
      </c>
      <c r="CR26" s="196">
        <v>0</v>
      </c>
      <c r="CS26" s="196">
        <v>0</v>
      </c>
      <c r="CT26" s="196">
        <v>0</v>
      </c>
      <c r="CU26" s="193">
        <v>0</v>
      </c>
      <c r="CV26" s="198">
        <v>0</v>
      </c>
      <c r="CW26" s="192">
        <v>0</v>
      </c>
      <c r="CX26" s="196">
        <v>0</v>
      </c>
      <c r="CY26" s="193">
        <v>0</v>
      </c>
      <c r="CZ26" s="195">
        <v>0</v>
      </c>
      <c r="DA26" s="196">
        <v>0</v>
      </c>
      <c r="DB26" s="196">
        <v>0</v>
      </c>
      <c r="DC26" s="196">
        <v>0</v>
      </c>
      <c r="DD26" s="196">
        <v>0</v>
      </c>
      <c r="DE26" s="196">
        <v>0</v>
      </c>
      <c r="DF26" s="193">
        <v>0</v>
      </c>
      <c r="DG26" s="198">
        <v>0</v>
      </c>
      <c r="DH26" s="192">
        <v>0</v>
      </c>
      <c r="DI26" s="196">
        <v>0</v>
      </c>
      <c r="DJ26" s="193">
        <v>0</v>
      </c>
      <c r="DK26" s="195">
        <v>0</v>
      </c>
      <c r="DL26" s="196">
        <v>0</v>
      </c>
      <c r="DM26" s="196">
        <v>0</v>
      </c>
      <c r="DN26" s="196">
        <v>0</v>
      </c>
      <c r="DO26" s="196">
        <v>0</v>
      </c>
      <c r="DP26" s="196">
        <v>0</v>
      </c>
      <c r="DQ26" s="193">
        <v>0</v>
      </c>
      <c r="DR26" s="198">
        <v>0</v>
      </c>
      <c r="DS26" s="192">
        <v>5</v>
      </c>
      <c r="DT26" s="196">
        <v>5</v>
      </c>
      <c r="DU26" s="193">
        <v>10</v>
      </c>
      <c r="DV26" s="195">
        <v>0</v>
      </c>
      <c r="DW26" s="196">
        <v>17</v>
      </c>
      <c r="DX26" s="196">
        <v>13</v>
      </c>
      <c r="DY26" s="196">
        <v>6</v>
      </c>
      <c r="DZ26" s="196">
        <v>9</v>
      </c>
      <c r="EA26" s="196">
        <v>7</v>
      </c>
      <c r="EB26" s="193">
        <v>52</v>
      </c>
      <c r="EC26" s="198">
        <v>62</v>
      </c>
      <c r="ED26" s="192">
        <v>5</v>
      </c>
      <c r="EE26" s="196">
        <v>1</v>
      </c>
      <c r="EF26" s="193">
        <v>6</v>
      </c>
      <c r="EG26" s="195">
        <v>0</v>
      </c>
      <c r="EH26" s="196">
        <v>5</v>
      </c>
      <c r="EI26" s="196">
        <v>6</v>
      </c>
      <c r="EJ26" s="196">
        <v>1</v>
      </c>
      <c r="EK26" s="196">
        <v>7</v>
      </c>
      <c r="EL26" s="196">
        <v>2</v>
      </c>
      <c r="EM26" s="193">
        <v>21</v>
      </c>
      <c r="EN26" s="198">
        <v>27</v>
      </c>
      <c r="EO26" s="192">
        <v>5</v>
      </c>
      <c r="EP26" s="196">
        <v>5</v>
      </c>
      <c r="EQ26" s="193">
        <v>10</v>
      </c>
      <c r="ER26" s="195">
        <v>0</v>
      </c>
      <c r="ES26" s="196">
        <v>24</v>
      </c>
      <c r="ET26" s="196">
        <v>18</v>
      </c>
      <c r="EU26" s="196">
        <v>7</v>
      </c>
      <c r="EV26" s="196">
        <v>9</v>
      </c>
      <c r="EW26" s="196">
        <v>7</v>
      </c>
      <c r="EX26" s="193">
        <v>65</v>
      </c>
      <c r="EY26" s="198">
        <v>75</v>
      </c>
    </row>
    <row r="27" spans="1:155" ht="19.5" customHeight="1" x14ac:dyDescent="0.2">
      <c r="A27" s="177" t="s">
        <v>25</v>
      </c>
      <c r="B27" s="192">
        <v>0</v>
      </c>
      <c r="C27" s="196">
        <v>0</v>
      </c>
      <c r="D27" s="458">
        <v>0</v>
      </c>
      <c r="E27" s="195">
        <v>0</v>
      </c>
      <c r="F27" s="196">
        <v>3</v>
      </c>
      <c r="G27" s="196">
        <v>1</v>
      </c>
      <c r="H27" s="196">
        <v>3</v>
      </c>
      <c r="I27" s="196">
        <v>2</v>
      </c>
      <c r="J27" s="196">
        <v>2</v>
      </c>
      <c r="K27" s="197">
        <v>11</v>
      </c>
      <c r="L27" s="198">
        <v>11</v>
      </c>
      <c r="M27" s="192">
        <v>0</v>
      </c>
      <c r="N27" s="196">
        <v>0</v>
      </c>
      <c r="O27" s="193">
        <v>0</v>
      </c>
      <c r="P27" s="195">
        <v>0</v>
      </c>
      <c r="Q27" s="196">
        <v>0</v>
      </c>
      <c r="R27" s="196">
        <v>1</v>
      </c>
      <c r="S27" s="196">
        <v>0</v>
      </c>
      <c r="T27" s="196">
        <v>0</v>
      </c>
      <c r="U27" s="196">
        <v>2</v>
      </c>
      <c r="V27" s="193">
        <v>3</v>
      </c>
      <c r="W27" s="198">
        <v>3</v>
      </c>
      <c r="X27" s="192">
        <v>1</v>
      </c>
      <c r="Y27" s="196">
        <v>1</v>
      </c>
      <c r="Z27" s="193">
        <v>2</v>
      </c>
      <c r="AA27" s="195">
        <v>0</v>
      </c>
      <c r="AB27" s="196">
        <v>1</v>
      </c>
      <c r="AC27" s="196">
        <v>2</v>
      </c>
      <c r="AD27" s="196">
        <v>2</v>
      </c>
      <c r="AE27" s="196">
        <v>2</v>
      </c>
      <c r="AF27" s="196">
        <v>2</v>
      </c>
      <c r="AG27" s="193">
        <v>9</v>
      </c>
      <c r="AH27" s="198">
        <v>11</v>
      </c>
      <c r="AI27" s="192">
        <v>0</v>
      </c>
      <c r="AJ27" s="196">
        <v>0</v>
      </c>
      <c r="AK27" s="193">
        <v>0</v>
      </c>
      <c r="AL27" s="195">
        <v>0</v>
      </c>
      <c r="AM27" s="196">
        <v>0</v>
      </c>
      <c r="AN27" s="196">
        <v>0</v>
      </c>
      <c r="AO27" s="196">
        <v>0</v>
      </c>
      <c r="AP27" s="196">
        <v>1</v>
      </c>
      <c r="AQ27" s="196">
        <v>0</v>
      </c>
      <c r="AR27" s="193">
        <v>1</v>
      </c>
      <c r="AS27" s="198">
        <v>1</v>
      </c>
      <c r="AT27" s="192">
        <v>1</v>
      </c>
      <c r="AU27" s="196">
        <v>0</v>
      </c>
      <c r="AV27" s="193">
        <v>1</v>
      </c>
      <c r="AW27" s="195">
        <v>0</v>
      </c>
      <c r="AX27" s="196">
        <v>3</v>
      </c>
      <c r="AY27" s="196">
        <v>5</v>
      </c>
      <c r="AZ27" s="196">
        <v>1</v>
      </c>
      <c r="BA27" s="196">
        <v>3</v>
      </c>
      <c r="BB27" s="196">
        <v>2</v>
      </c>
      <c r="BC27" s="197">
        <v>14</v>
      </c>
      <c r="BD27" s="198">
        <v>15</v>
      </c>
      <c r="BE27" s="192">
        <v>0</v>
      </c>
      <c r="BF27" s="196">
        <v>0</v>
      </c>
      <c r="BG27" s="193">
        <v>0</v>
      </c>
      <c r="BH27" s="195">
        <v>0</v>
      </c>
      <c r="BI27" s="196">
        <v>8</v>
      </c>
      <c r="BJ27" s="196">
        <v>3</v>
      </c>
      <c r="BK27" s="196">
        <v>2</v>
      </c>
      <c r="BL27" s="196">
        <v>2</v>
      </c>
      <c r="BM27" s="196">
        <v>0</v>
      </c>
      <c r="BN27" s="193">
        <v>15</v>
      </c>
      <c r="BO27" s="198">
        <v>15</v>
      </c>
      <c r="BP27" s="192">
        <v>0</v>
      </c>
      <c r="BQ27" s="196">
        <v>2</v>
      </c>
      <c r="BR27" s="193">
        <v>2</v>
      </c>
      <c r="BS27" s="195">
        <v>0</v>
      </c>
      <c r="BT27" s="196">
        <v>0</v>
      </c>
      <c r="BU27" s="196">
        <v>5</v>
      </c>
      <c r="BV27" s="196">
        <v>3</v>
      </c>
      <c r="BW27" s="196">
        <v>3</v>
      </c>
      <c r="BX27" s="196">
        <v>0</v>
      </c>
      <c r="BY27" s="193">
        <v>11</v>
      </c>
      <c r="BZ27" s="198">
        <v>13</v>
      </c>
      <c r="CA27" s="192">
        <v>0</v>
      </c>
      <c r="CB27" s="196">
        <v>0</v>
      </c>
      <c r="CC27" s="193">
        <v>0</v>
      </c>
      <c r="CD27" s="195">
        <v>0</v>
      </c>
      <c r="CE27" s="196">
        <v>2</v>
      </c>
      <c r="CF27" s="196">
        <v>3</v>
      </c>
      <c r="CG27" s="196">
        <v>1</v>
      </c>
      <c r="CH27" s="196">
        <v>1</v>
      </c>
      <c r="CI27" s="196">
        <v>0</v>
      </c>
      <c r="CJ27" s="193">
        <v>7</v>
      </c>
      <c r="CK27" s="198">
        <v>7</v>
      </c>
      <c r="CL27" s="192">
        <v>0</v>
      </c>
      <c r="CM27" s="196">
        <v>0</v>
      </c>
      <c r="CN27" s="193">
        <v>0</v>
      </c>
      <c r="CO27" s="195">
        <v>0</v>
      </c>
      <c r="CP27" s="196">
        <v>0</v>
      </c>
      <c r="CQ27" s="196">
        <v>0</v>
      </c>
      <c r="CR27" s="196">
        <v>0</v>
      </c>
      <c r="CS27" s="196">
        <v>0</v>
      </c>
      <c r="CT27" s="196">
        <v>0</v>
      </c>
      <c r="CU27" s="193">
        <v>0</v>
      </c>
      <c r="CV27" s="198">
        <v>0</v>
      </c>
      <c r="CW27" s="192">
        <v>0</v>
      </c>
      <c r="CX27" s="196">
        <v>0</v>
      </c>
      <c r="CY27" s="193">
        <v>0</v>
      </c>
      <c r="CZ27" s="195">
        <v>0</v>
      </c>
      <c r="DA27" s="196">
        <v>0</v>
      </c>
      <c r="DB27" s="196">
        <v>0</v>
      </c>
      <c r="DC27" s="196">
        <v>0</v>
      </c>
      <c r="DD27" s="196">
        <v>0</v>
      </c>
      <c r="DE27" s="196">
        <v>0</v>
      </c>
      <c r="DF27" s="193">
        <v>0</v>
      </c>
      <c r="DG27" s="198">
        <v>0</v>
      </c>
      <c r="DH27" s="192">
        <v>0</v>
      </c>
      <c r="DI27" s="196">
        <v>0</v>
      </c>
      <c r="DJ27" s="193">
        <v>0</v>
      </c>
      <c r="DK27" s="195">
        <v>0</v>
      </c>
      <c r="DL27" s="196">
        <v>0</v>
      </c>
      <c r="DM27" s="196">
        <v>0</v>
      </c>
      <c r="DN27" s="196">
        <v>0</v>
      </c>
      <c r="DO27" s="196">
        <v>0</v>
      </c>
      <c r="DP27" s="196">
        <v>0</v>
      </c>
      <c r="DQ27" s="193">
        <v>0</v>
      </c>
      <c r="DR27" s="198">
        <v>0</v>
      </c>
      <c r="DS27" s="192">
        <v>4</v>
      </c>
      <c r="DT27" s="196">
        <v>6</v>
      </c>
      <c r="DU27" s="193">
        <v>10</v>
      </c>
      <c r="DV27" s="195">
        <v>0</v>
      </c>
      <c r="DW27" s="196">
        <v>7</v>
      </c>
      <c r="DX27" s="196">
        <v>7</v>
      </c>
      <c r="DY27" s="196">
        <v>4</v>
      </c>
      <c r="DZ27" s="196">
        <v>8</v>
      </c>
      <c r="EA27" s="196">
        <v>4</v>
      </c>
      <c r="EB27" s="193">
        <v>30</v>
      </c>
      <c r="EC27" s="198">
        <v>40</v>
      </c>
      <c r="ED27" s="192">
        <v>0</v>
      </c>
      <c r="EE27" s="196">
        <v>0</v>
      </c>
      <c r="EF27" s="193">
        <v>0</v>
      </c>
      <c r="EG27" s="195">
        <v>0</v>
      </c>
      <c r="EH27" s="196">
        <v>0</v>
      </c>
      <c r="EI27" s="196">
        <v>2</v>
      </c>
      <c r="EJ27" s="196">
        <v>0</v>
      </c>
      <c r="EK27" s="196">
        <v>2</v>
      </c>
      <c r="EL27" s="196">
        <v>1</v>
      </c>
      <c r="EM27" s="193">
        <v>5</v>
      </c>
      <c r="EN27" s="198">
        <v>5</v>
      </c>
      <c r="EO27" s="192">
        <v>5</v>
      </c>
      <c r="EP27" s="196">
        <v>8</v>
      </c>
      <c r="EQ27" s="193">
        <v>13</v>
      </c>
      <c r="ER27" s="195">
        <v>0</v>
      </c>
      <c r="ES27" s="196">
        <v>14</v>
      </c>
      <c r="ET27" s="196">
        <v>9</v>
      </c>
      <c r="EU27" s="196">
        <v>6</v>
      </c>
      <c r="EV27" s="196">
        <v>9</v>
      </c>
      <c r="EW27" s="196">
        <v>3</v>
      </c>
      <c r="EX27" s="193">
        <v>41</v>
      </c>
      <c r="EY27" s="198">
        <v>54</v>
      </c>
    </row>
    <row r="28" spans="1:155" ht="19.5" customHeight="1" x14ac:dyDescent="0.2">
      <c r="A28" s="177" t="s">
        <v>26</v>
      </c>
      <c r="B28" s="192">
        <v>0</v>
      </c>
      <c r="C28" s="196">
        <v>0</v>
      </c>
      <c r="D28" s="458">
        <v>0</v>
      </c>
      <c r="E28" s="195">
        <v>0</v>
      </c>
      <c r="F28" s="196">
        <v>5</v>
      </c>
      <c r="G28" s="196">
        <v>3</v>
      </c>
      <c r="H28" s="196">
        <v>2</v>
      </c>
      <c r="I28" s="196">
        <v>1</v>
      </c>
      <c r="J28" s="196">
        <v>2</v>
      </c>
      <c r="K28" s="197">
        <v>13</v>
      </c>
      <c r="L28" s="198">
        <v>13</v>
      </c>
      <c r="M28" s="192">
        <v>0</v>
      </c>
      <c r="N28" s="196">
        <v>0</v>
      </c>
      <c r="O28" s="193">
        <v>0</v>
      </c>
      <c r="P28" s="195">
        <v>0</v>
      </c>
      <c r="Q28" s="196">
        <v>0</v>
      </c>
      <c r="R28" s="196">
        <v>0</v>
      </c>
      <c r="S28" s="196">
        <v>0</v>
      </c>
      <c r="T28" s="196">
        <v>0</v>
      </c>
      <c r="U28" s="196">
        <v>0</v>
      </c>
      <c r="V28" s="193">
        <v>0</v>
      </c>
      <c r="W28" s="198">
        <v>0</v>
      </c>
      <c r="X28" s="192">
        <v>0</v>
      </c>
      <c r="Y28" s="196">
        <v>3</v>
      </c>
      <c r="Z28" s="193">
        <v>3</v>
      </c>
      <c r="AA28" s="195">
        <v>0</v>
      </c>
      <c r="AB28" s="196">
        <v>3</v>
      </c>
      <c r="AC28" s="196">
        <v>4</v>
      </c>
      <c r="AD28" s="196">
        <v>2</v>
      </c>
      <c r="AE28" s="196">
        <v>2</v>
      </c>
      <c r="AF28" s="196">
        <v>2</v>
      </c>
      <c r="AG28" s="193">
        <v>13</v>
      </c>
      <c r="AH28" s="198">
        <v>16</v>
      </c>
      <c r="AI28" s="192">
        <v>0</v>
      </c>
      <c r="AJ28" s="196">
        <v>0</v>
      </c>
      <c r="AK28" s="193">
        <v>0</v>
      </c>
      <c r="AL28" s="195">
        <v>0</v>
      </c>
      <c r="AM28" s="196">
        <v>0</v>
      </c>
      <c r="AN28" s="196">
        <v>0</v>
      </c>
      <c r="AO28" s="196">
        <v>0</v>
      </c>
      <c r="AP28" s="196">
        <v>0</v>
      </c>
      <c r="AQ28" s="196">
        <v>0</v>
      </c>
      <c r="AR28" s="193">
        <v>0</v>
      </c>
      <c r="AS28" s="198">
        <v>0</v>
      </c>
      <c r="AT28" s="192">
        <v>2</v>
      </c>
      <c r="AU28" s="196">
        <v>0</v>
      </c>
      <c r="AV28" s="193">
        <v>2</v>
      </c>
      <c r="AW28" s="195">
        <v>0</v>
      </c>
      <c r="AX28" s="196">
        <v>2</v>
      </c>
      <c r="AY28" s="196">
        <v>3</v>
      </c>
      <c r="AZ28" s="196">
        <v>1</v>
      </c>
      <c r="BA28" s="196">
        <v>5</v>
      </c>
      <c r="BB28" s="196">
        <v>3</v>
      </c>
      <c r="BC28" s="197">
        <v>14</v>
      </c>
      <c r="BD28" s="198">
        <v>16</v>
      </c>
      <c r="BE28" s="192">
        <v>0</v>
      </c>
      <c r="BF28" s="196">
        <v>0</v>
      </c>
      <c r="BG28" s="193">
        <v>0</v>
      </c>
      <c r="BH28" s="195">
        <v>0</v>
      </c>
      <c r="BI28" s="196">
        <v>10</v>
      </c>
      <c r="BJ28" s="196">
        <v>3</v>
      </c>
      <c r="BK28" s="196">
        <v>1</v>
      </c>
      <c r="BL28" s="196">
        <v>0</v>
      </c>
      <c r="BM28" s="196">
        <v>0</v>
      </c>
      <c r="BN28" s="193">
        <v>14</v>
      </c>
      <c r="BO28" s="198">
        <v>14</v>
      </c>
      <c r="BP28" s="192">
        <v>0</v>
      </c>
      <c r="BQ28" s="196">
        <v>1</v>
      </c>
      <c r="BR28" s="193">
        <v>1</v>
      </c>
      <c r="BS28" s="195">
        <v>0</v>
      </c>
      <c r="BT28" s="196">
        <v>3</v>
      </c>
      <c r="BU28" s="196">
        <v>4</v>
      </c>
      <c r="BV28" s="196">
        <v>1</v>
      </c>
      <c r="BW28" s="196">
        <v>0</v>
      </c>
      <c r="BX28" s="196">
        <v>0</v>
      </c>
      <c r="BY28" s="193">
        <v>8</v>
      </c>
      <c r="BZ28" s="198">
        <v>9</v>
      </c>
      <c r="CA28" s="192">
        <v>0</v>
      </c>
      <c r="CB28" s="196">
        <v>0</v>
      </c>
      <c r="CC28" s="193">
        <v>0</v>
      </c>
      <c r="CD28" s="195">
        <v>0</v>
      </c>
      <c r="CE28" s="196">
        <v>1</v>
      </c>
      <c r="CF28" s="196">
        <v>0</v>
      </c>
      <c r="CG28" s="196">
        <v>1</v>
      </c>
      <c r="CH28" s="196">
        <v>0</v>
      </c>
      <c r="CI28" s="196">
        <v>0</v>
      </c>
      <c r="CJ28" s="193">
        <v>2</v>
      </c>
      <c r="CK28" s="198">
        <v>2</v>
      </c>
      <c r="CL28" s="192">
        <v>0</v>
      </c>
      <c r="CM28" s="196">
        <v>0</v>
      </c>
      <c r="CN28" s="193">
        <v>0</v>
      </c>
      <c r="CO28" s="195">
        <v>0</v>
      </c>
      <c r="CP28" s="196">
        <v>0</v>
      </c>
      <c r="CQ28" s="196">
        <v>0</v>
      </c>
      <c r="CR28" s="196">
        <v>1</v>
      </c>
      <c r="CS28" s="196">
        <v>0</v>
      </c>
      <c r="CT28" s="196">
        <v>0</v>
      </c>
      <c r="CU28" s="193">
        <v>1</v>
      </c>
      <c r="CV28" s="198">
        <v>1</v>
      </c>
      <c r="CW28" s="192">
        <v>0</v>
      </c>
      <c r="CX28" s="196">
        <v>0</v>
      </c>
      <c r="CY28" s="193">
        <v>0</v>
      </c>
      <c r="CZ28" s="195">
        <v>0</v>
      </c>
      <c r="DA28" s="196">
        <v>0</v>
      </c>
      <c r="DB28" s="196">
        <v>0</v>
      </c>
      <c r="DC28" s="196">
        <v>0</v>
      </c>
      <c r="DD28" s="196">
        <v>0</v>
      </c>
      <c r="DE28" s="196">
        <v>0</v>
      </c>
      <c r="DF28" s="193">
        <v>0</v>
      </c>
      <c r="DG28" s="198">
        <v>0</v>
      </c>
      <c r="DH28" s="192">
        <v>0</v>
      </c>
      <c r="DI28" s="196">
        <v>0</v>
      </c>
      <c r="DJ28" s="193">
        <v>0</v>
      </c>
      <c r="DK28" s="195">
        <v>0</v>
      </c>
      <c r="DL28" s="196">
        <v>0</v>
      </c>
      <c r="DM28" s="196">
        <v>0</v>
      </c>
      <c r="DN28" s="196">
        <v>0</v>
      </c>
      <c r="DO28" s="196">
        <v>0</v>
      </c>
      <c r="DP28" s="196">
        <v>0</v>
      </c>
      <c r="DQ28" s="193">
        <v>0</v>
      </c>
      <c r="DR28" s="198">
        <v>0</v>
      </c>
      <c r="DS28" s="192">
        <v>5</v>
      </c>
      <c r="DT28" s="196">
        <v>6</v>
      </c>
      <c r="DU28" s="193">
        <v>11</v>
      </c>
      <c r="DV28" s="195">
        <v>0</v>
      </c>
      <c r="DW28" s="196">
        <v>9</v>
      </c>
      <c r="DX28" s="196">
        <v>9</v>
      </c>
      <c r="DY28" s="196">
        <v>7</v>
      </c>
      <c r="DZ28" s="196">
        <v>3</v>
      </c>
      <c r="EA28" s="196">
        <v>2</v>
      </c>
      <c r="EB28" s="193">
        <v>30</v>
      </c>
      <c r="EC28" s="198">
        <v>41</v>
      </c>
      <c r="ED28" s="192">
        <v>2</v>
      </c>
      <c r="EE28" s="196">
        <v>1</v>
      </c>
      <c r="EF28" s="193">
        <v>3</v>
      </c>
      <c r="EG28" s="195">
        <v>0</v>
      </c>
      <c r="EH28" s="196">
        <v>1</v>
      </c>
      <c r="EI28" s="196">
        <v>3</v>
      </c>
      <c r="EJ28" s="196">
        <v>0</v>
      </c>
      <c r="EK28" s="196">
        <v>2</v>
      </c>
      <c r="EL28" s="196">
        <v>0</v>
      </c>
      <c r="EM28" s="193">
        <v>6</v>
      </c>
      <c r="EN28" s="198">
        <v>9</v>
      </c>
      <c r="EO28" s="192">
        <v>5</v>
      </c>
      <c r="EP28" s="196">
        <v>9</v>
      </c>
      <c r="EQ28" s="193">
        <v>14</v>
      </c>
      <c r="ER28" s="195">
        <v>0</v>
      </c>
      <c r="ES28" s="196">
        <v>21</v>
      </c>
      <c r="ET28" s="196">
        <v>11</v>
      </c>
      <c r="EU28" s="196">
        <v>7</v>
      </c>
      <c r="EV28" s="196">
        <v>3</v>
      </c>
      <c r="EW28" s="196">
        <v>2</v>
      </c>
      <c r="EX28" s="193">
        <v>44</v>
      </c>
      <c r="EY28" s="198">
        <v>58</v>
      </c>
    </row>
    <row r="29" spans="1:155" ht="19.5" customHeight="1" x14ac:dyDescent="0.2">
      <c r="A29" s="177" t="s">
        <v>27</v>
      </c>
      <c r="B29" s="192">
        <v>0</v>
      </c>
      <c r="C29" s="196">
        <v>0</v>
      </c>
      <c r="D29" s="458">
        <v>0</v>
      </c>
      <c r="E29" s="195">
        <v>0</v>
      </c>
      <c r="F29" s="196">
        <v>3</v>
      </c>
      <c r="G29" s="196">
        <v>1</v>
      </c>
      <c r="H29" s="196">
        <v>2</v>
      </c>
      <c r="I29" s="196">
        <v>1</v>
      </c>
      <c r="J29" s="196">
        <v>1</v>
      </c>
      <c r="K29" s="197">
        <v>8</v>
      </c>
      <c r="L29" s="198">
        <v>8</v>
      </c>
      <c r="M29" s="192">
        <v>0</v>
      </c>
      <c r="N29" s="196">
        <v>0</v>
      </c>
      <c r="O29" s="193">
        <v>0</v>
      </c>
      <c r="P29" s="195">
        <v>0</v>
      </c>
      <c r="Q29" s="196">
        <v>0</v>
      </c>
      <c r="R29" s="196">
        <v>0</v>
      </c>
      <c r="S29" s="196">
        <v>0</v>
      </c>
      <c r="T29" s="196">
        <v>0</v>
      </c>
      <c r="U29" s="196">
        <v>0</v>
      </c>
      <c r="V29" s="193">
        <v>0</v>
      </c>
      <c r="W29" s="198">
        <v>0</v>
      </c>
      <c r="X29" s="192">
        <v>1</v>
      </c>
      <c r="Y29" s="196">
        <v>2</v>
      </c>
      <c r="Z29" s="193">
        <v>3</v>
      </c>
      <c r="AA29" s="195">
        <v>0</v>
      </c>
      <c r="AB29" s="196">
        <v>6</v>
      </c>
      <c r="AC29" s="196">
        <v>2</v>
      </c>
      <c r="AD29" s="196">
        <v>2</v>
      </c>
      <c r="AE29" s="196">
        <v>1</v>
      </c>
      <c r="AF29" s="196">
        <v>1</v>
      </c>
      <c r="AG29" s="193">
        <v>12</v>
      </c>
      <c r="AH29" s="198">
        <v>15</v>
      </c>
      <c r="AI29" s="192">
        <v>0</v>
      </c>
      <c r="AJ29" s="196">
        <v>1</v>
      </c>
      <c r="AK29" s="193">
        <v>1</v>
      </c>
      <c r="AL29" s="195">
        <v>0</v>
      </c>
      <c r="AM29" s="196">
        <v>0</v>
      </c>
      <c r="AN29" s="196">
        <v>0</v>
      </c>
      <c r="AO29" s="196">
        <v>0</v>
      </c>
      <c r="AP29" s="196">
        <v>0</v>
      </c>
      <c r="AQ29" s="196">
        <v>0</v>
      </c>
      <c r="AR29" s="193">
        <v>0</v>
      </c>
      <c r="AS29" s="198">
        <v>1</v>
      </c>
      <c r="AT29" s="192">
        <v>0</v>
      </c>
      <c r="AU29" s="196">
        <v>2</v>
      </c>
      <c r="AV29" s="193">
        <v>2</v>
      </c>
      <c r="AW29" s="195">
        <v>0</v>
      </c>
      <c r="AX29" s="196">
        <v>4</v>
      </c>
      <c r="AY29" s="196">
        <v>2</v>
      </c>
      <c r="AZ29" s="196">
        <v>5</v>
      </c>
      <c r="BA29" s="196">
        <v>4</v>
      </c>
      <c r="BB29" s="196">
        <v>1</v>
      </c>
      <c r="BC29" s="197">
        <v>16</v>
      </c>
      <c r="BD29" s="198">
        <v>18</v>
      </c>
      <c r="BE29" s="192">
        <v>0</v>
      </c>
      <c r="BF29" s="196">
        <v>0</v>
      </c>
      <c r="BG29" s="193">
        <v>0</v>
      </c>
      <c r="BH29" s="195">
        <v>0</v>
      </c>
      <c r="BI29" s="196">
        <v>3</v>
      </c>
      <c r="BJ29" s="196">
        <v>1</v>
      </c>
      <c r="BK29" s="196">
        <v>2</v>
      </c>
      <c r="BL29" s="196">
        <v>1</v>
      </c>
      <c r="BM29" s="196">
        <v>0</v>
      </c>
      <c r="BN29" s="193">
        <v>7</v>
      </c>
      <c r="BO29" s="198">
        <v>7</v>
      </c>
      <c r="BP29" s="192">
        <v>2</v>
      </c>
      <c r="BQ29" s="196">
        <v>2</v>
      </c>
      <c r="BR29" s="193">
        <v>4</v>
      </c>
      <c r="BS29" s="195">
        <v>0</v>
      </c>
      <c r="BT29" s="196">
        <v>1</v>
      </c>
      <c r="BU29" s="196">
        <v>2</v>
      </c>
      <c r="BV29" s="196">
        <v>1</v>
      </c>
      <c r="BW29" s="196">
        <v>0</v>
      </c>
      <c r="BX29" s="196">
        <v>0</v>
      </c>
      <c r="BY29" s="193">
        <v>4</v>
      </c>
      <c r="BZ29" s="198">
        <v>8</v>
      </c>
      <c r="CA29" s="192">
        <v>0</v>
      </c>
      <c r="CB29" s="196">
        <v>0</v>
      </c>
      <c r="CC29" s="193">
        <v>0</v>
      </c>
      <c r="CD29" s="195">
        <v>0</v>
      </c>
      <c r="CE29" s="196">
        <v>0</v>
      </c>
      <c r="CF29" s="196">
        <v>0</v>
      </c>
      <c r="CG29" s="196">
        <v>1</v>
      </c>
      <c r="CH29" s="196">
        <v>0</v>
      </c>
      <c r="CI29" s="196">
        <v>0</v>
      </c>
      <c r="CJ29" s="193">
        <v>1</v>
      </c>
      <c r="CK29" s="198">
        <v>1</v>
      </c>
      <c r="CL29" s="192">
        <v>0</v>
      </c>
      <c r="CM29" s="196">
        <v>0</v>
      </c>
      <c r="CN29" s="193">
        <v>0</v>
      </c>
      <c r="CO29" s="195">
        <v>0</v>
      </c>
      <c r="CP29" s="196">
        <v>0</v>
      </c>
      <c r="CQ29" s="196">
        <v>1</v>
      </c>
      <c r="CR29" s="196">
        <v>0</v>
      </c>
      <c r="CS29" s="196">
        <v>0</v>
      </c>
      <c r="CT29" s="196">
        <v>0</v>
      </c>
      <c r="CU29" s="193">
        <v>1</v>
      </c>
      <c r="CV29" s="198">
        <v>1</v>
      </c>
      <c r="CW29" s="192">
        <v>0</v>
      </c>
      <c r="CX29" s="196">
        <v>0</v>
      </c>
      <c r="CY29" s="193">
        <v>0</v>
      </c>
      <c r="CZ29" s="195">
        <v>0</v>
      </c>
      <c r="DA29" s="196">
        <v>0</v>
      </c>
      <c r="DB29" s="196">
        <v>0</v>
      </c>
      <c r="DC29" s="196">
        <v>0</v>
      </c>
      <c r="DD29" s="196">
        <v>0</v>
      </c>
      <c r="DE29" s="196">
        <v>0</v>
      </c>
      <c r="DF29" s="193">
        <v>0</v>
      </c>
      <c r="DG29" s="198">
        <v>0</v>
      </c>
      <c r="DH29" s="192">
        <v>0</v>
      </c>
      <c r="DI29" s="196">
        <v>0</v>
      </c>
      <c r="DJ29" s="193">
        <v>0</v>
      </c>
      <c r="DK29" s="195">
        <v>0</v>
      </c>
      <c r="DL29" s="196">
        <v>0</v>
      </c>
      <c r="DM29" s="196">
        <v>0</v>
      </c>
      <c r="DN29" s="196">
        <v>0</v>
      </c>
      <c r="DO29" s="196">
        <v>0</v>
      </c>
      <c r="DP29" s="196">
        <v>0</v>
      </c>
      <c r="DQ29" s="193">
        <v>0</v>
      </c>
      <c r="DR29" s="198">
        <v>0</v>
      </c>
      <c r="DS29" s="192">
        <v>3</v>
      </c>
      <c r="DT29" s="196">
        <v>9</v>
      </c>
      <c r="DU29" s="193">
        <v>12</v>
      </c>
      <c r="DV29" s="195">
        <v>0</v>
      </c>
      <c r="DW29" s="196">
        <v>4</v>
      </c>
      <c r="DX29" s="196">
        <v>3</v>
      </c>
      <c r="DY29" s="196">
        <v>5</v>
      </c>
      <c r="DZ29" s="196">
        <v>2</v>
      </c>
      <c r="EA29" s="196">
        <v>1</v>
      </c>
      <c r="EB29" s="193">
        <v>15</v>
      </c>
      <c r="EC29" s="198">
        <v>27</v>
      </c>
      <c r="ED29" s="192">
        <v>0</v>
      </c>
      <c r="EE29" s="196">
        <v>3</v>
      </c>
      <c r="EF29" s="193">
        <v>3</v>
      </c>
      <c r="EG29" s="195">
        <v>0</v>
      </c>
      <c r="EH29" s="196">
        <v>4</v>
      </c>
      <c r="EI29" s="196">
        <v>1</v>
      </c>
      <c r="EJ29" s="196">
        <v>4</v>
      </c>
      <c r="EK29" s="196">
        <v>2</v>
      </c>
      <c r="EL29" s="196">
        <v>0</v>
      </c>
      <c r="EM29" s="193">
        <v>11</v>
      </c>
      <c r="EN29" s="198">
        <v>14</v>
      </c>
      <c r="EO29" s="192">
        <v>6</v>
      </c>
      <c r="EP29" s="196">
        <v>11</v>
      </c>
      <c r="EQ29" s="193">
        <v>17</v>
      </c>
      <c r="ER29" s="195">
        <v>0</v>
      </c>
      <c r="ES29" s="196">
        <v>9</v>
      </c>
      <c r="ET29" s="196">
        <v>4</v>
      </c>
      <c r="EU29" s="196">
        <v>7</v>
      </c>
      <c r="EV29" s="196">
        <v>2</v>
      </c>
      <c r="EW29" s="196">
        <v>1</v>
      </c>
      <c r="EX29" s="193">
        <v>23</v>
      </c>
      <c r="EY29" s="198">
        <v>40</v>
      </c>
    </row>
    <row r="30" spans="1:155" ht="19.5" customHeight="1" x14ac:dyDescent="0.2">
      <c r="A30" s="177" t="s">
        <v>28</v>
      </c>
      <c r="B30" s="192">
        <v>0</v>
      </c>
      <c r="C30" s="196">
        <v>0</v>
      </c>
      <c r="D30" s="458">
        <v>0</v>
      </c>
      <c r="E30" s="195">
        <v>0</v>
      </c>
      <c r="F30" s="196">
        <v>1</v>
      </c>
      <c r="G30" s="196">
        <v>2</v>
      </c>
      <c r="H30" s="196">
        <v>0</v>
      </c>
      <c r="I30" s="196">
        <v>0</v>
      </c>
      <c r="J30" s="196">
        <v>0</v>
      </c>
      <c r="K30" s="197">
        <v>3</v>
      </c>
      <c r="L30" s="198">
        <v>3</v>
      </c>
      <c r="M30" s="192">
        <v>0</v>
      </c>
      <c r="N30" s="196">
        <v>0</v>
      </c>
      <c r="O30" s="193">
        <v>0</v>
      </c>
      <c r="P30" s="195">
        <v>0</v>
      </c>
      <c r="Q30" s="196">
        <v>0</v>
      </c>
      <c r="R30" s="196">
        <v>0</v>
      </c>
      <c r="S30" s="196">
        <v>0</v>
      </c>
      <c r="T30" s="196">
        <v>0</v>
      </c>
      <c r="U30" s="196">
        <v>0</v>
      </c>
      <c r="V30" s="193">
        <v>0</v>
      </c>
      <c r="W30" s="198">
        <v>0</v>
      </c>
      <c r="X30" s="192">
        <v>0</v>
      </c>
      <c r="Y30" s="196">
        <v>0</v>
      </c>
      <c r="Z30" s="193">
        <v>0</v>
      </c>
      <c r="AA30" s="195">
        <v>0</v>
      </c>
      <c r="AB30" s="196">
        <v>0</v>
      </c>
      <c r="AC30" s="196">
        <v>1</v>
      </c>
      <c r="AD30" s="196">
        <v>1</v>
      </c>
      <c r="AE30" s="196">
        <v>0</v>
      </c>
      <c r="AF30" s="196">
        <v>0</v>
      </c>
      <c r="AG30" s="193">
        <v>2</v>
      </c>
      <c r="AH30" s="198">
        <v>2</v>
      </c>
      <c r="AI30" s="192">
        <v>0</v>
      </c>
      <c r="AJ30" s="196">
        <v>0</v>
      </c>
      <c r="AK30" s="193">
        <v>0</v>
      </c>
      <c r="AL30" s="195">
        <v>0</v>
      </c>
      <c r="AM30" s="196">
        <v>1</v>
      </c>
      <c r="AN30" s="196">
        <v>0</v>
      </c>
      <c r="AO30" s="196">
        <v>0</v>
      </c>
      <c r="AP30" s="196">
        <v>0</v>
      </c>
      <c r="AQ30" s="196">
        <v>0</v>
      </c>
      <c r="AR30" s="193">
        <v>1</v>
      </c>
      <c r="AS30" s="198">
        <v>1</v>
      </c>
      <c r="AT30" s="192">
        <v>0</v>
      </c>
      <c r="AU30" s="196">
        <v>1</v>
      </c>
      <c r="AV30" s="193">
        <v>1</v>
      </c>
      <c r="AW30" s="195">
        <v>0</v>
      </c>
      <c r="AX30" s="196">
        <v>1</v>
      </c>
      <c r="AY30" s="196">
        <v>4</v>
      </c>
      <c r="AZ30" s="196">
        <v>1</v>
      </c>
      <c r="BA30" s="196">
        <v>0</v>
      </c>
      <c r="BB30" s="196">
        <v>1</v>
      </c>
      <c r="BC30" s="197">
        <v>7</v>
      </c>
      <c r="BD30" s="198">
        <v>8</v>
      </c>
      <c r="BE30" s="192">
        <v>0</v>
      </c>
      <c r="BF30" s="196">
        <v>0</v>
      </c>
      <c r="BG30" s="193">
        <v>0</v>
      </c>
      <c r="BH30" s="195">
        <v>0</v>
      </c>
      <c r="BI30" s="196">
        <v>2</v>
      </c>
      <c r="BJ30" s="196">
        <v>4</v>
      </c>
      <c r="BK30" s="196">
        <v>0</v>
      </c>
      <c r="BL30" s="196">
        <v>0</v>
      </c>
      <c r="BM30" s="196">
        <v>0</v>
      </c>
      <c r="BN30" s="193">
        <v>6</v>
      </c>
      <c r="BO30" s="198">
        <v>6</v>
      </c>
      <c r="BP30" s="192">
        <v>0</v>
      </c>
      <c r="BQ30" s="196">
        <v>1</v>
      </c>
      <c r="BR30" s="193">
        <v>1</v>
      </c>
      <c r="BS30" s="195">
        <v>0</v>
      </c>
      <c r="BT30" s="196">
        <v>1</v>
      </c>
      <c r="BU30" s="196">
        <v>1</v>
      </c>
      <c r="BV30" s="196">
        <v>1</v>
      </c>
      <c r="BW30" s="196">
        <v>0</v>
      </c>
      <c r="BX30" s="196">
        <v>1</v>
      </c>
      <c r="BY30" s="193">
        <v>4</v>
      </c>
      <c r="BZ30" s="198">
        <v>5</v>
      </c>
      <c r="CA30" s="192">
        <v>0</v>
      </c>
      <c r="CB30" s="196">
        <v>0</v>
      </c>
      <c r="CC30" s="193">
        <v>0</v>
      </c>
      <c r="CD30" s="195">
        <v>0</v>
      </c>
      <c r="CE30" s="196">
        <v>0</v>
      </c>
      <c r="CF30" s="196">
        <v>0</v>
      </c>
      <c r="CG30" s="196">
        <v>1</v>
      </c>
      <c r="CH30" s="196">
        <v>0</v>
      </c>
      <c r="CI30" s="196">
        <v>0</v>
      </c>
      <c r="CJ30" s="193">
        <v>1</v>
      </c>
      <c r="CK30" s="198">
        <v>1</v>
      </c>
      <c r="CL30" s="192">
        <v>0</v>
      </c>
      <c r="CM30" s="196">
        <v>0</v>
      </c>
      <c r="CN30" s="193">
        <v>0</v>
      </c>
      <c r="CO30" s="195">
        <v>0</v>
      </c>
      <c r="CP30" s="196">
        <v>0</v>
      </c>
      <c r="CQ30" s="196">
        <v>0</v>
      </c>
      <c r="CR30" s="196">
        <v>0</v>
      </c>
      <c r="CS30" s="196">
        <v>0</v>
      </c>
      <c r="CT30" s="196">
        <v>0</v>
      </c>
      <c r="CU30" s="193">
        <v>0</v>
      </c>
      <c r="CV30" s="198">
        <v>0</v>
      </c>
      <c r="CW30" s="192">
        <v>0</v>
      </c>
      <c r="CX30" s="196">
        <v>0</v>
      </c>
      <c r="CY30" s="193">
        <v>0</v>
      </c>
      <c r="CZ30" s="195">
        <v>0</v>
      </c>
      <c r="DA30" s="196">
        <v>0</v>
      </c>
      <c r="DB30" s="196">
        <v>0</v>
      </c>
      <c r="DC30" s="196">
        <v>0</v>
      </c>
      <c r="DD30" s="196">
        <v>0</v>
      </c>
      <c r="DE30" s="196">
        <v>0</v>
      </c>
      <c r="DF30" s="193">
        <v>0</v>
      </c>
      <c r="DG30" s="198">
        <v>0</v>
      </c>
      <c r="DH30" s="192">
        <v>0</v>
      </c>
      <c r="DI30" s="196">
        <v>0</v>
      </c>
      <c r="DJ30" s="193">
        <v>0</v>
      </c>
      <c r="DK30" s="195">
        <v>0</v>
      </c>
      <c r="DL30" s="196">
        <v>0</v>
      </c>
      <c r="DM30" s="196">
        <v>0</v>
      </c>
      <c r="DN30" s="196">
        <v>0</v>
      </c>
      <c r="DO30" s="196">
        <v>0</v>
      </c>
      <c r="DP30" s="196">
        <v>0</v>
      </c>
      <c r="DQ30" s="193">
        <v>0</v>
      </c>
      <c r="DR30" s="198">
        <v>0</v>
      </c>
      <c r="DS30" s="192">
        <v>0</v>
      </c>
      <c r="DT30" s="196">
        <v>2</v>
      </c>
      <c r="DU30" s="193">
        <v>2</v>
      </c>
      <c r="DV30" s="195">
        <v>0</v>
      </c>
      <c r="DW30" s="196">
        <v>3</v>
      </c>
      <c r="DX30" s="196">
        <v>6</v>
      </c>
      <c r="DY30" s="196">
        <v>1</v>
      </c>
      <c r="DZ30" s="196">
        <v>0</v>
      </c>
      <c r="EA30" s="196">
        <v>1</v>
      </c>
      <c r="EB30" s="193">
        <v>11</v>
      </c>
      <c r="EC30" s="198">
        <v>13</v>
      </c>
      <c r="ED30" s="192">
        <v>0</v>
      </c>
      <c r="EE30" s="196">
        <v>0</v>
      </c>
      <c r="EF30" s="193">
        <v>0</v>
      </c>
      <c r="EG30" s="195">
        <v>0</v>
      </c>
      <c r="EH30" s="196">
        <v>1</v>
      </c>
      <c r="EI30" s="196">
        <v>1</v>
      </c>
      <c r="EJ30" s="196">
        <v>0</v>
      </c>
      <c r="EK30" s="196">
        <v>0</v>
      </c>
      <c r="EL30" s="196">
        <v>1</v>
      </c>
      <c r="EM30" s="193">
        <v>3</v>
      </c>
      <c r="EN30" s="198">
        <v>3</v>
      </c>
      <c r="EO30" s="192">
        <v>0</v>
      </c>
      <c r="EP30" s="196">
        <v>2</v>
      </c>
      <c r="EQ30" s="193">
        <v>2</v>
      </c>
      <c r="ER30" s="195">
        <v>0</v>
      </c>
      <c r="ES30" s="196">
        <v>5</v>
      </c>
      <c r="ET30" s="196">
        <v>8</v>
      </c>
      <c r="EU30" s="196">
        <v>2</v>
      </c>
      <c r="EV30" s="196">
        <v>0</v>
      </c>
      <c r="EW30" s="196">
        <v>1</v>
      </c>
      <c r="EX30" s="193">
        <v>16</v>
      </c>
      <c r="EY30" s="198">
        <v>18</v>
      </c>
    </row>
    <row r="31" spans="1:155" ht="19.5" customHeight="1" x14ac:dyDescent="0.2">
      <c r="A31" s="177" t="s">
        <v>29</v>
      </c>
      <c r="B31" s="192">
        <v>0</v>
      </c>
      <c r="C31" s="196">
        <v>0</v>
      </c>
      <c r="D31" s="458">
        <v>0</v>
      </c>
      <c r="E31" s="195">
        <v>0</v>
      </c>
      <c r="F31" s="196">
        <v>1</v>
      </c>
      <c r="G31" s="196">
        <v>2</v>
      </c>
      <c r="H31" s="196">
        <v>0</v>
      </c>
      <c r="I31" s="196">
        <v>0</v>
      </c>
      <c r="J31" s="196">
        <v>0</v>
      </c>
      <c r="K31" s="197">
        <v>3</v>
      </c>
      <c r="L31" s="198">
        <v>3</v>
      </c>
      <c r="M31" s="192">
        <v>0</v>
      </c>
      <c r="N31" s="196">
        <v>0</v>
      </c>
      <c r="O31" s="193">
        <v>0</v>
      </c>
      <c r="P31" s="195">
        <v>0</v>
      </c>
      <c r="Q31" s="196">
        <v>0</v>
      </c>
      <c r="R31" s="196">
        <v>0</v>
      </c>
      <c r="S31" s="196">
        <v>1</v>
      </c>
      <c r="T31" s="196">
        <v>0</v>
      </c>
      <c r="U31" s="196">
        <v>0</v>
      </c>
      <c r="V31" s="193">
        <v>1</v>
      </c>
      <c r="W31" s="198">
        <v>1</v>
      </c>
      <c r="X31" s="192">
        <v>0</v>
      </c>
      <c r="Y31" s="196">
        <v>0</v>
      </c>
      <c r="Z31" s="193">
        <v>0</v>
      </c>
      <c r="AA31" s="195">
        <v>0</v>
      </c>
      <c r="AB31" s="196">
        <v>1</v>
      </c>
      <c r="AC31" s="196">
        <v>0</v>
      </c>
      <c r="AD31" s="196">
        <v>3</v>
      </c>
      <c r="AE31" s="196">
        <v>0</v>
      </c>
      <c r="AF31" s="196">
        <v>0</v>
      </c>
      <c r="AG31" s="193">
        <v>4</v>
      </c>
      <c r="AH31" s="198">
        <v>4</v>
      </c>
      <c r="AI31" s="192">
        <v>0</v>
      </c>
      <c r="AJ31" s="196">
        <v>0</v>
      </c>
      <c r="AK31" s="193">
        <v>0</v>
      </c>
      <c r="AL31" s="195">
        <v>0</v>
      </c>
      <c r="AM31" s="196">
        <v>0</v>
      </c>
      <c r="AN31" s="196">
        <v>1</v>
      </c>
      <c r="AO31" s="196">
        <v>0</v>
      </c>
      <c r="AP31" s="196">
        <v>0</v>
      </c>
      <c r="AQ31" s="196">
        <v>0</v>
      </c>
      <c r="AR31" s="193">
        <v>1</v>
      </c>
      <c r="AS31" s="198">
        <v>1</v>
      </c>
      <c r="AT31" s="192">
        <v>1</v>
      </c>
      <c r="AU31" s="196">
        <v>0</v>
      </c>
      <c r="AV31" s="193">
        <v>1</v>
      </c>
      <c r="AW31" s="195">
        <v>0</v>
      </c>
      <c r="AX31" s="196">
        <v>2</v>
      </c>
      <c r="AY31" s="196">
        <v>2</v>
      </c>
      <c r="AZ31" s="196">
        <v>1</v>
      </c>
      <c r="BA31" s="196">
        <v>1</v>
      </c>
      <c r="BB31" s="196">
        <v>0</v>
      </c>
      <c r="BC31" s="197">
        <v>6</v>
      </c>
      <c r="BD31" s="198">
        <v>7</v>
      </c>
      <c r="BE31" s="192">
        <v>0</v>
      </c>
      <c r="BF31" s="196">
        <v>0</v>
      </c>
      <c r="BG31" s="193">
        <v>0</v>
      </c>
      <c r="BH31" s="195">
        <v>0</v>
      </c>
      <c r="BI31" s="196">
        <v>2</v>
      </c>
      <c r="BJ31" s="196">
        <v>0</v>
      </c>
      <c r="BK31" s="196">
        <v>1</v>
      </c>
      <c r="BL31" s="196">
        <v>0</v>
      </c>
      <c r="BM31" s="196">
        <v>0</v>
      </c>
      <c r="BN31" s="193">
        <v>3</v>
      </c>
      <c r="BO31" s="198">
        <v>3</v>
      </c>
      <c r="BP31" s="192">
        <v>0</v>
      </c>
      <c r="BQ31" s="196">
        <v>0</v>
      </c>
      <c r="BR31" s="193">
        <v>0</v>
      </c>
      <c r="BS31" s="195">
        <v>0</v>
      </c>
      <c r="BT31" s="196">
        <v>0</v>
      </c>
      <c r="BU31" s="196">
        <v>1</v>
      </c>
      <c r="BV31" s="196">
        <v>2</v>
      </c>
      <c r="BW31" s="196">
        <v>0</v>
      </c>
      <c r="BX31" s="196">
        <v>0</v>
      </c>
      <c r="BY31" s="193">
        <v>3</v>
      </c>
      <c r="BZ31" s="198">
        <v>3</v>
      </c>
      <c r="CA31" s="192">
        <v>0</v>
      </c>
      <c r="CB31" s="196">
        <v>0</v>
      </c>
      <c r="CC31" s="193">
        <v>0</v>
      </c>
      <c r="CD31" s="195">
        <v>0</v>
      </c>
      <c r="CE31" s="196">
        <v>0</v>
      </c>
      <c r="CF31" s="196">
        <v>0</v>
      </c>
      <c r="CG31" s="196">
        <v>1</v>
      </c>
      <c r="CH31" s="196">
        <v>0</v>
      </c>
      <c r="CI31" s="196">
        <v>0</v>
      </c>
      <c r="CJ31" s="193">
        <v>1</v>
      </c>
      <c r="CK31" s="198">
        <v>1</v>
      </c>
      <c r="CL31" s="192">
        <v>0</v>
      </c>
      <c r="CM31" s="196">
        <v>0</v>
      </c>
      <c r="CN31" s="193">
        <v>0</v>
      </c>
      <c r="CO31" s="195">
        <v>0</v>
      </c>
      <c r="CP31" s="196">
        <v>0</v>
      </c>
      <c r="CQ31" s="196">
        <v>0</v>
      </c>
      <c r="CR31" s="196">
        <v>0</v>
      </c>
      <c r="CS31" s="196">
        <v>0</v>
      </c>
      <c r="CT31" s="196">
        <v>0</v>
      </c>
      <c r="CU31" s="193">
        <v>0</v>
      </c>
      <c r="CV31" s="198">
        <v>0</v>
      </c>
      <c r="CW31" s="192">
        <v>0</v>
      </c>
      <c r="CX31" s="196">
        <v>0</v>
      </c>
      <c r="CY31" s="193">
        <v>0</v>
      </c>
      <c r="CZ31" s="195">
        <v>0</v>
      </c>
      <c r="DA31" s="196">
        <v>0</v>
      </c>
      <c r="DB31" s="196">
        <v>0</v>
      </c>
      <c r="DC31" s="196">
        <v>0</v>
      </c>
      <c r="DD31" s="196">
        <v>0</v>
      </c>
      <c r="DE31" s="196">
        <v>0</v>
      </c>
      <c r="DF31" s="193">
        <v>0</v>
      </c>
      <c r="DG31" s="198">
        <v>0</v>
      </c>
      <c r="DH31" s="192">
        <v>0</v>
      </c>
      <c r="DI31" s="196">
        <v>0</v>
      </c>
      <c r="DJ31" s="193">
        <v>0</v>
      </c>
      <c r="DK31" s="195">
        <v>0</v>
      </c>
      <c r="DL31" s="196">
        <v>0</v>
      </c>
      <c r="DM31" s="196">
        <v>0</v>
      </c>
      <c r="DN31" s="196">
        <v>0</v>
      </c>
      <c r="DO31" s="196">
        <v>0</v>
      </c>
      <c r="DP31" s="196">
        <v>0</v>
      </c>
      <c r="DQ31" s="193">
        <v>0</v>
      </c>
      <c r="DR31" s="198">
        <v>0</v>
      </c>
      <c r="DS31" s="192">
        <v>1</v>
      </c>
      <c r="DT31" s="196">
        <v>3</v>
      </c>
      <c r="DU31" s="193">
        <v>4</v>
      </c>
      <c r="DV31" s="195">
        <v>0</v>
      </c>
      <c r="DW31" s="196">
        <v>3</v>
      </c>
      <c r="DX31" s="196">
        <v>2</v>
      </c>
      <c r="DY31" s="196">
        <v>4</v>
      </c>
      <c r="DZ31" s="196">
        <v>0</v>
      </c>
      <c r="EA31" s="196">
        <v>0</v>
      </c>
      <c r="EB31" s="193">
        <v>9</v>
      </c>
      <c r="EC31" s="198">
        <v>13</v>
      </c>
      <c r="ED31" s="192">
        <v>0</v>
      </c>
      <c r="EE31" s="196">
        <v>0</v>
      </c>
      <c r="EF31" s="193">
        <v>0</v>
      </c>
      <c r="EG31" s="195">
        <v>0</v>
      </c>
      <c r="EH31" s="196">
        <v>2</v>
      </c>
      <c r="EI31" s="196">
        <v>1</v>
      </c>
      <c r="EJ31" s="196">
        <v>1</v>
      </c>
      <c r="EK31" s="196">
        <v>1</v>
      </c>
      <c r="EL31" s="196">
        <v>0</v>
      </c>
      <c r="EM31" s="193">
        <v>5</v>
      </c>
      <c r="EN31" s="198">
        <v>5</v>
      </c>
      <c r="EO31" s="192">
        <v>1</v>
      </c>
      <c r="EP31" s="196">
        <v>3</v>
      </c>
      <c r="EQ31" s="193">
        <v>4</v>
      </c>
      <c r="ER31" s="195">
        <v>0</v>
      </c>
      <c r="ES31" s="196">
        <v>5</v>
      </c>
      <c r="ET31" s="196">
        <v>3</v>
      </c>
      <c r="EU31" s="196">
        <v>5</v>
      </c>
      <c r="EV31" s="196">
        <v>0</v>
      </c>
      <c r="EW31" s="196">
        <v>0</v>
      </c>
      <c r="EX31" s="193">
        <v>13</v>
      </c>
      <c r="EY31" s="198">
        <v>17</v>
      </c>
    </row>
    <row r="32" spans="1:155" ht="19.5" customHeight="1" x14ac:dyDescent="0.2">
      <c r="A32" s="177" t="s">
        <v>30</v>
      </c>
      <c r="B32" s="192">
        <v>0</v>
      </c>
      <c r="C32" s="196">
        <v>0</v>
      </c>
      <c r="D32" s="458">
        <v>0</v>
      </c>
      <c r="E32" s="195">
        <v>0</v>
      </c>
      <c r="F32" s="196">
        <v>0</v>
      </c>
      <c r="G32" s="196">
        <v>1</v>
      </c>
      <c r="H32" s="196">
        <v>1</v>
      </c>
      <c r="I32" s="196">
        <v>1</v>
      </c>
      <c r="J32" s="196">
        <v>0</v>
      </c>
      <c r="K32" s="197">
        <v>3</v>
      </c>
      <c r="L32" s="198">
        <v>3</v>
      </c>
      <c r="M32" s="192">
        <v>0</v>
      </c>
      <c r="N32" s="196">
        <v>0</v>
      </c>
      <c r="O32" s="193">
        <v>0</v>
      </c>
      <c r="P32" s="195">
        <v>0</v>
      </c>
      <c r="Q32" s="196">
        <v>0</v>
      </c>
      <c r="R32" s="196">
        <v>0</v>
      </c>
      <c r="S32" s="196">
        <v>0</v>
      </c>
      <c r="T32" s="196">
        <v>1</v>
      </c>
      <c r="U32" s="196">
        <v>0</v>
      </c>
      <c r="V32" s="193">
        <v>1</v>
      </c>
      <c r="W32" s="198">
        <v>1</v>
      </c>
      <c r="X32" s="192">
        <v>0</v>
      </c>
      <c r="Y32" s="196">
        <v>0</v>
      </c>
      <c r="Z32" s="193">
        <v>0</v>
      </c>
      <c r="AA32" s="195">
        <v>0</v>
      </c>
      <c r="AB32" s="196">
        <v>0</v>
      </c>
      <c r="AC32" s="196">
        <v>1</v>
      </c>
      <c r="AD32" s="196">
        <v>0</v>
      </c>
      <c r="AE32" s="196">
        <v>1</v>
      </c>
      <c r="AF32" s="196">
        <v>0</v>
      </c>
      <c r="AG32" s="193">
        <v>2</v>
      </c>
      <c r="AH32" s="198">
        <v>2</v>
      </c>
      <c r="AI32" s="192">
        <v>0</v>
      </c>
      <c r="AJ32" s="196">
        <v>0</v>
      </c>
      <c r="AK32" s="193">
        <v>0</v>
      </c>
      <c r="AL32" s="195">
        <v>0</v>
      </c>
      <c r="AM32" s="196">
        <v>0</v>
      </c>
      <c r="AN32" s="196">
        <v>0</v>
      </c>
      <c r="AO32" s="196">
        <v>0</v>
      </c>
      <c r="AP32" s="196">
        <v>1</v>
      </c>
      <c r="AQ32" s="196">
        <v>0</v>
      </c>
      <c r="AR32" s="193">
        <v>1</v>
      </c>
      <c r="AS32" s="198">
        <v>1</v>
      </c>
      <c r="AT32" s="192">
        <v>0</v>
      </c>
      <c r="AU32" s="196">
        <v>0</v>
      </c>
      <c r="AV32" s="193">
        <v>0</v>
      </c>
      <c r="AW32" s="195">
        <v>0</v>
      </c>
      <c r="AX32" s="196">
        <v>1</v>
      </c>
      <c r="AY32" s="196">
        <v>1</v>
      </c>
      <c r="AZ32" s="196">
        <v>1</v>
      </c>
      <c r="BA32" s="196">
        <v>2</v>
      </c>
      <c r="BB32" s="196">
        <v>0</v>
      </c>
      <c r="BC32" s="197">
        <v>5</v>
      </c>
      <c r="BD32" s="198">
        <v>5</v>
      </c>
      <c r="BE32" s="192">
        <v>0</v>
      </c>
      <c r="BF32" s="196">
        <v>0</v>
      </c>
      <c r="BG32" s="193">
        <v>0</v>
      </c>
      <c r="BH32" s="195">
        <v>0</v>
      </c>
      <c r="BI32" s="196">
        <v>1</v>
      </c>
      <c r="BJ32" s="196">
        <v>2</v>
      </c>
      <c r="BK32" s="196">
        <v>2</v>
      </c>
      <c r="BL32" s="196">
        <v>0</v>
      </c>
      <c r="BM32" s="196">
        <v>0</v>
      </c>
      <c r="BN32" s="193">
        <v>5</v>
      </c>
      <c r="BO32" s="198">
        <v>5</v>
      </c>
      <c r="BP32" s="192">
        <v>0</v>
      </c>
      <c r="BQ32" s="196">
        <v>0</v>
      </c>
      <c r="BR32" s="193">
        <v>0</v>
      </c>
      <c r="BS32" s="195">
        <v>0</v>
      </c>
      <c r="BT32" s="196">
        <v>0</v>
      </c>
      <c r="BU32" s="196">
        <v>2</v>
      </c>
      <c r="BV32" s="196">
        <v>0</v>
      </c>
      <c r="BW32" s="196">
        <v>0</v>
      </c>
      <c r="BX32" s="196">
        <v>0</v>
      </c>
      <c r="BY32" s="193">
        <v>2</v>
      </c>
      <c r="BZ32" s="198">
        <v>2</v>
      </c>
      <c r="CA32" s="192">
        <v>0</v>
      </c>
      <c r="CB32" s="196">
        <v>0</v>
      </c>
      <c r="CC32" s="193">
        <v>0</v>
      </c>
      <c r="CD32" s="195">
        <v>0</v>
      </c>
      <c r="CE32" s="196">
        <v>0</v>
      </c>
      <c r="CF32" s="196">
        <v>0</v>
      </c>
      <c r="CG32" s="196">
        <v>1</v>
      </c>
      <c r="CH32" s="196">
        <v>0</v>
      </c>
      <c r="CI32" s="196">
        <v>0</v>
      </c>
      <c r="CJ32" s="193">
        <v>1</v>
      </c>
      <c r="CK32" s="198">
        <v>1</v>
      </c>
      <c r="CL32" s="192">
        <v>0</v>
      </c>
      <c r="CM32" s="196">
        <v>0</v>
      </c>
      <c r="CN32" s="193">
        <v>0</v>
      </c>
      <c r="CO32" s="195">
        <v>0</v>
      </c>
      <c r="CP32" s="196">
        <v>0</v>
      </c>
      <c r="CQ32" s="196">
        <v>1</v>
      </c>
      <c r="CR32" s="196">
        <v>0</v>
      </c>
      <c r="CS32" s="196">
        <v>0</v>
      </c>
      <c r="CT32" s="196">
        <v>0</v>
      </c>
      <c r="CU32" s="193">
        <v>1</v>
      </c>
      <c r="CV32" s="198">
        <v>1</v>
      </c>
      <c r="CW32" s="192">
        <v>0</v>
      </c>
      <c r="CX32" s="196">
        <v>0</v>
      </c>
      <c r="CY32" s="193">
        <v>0</v>
      </c>
      <c r="CZ32" s="195">
        <v>0</v>
      </c>
      <c r="DA32" s="196">
        <v>0</v>
      </c>
      <c r="DB32" s="196">
        <v>0</v>
      </c>
      <c r="DC32" s="196">
        <v>0</v>
      </c>
      <c r="DD32" s="196">
        <v>0</v>
      </c>
      <c r="DE32" s="196">
        <v>0</v>
      </c>
      <c r="DF32" s="193">
        <v>0</v>
      </c>
      <c r="DG32" s="198">
        <v>0</v>
      </c>
      <c r="DH32" s="192">
        <v>0</v>
      </c>
      <c r="DI32" s="196">
        <v>0</v>
      </c>
      <c r="DJ32" s="193">
        <v>0</v>
      </c>
      <c r="DK32" s="195">
        <v>0</v>
      </c>
      <c r="DL32" s="196">
        <v>0</v>
      </c>
      <c r="DM32" s="196">
        <v>0</v>
      </c>
      <c r="DN32" s="196">
        <v>0</v>
      </c>
      <c r="DO32" s="196">
        <v>0</v>
      </c>
      <c r="DP32" s="196">
        <v>0</v>
      </c>
      <c r="DQ32" s="193">
        <v>0</v>
      </c>
      <c r="DR32" s="198">
        <v>0</v>
      </c>
      <c r="DS32" s="192">
        <v>1</v>
      </c>
      <c r="DT32" s="196">
        <v>1</v>
      </c>
      <c r="DU32" s="193">
        <v>2</v>
      </c>
      <c r="DV32" s="195">
        <v>0</v>
      </c>
      <c r="DW32" s="196">
        <v>0</v>
      </c>
      <c r="DX32" s="196">
        <v>5</v>
      </c>
      <c r="DY32" s="196">
        <v>4</v>
      </c>
      <c r="DZ32" s="196">
        <v>2</v>
      </c>
      <c r="EA32" s="196">
        <v>0</v>
      </c>
      <c r="EB32" s="193">
        <v>11</v>
      </c>
      <c r="EC32" s="198">
        <v>13</v>
      </c>
      <c r="ED32" s="192">
        <v>0</v>
      </c>
      <c r="EE32" s="196">
        <v>0</v>
      </c>
      <c r="EF32" s="193">
        <v>0</v>
      </c>
      <c r="EG32" s="195">
        <v>0</v>
      </c>
      <c r="EH32" s="196">
        <v>2</v>
      </c>
      <c r="EI32" s="196">
        <v>0</v>
      </c>
      <c r="EJ32" s="196">
        <v>0</v>
      </c>
      <c r="EK32" s="196">
        <v>1</v>
      </c>
      <c r="EL32" s="196">
        <v>0</v>
      </c>
      <c r="EM32" s="193">
        <v>3</v>
      </c>
      <c r="EN32" s="198">
        <v>3</v>
      </c>
      <c r="EO32" s="192">
        <v>1</v>
      </c>
      <c r="EP32" s="196">
        <v>1</v>
      </c>
      <c r="EQ32" s="193">
        <v>2</v>
      </c>
      <c r="ER32" s="195">
        <v>0</v>
      </c>
      <c r="ES32" s="196">
        <v>4</v>
      </c>
      <c r="ET32" s="196">
        <v>7</v>
      </c>
      <c r="EU32" s="196">
        <v>4</v>
      </c>
      <c r="EV32" s="196">
        <v>2</v>
      </c>
      <c r="EW32" s="196">
        <v>0</v>
      </c>
      <c r="EX32" s="193">
        <v>17</v>
      </c>
      <c r="EY32" s="198">
        <v>19</v>
      </c>
    </row>
    <row r="33" spans="1:155" ht="19.5" customHeight="1" x14ac:dyDescent="0.2">
      <c r="A33" s="177" t="s">
        <v>31</v>
      </c>
      <c r="B33" s="192">
        <v>0</v>
      </c>
      <c r="C33" s="196">
        <v>0</v>
      </c>
      <c r="D33" s="458">
        <v>0</v>
      </c>
      <c r="E33" s="195">
        <v>0</v>
      </c>
      <c r="F33" s="196">
        <v>2</v>
      </c>
      <c r="G33" s="196">
        <v>0</v>
      </c>
      <c r="H33" s="196">
        <v>0</v>
      </c>
      <c r="I33" s="196">
        <v>1</v>
      </c>
      <c r="J33" s="196">
        <v>1</v>
      </c>
      <c r="K33" s="197">
        <v>4</v>
      </c>
      <c r="L33" s="198">
        <v>4</v>
      </c>
      <c r="M33" s="192">
        <v>0</v>
      </c>
      <c r="N33" s="196">
        <v>0</v>
      </c>
      <c r="O33" s="193">
        <v>0</v>
      </c>
      <c r="P33" s="195">
        <v>0</v>
      </c>
      <c r="Q33" s="196">
        <v>0</v>
      </c>
      <c r="R33" s="196">
        <v>0</v>
      </c>
      <c r="S33" s="196">
        <v>0</v>
      </c>
      <c r="T33" s="196">
        <v>0</v>
      </c>
      <c r="U33" s="196">
        <v>1</v>
      </c>
      <c r="V33" s="193">
        <v>1</v>
      </c>
      <c r="W33" s="198">
        <v>1</v>
      </c>
      <c r="X33" s="192">
        <v>1</v>
      </c>
      <c r="Y33" s="196">
        <v>0</v>
      </c>
      <c r="Z33" s="193">
        <v>1</v>
      </c>
      <c r="AA33" s="195">
        <v>0</v>
      </c>
      <c r="AB33" s="196">
        <v>2</v>
      </c>
      <c r="AC33" s="196">
        <v>1</v>
      </c>
      <c r="AD33" s="196">
        <v>0</v>
      </c>
      <c r="AE33" s="196">
        <v>1</v>
      </c>
      <c r="AF33" s="196">
        <v>2</v>
      </c>
      <c r="AG33" s="193">
        <v>6</v>
      </c>
      <c r="AH33" s="198">
        <v>7</v>
      </c>
      <c r="AI33" s="192">
        <v>0</v>
      </c>
      <c r="AJ33" s="196">
        <v>0</v>
      </c>
      <c r="AK33" s="193">
        <v>0</v>
      </c>
      <c r="AL33" s="195">
        <v>0</v>
      </c>
      <c r="AM33" s="196">
        <v>0</v>
      </c>
      <c r="AN33" s="196">
        <v>0</v>
      </c>
      <c r="AO33" s="196">
        <v>0</v>
      </c>
      <c r="AP33" s="196">
        <v>0</v>
      </c>
      <c r="AQ33" s="196">
        <v>0</v>
      </c>
      <c r="AR33" s="193">
        <v>0</v>
      </c>
      <c r="AS33" s="198">
        <v>0</v>
      </c>
      <c r="AT33" s="192">
        <v>0</v>
      </c>
      <c r="AU33" s="196">
        <v>0</v>
      </c>
      <c r="AV33" s="193">
        <v>0</v>
      </c>
      <c r="AW33" s="195">
        <v>0</v>
      </c>
      <c r="AX33" s="196">
        <v>1</v>
      </c>
      <c r="AY33" s="196">
        <v>1</v>
      </c>
      <c r="AZ33" s="196">
        <v>1</v>
      </c>
      <c r="BA33" s="196">
        <v>1</v>
      </c>
      <c r="BB33" s="196">
        <v>3</v>
      </c>
      <c r="BC33" s="197">
        <v>7</v>
      </c>
      <c r="BD33" s="198">
        <v>7</v>
      </c>
      <c r="BE33" s="192">
        <v>0</v>
      </c>
      <c r="BF33" s="196">
        <v>0</v>
      </c>
      <c r="BG33" s="193">
        <v>0</v>
      </c>
      <c r="BH33" s="195">
        <v>0</v>
      </c>
      <c r="BI33" s="196">
        <v>0</v>
      </c>
      <c r="BJ33" s="196">
        <v>1</v>
      </c>
      <c r="BK33" s="196">
        <v>2</v>
      </c>
      <c r="BL33" s="196">
        <v>1</v>
      </c>
      <c r="BM33" s="196">
        <v>0</v>
      </c>
      <c r="BN33" s="193">
        <v>4</v>
      </c>
      <c r="BO33" s="198">
        <v>4</v>
      </c>
      <c r="BP33" s="192">
        <v>0</v>
      </c>
      <c r="BQ33" s="196">
        <v>0</v>
      </c>
      <c r="BR33" s="193">
        <v>0</v>
      </c>
      <c r="BS33" s="195">
        <v>0</v>
      </c>
      <c r="BT33" s="196">
        <v>0</v>
      </c>
      <c r="BU33" s="196">
        <v>0</v>
      </c>
      <c r="BV33" s="196">
        <v>0</v>
      </c>
      <c r="BW33" s="196">
        <v>0</v>
      </c>
      <c r="BX33" s="196">
        <v>0</v>
      </c>
      <c r="BY33" s="193">
        <v>0</v>
      </c>
      <c r="BZ33" s="198">
        <v>0</v>
      </c>
      <c r="CA33" s="192">
        <v>0</v>
      </c>
      <c r="CB33" s="196">
        <v>0</v>
      </c>
      <c r="CC33" s="193">
        <v>0</v>
      </c>
      <c r="CD33" s="195">
        <v>0</v>
      </c>
      <c r="CE33" s="196">
        <v>0</v>
      </c>
      <c r="CF33" s="196">
        <v>0</v>
      </c>
      <c r="CG33" s="196">
        <v>0</v>
      </c>
      <c r="CH33" s="196">
        <v>2</v>
      </c>
      <c r="CI33" s="196">
        <v>0</v>
      </c>
      <c r="CJ33" s="193">
        <v>2</v>
      </c>
      <c r="CK33" s="198">
        <v>2</v>
      </c>
      <c r="CL33" s="192">
        <v>0</v>
      </c>
      <c r="CM33" s="196">
        <v>0</v>
      </c>
      <c r="CN33" s="193">
        <v>0</v>
      </c>
      <c r="CO33" s="195">
        <v>0</v>
      </c>
      <c r="CP33" s="196">
        <v>0</v>
      </c>
      <c r="CQ33" s="196">
        <v>1</v>
      </c>
      <c r="CR33" s="196">
        <v>0</v>
      </c>
      <c r="CS33" s="196">
        <v>0</v>
      </c>
      <c r="CT33" s="196">
        <v>0</v>
      </c>
      <c r="CU33" s="193">
        <v>1</v>
      </c>
      <c r="CV33" s="198">
        <v>1</v>
      </c>
      <c r="CW33" s="192">
        <v>0</v>
      </c>
      <c r="CX33" s="196">
        <v>0</v>
      </c>
      <c r="CY33" s="193">
        <v>0</v>
      </c>
      <c r="CZ33" s="195">
        <v>0</v>
      </c>
      <c r="DA33" s="196">
        <v>0</v>
      </c>
      <c r="DB33" s="196">
        <v>0</v>
      </c>
      <c r="DC33" s="196">
        <v>0</v>
      </c>
      <c r="DD33" s="196">
        <v>0</v>
      </c>
      <c r="DE33" s="196">
        <v>0</v>
      </c>
      <c r="DF33" s="193">
        <v>0</v>
      </c>
      <c r="DG33" s="198">
        <v>0</v>
      </c>
      <c r="DH33" s="192">
        <v>0</v>
      </c>
      <c r="DI33" s="196">
        <v>0</v>
      </c>
      <c r="DJ33" s="193">
        <v>0</v>
      </c>
      <c r="DK33" s="195">
        <v>0</v>
      </c>
      <c r="DL33" s="196">
        <v>0</v>
      </c>
      <c r="DM33" s="196">
        <v>0</v>
      </c>
      <c r="DN33" s="196">
        <v>0</v>
      </c>
      <c r="DO33" s="196">
        <v>0</v>
      </c>
      <c r="DP33" s="196">
        <v>0</v>
      </c>
      <c r="DQ33" s="193">
        <v>0</v>
      </c>
      <c r="DR33" s="198">
        <v>0</v>
      </c>
      <c r="DS33" s="192">
        <v>0</v>
      </c>
      <c r="DT33" s="196">
        <v>0</v>
      </c>
      <c r="DU33" s="193">
        <v>0</v>
      </c>
      <c r="DV33" s="195">
        <v>0</v>
      </c>
      <c r="DW33" s="196">
        <v>4</v>
      </c>
      <c r="DX33" s="196">
        <v>3</v>
      </c>
      <c r="DY33" s="196">
        <v>1</v>
      </c>
      <c r="DZ33" s="196">
        <v>3</v>
      </c>
      <c r="EA33" s="196">
        <v>1</v>
      </c>
      <c r="EB33" s="193">
        <v>12</v>
      </c>
      <c r="EC33" s="198">
        <v>12</v>
      </c>
      <c r="ED33" s="192">
        <v>0</v>
      </c>
      <c r="EE33" s="196">
        <v>0</v>
      </c>
      <c r="EF33" s="193">
        <v>0</v>
      </c>
      <c r="EG33" s="195">
        <v>0</v>
      </c>
      <c r="EH33" s="196">
        <v>1</v>
      </c>
      <c r="EI33" s="196">
        <v>0</v>
      </c>
      <c r="EJ33" s="196">
        <v>1</v>
      </c>
      <c r="EK33" s="196">
        <v>1</v>
      </c>
      <c r="EL33" s="196">
        <v>1</v>
      </c>
      <c r="EM33" s="193">
        <v>4</v>
      </c>
      <c r="EN33" s="198">
        <v>4</v>
      </c>
      <c r="EO33" s="192">
        <v>1</v>
      </c>
      <c r="EP33" s="196">
        <v>0</v>
      </c>
      <c r="EQ33" s="193">
        <v>1</v>
      </c>
      <c r="ER33" s="195">
        <v>0</v>
      </c>
      <c r="ES33" s="196">
        <v>6</v>
      </c>
      <c r="ET33" s="196">
        <v>5</v>
      </c>
      <c r="EU33" s="196">
        <v>2</v>
      </c>
      <c r="EV33" s="196">
        <v>4</v>
      </c>
      <c r="EW33" s="196">
        <v>2</v>
      </c>
      <c r="EX33" s="193">
        <v>19</v>
      </c>
      <c r="EY33" s="198">
        <v>20</v>
      </c>
    </row>
    <row r="34" spans="1:155" ht="19.5" customHeight="1" x14ac:dyDescent="0.2">
      <c r="A34" s="177" t="s">
        <v>32</v>
      </c>
      <c r="B34" s="192">
        <v>0</v>
      </c>
      <c r="C34" s="196">
        <v>0</v>
      </c>
      <c r="D34" s="458">
        <v>0</v>
      </c>
      <c r="E34" s="195">
        <v>0</v>
      </c>
      <c r="F34" s="196">
        <v>2</v>
      </c>
      <c r="G34" s="196">
        <v>0</v>
      </c>
      <c r="H34" s="196">
        <v>0</v>
      </c>
      <c r="I34" s="196">
        <v>1</v>
      </c>
      <c r="J34" s="196">
        <v>0</v>
      </c>
      <c r="K34" s="197">
        <v>3</v>
      </c>
      <c r="L34" s="198">
        <v>3</v>
      </c>
      <c r="M34" s="192">
        <v>0</v>
      </c>
      <c r="N34" s="196">
        <v>0</v>
      </c>
      <c r="O34" s="193">
        <v>0</v>
      </c>
      <c r="P34" s="195">
        <v>0</v>
      </c>
      <c r="Q34" s="196">
        <v>0</v>
      </c>
      <c r="R34" s="196">
        <v>0</v>
      </c>
      <c r="S34" s="196">
        <v>0</v>
      </c>
      <c r="T34" s="196">
        <v>0</v>
      </c>
      <c r="U34" s="196">
        <v>0</v>
      </c>
      <c r="V34" s="193">
        <v>0</v>
      </c>
      <c r="W34" s="198">
        <v>0</v>
      </c>
      <c r="X34" s="192">
        <v>0</v>
      </c>
      <c r="Y34" s="196">
        <v>0</v>
      </c>
      <c r="Z34" s="193">
        <v>0</v>
      </c>
      <c r="AA34" s="195">
        <v>0</v>
      </c>
      <c r="AB34" s="196">
        <v>1</v>
      </c>
      <c r="AC34" s="196">
        <v>1</v>
      </c>
      <c r="AD34" s="196">
        <v>0</v>
      </c>
      <c r="AE34" s="196">
        <v>1</v>
      </c>
      <c r="AF34" s="196">
        <v>0</v>
      </c>
      <c r="AG34" s="193">
        <v>3</v>
      </c>
      <c r="AH34" s="198">
        <v>3</v>
      </c>
      <c r="AI34" s="192">
        <v>0</v>
      </c>
      <c r="AJ34" s="196">
        <v>0</v>
      </c>
      <c r="AK34" s="193">
        <v>0</v>
      </c>
      <c r="AL34" s="195">
        <v>0</v>
      </c>
      <c r="AM34" s="196">
        <v>0</v>
      </c>
      <c r="AN34" s="196">
        <v>0</v>
      </c>
      <c r="AO34" s="196">
        <v>1</v>
      </c>
      <c r="AP34" s="196">
        <v>0</v>
      </c>
      <c r="AQ34" s="196">
        <v>0</v>
      </c>
      <c r="AR34" s="193">
        <v>1</v>
      </c>
      <c r="AS34" s="198">
        <v>1</v>
      </c>
      <c r="AT34" s="192">
        <v>0</v>
      </c>
      <c r="AU34" s="196">
        <v>1</v>
      </c>
      <c r="AV34" s="193">
        <v>1</v>
      </c>
      <c r="AW34" s="195">
        <v>0</v>
      </c>
      <c r="AX34" s="196">
        <v>2</v>
      </c>
      <c r="AY34" s="196">
        <v>0</v>
      </c>
      <c r="AZ34" s="196">
        <v>1</v>
      </c>
      <c r="BA34" s="196">
        <v>1</v>
      </c>
      <c r="BB34" s="196">
        <v>2</v>
      </c>
      <c r="BC34" s="197">
        <v>6</v>
      </c>
      <c r="BD34" s="198">
        <v>7</v>
      </c>
      <c r="BE34" s="192">
        <v>0</v>
      </c>
      <c r="BF34" s="196">
        <v>0</v>
      </c>
      <c r="BG34" s="193">
        <v>0</v>
      </c>
      <c r="BH34" s="195">
        <v>0</v>
      </c>
      <c r="BI34" s="196">
        <v>3</v>
      </c>
      <c r="BJ34" s="196">
        <v>1</v>
      </c>
      <c r="BK34" s="196">
        <v>0</v>
      </c>
      <c r="BL34" s="196">
        <v>0</v>
      </c>
      <c r="BM34" s="196">
        <v>0</v>
      </c>
      <c r="BN34" s="193">
        <v>4</v>
      </c>
      <c r="BO34" s="198">
        <v>4</v>
      </c>
      <c r="BP34" s="192">
        <v>0</v>
      </c>
      <c r="BQ34" s="196">
        <v>0</v>
      </c>
      <c r="BR34" s="193">
        <v>0</v>
      </c>
      <c r="BS34" s="195">
        <v>0</v>
      </c>
      <c r="BT34" s="196">
        <v>0</v>
      </c>
      <c r="BU34" s="196">
        <v>1</v>
      </c>
      <c r="BV34" s="196">
        <v>2</v>
      </c>
      <c r="BW34" s="196">
        <v>0</v>
      </c>
      <c r="BX34" s="196">
        <v>0</v>
      </c>
      <c r="BY34" s="193">
        <v>3</v>
      </c>
      <c r="BZ34" s="198">
        <v>3</v>
      </c>
      <c r="CA34" s="192">
        <v>0</v>
      </c>
      <c r="CB34" s="196">
        <v>0</v>
      </c>
      <c r="CC34" s="193">
        <v>0</v>
      </c>
      <c r="CD34" s="195">
        <v>0</v>
      </c>
      <c r="CE34" s="196">
        <v>1</v>
      </c>
      <c r="CF34" s="196">
        <v>1</v>
      </c>
      <c r="CG34" s="196">
        <v>0</v>
      </c>
      <c r="CH34" s="196">
        <v>0</v>
      </c>
      <c r="CI34" s="196">
        <v>0</v>
      </c>
      <c r="CJ34" s="193">
        <v>2</v>
      </c>
      <c r="CK34" s="198">
        <v>2</v>
      </c>
      <c r="CL34" s="192">
        <v>0</v>
      </c>
      <c r="CM34" s="196">
        <v>0</v>
      </c>
      <c r="CN34" s="193">
        <v>0</v>
      </c>
      <c r="CO34" s="195">
        <v>0</v>
      </c>
      <c r="CP34" s="196">
        <v>0</v>
      </c>
      <c r="CQ34" s="196">
        <v>1</v>
      </c>
      <c r="CR34" s="196">
        <v>0</v>
      </c>
      <c r="CS34" s="196">
        <v>0</v>
      </c>
      <c r="CT34" s="196">
        <v>0</v>
      </c>
      <c r="CU34" s="193">
        <v>1</v>
      </c>
      <c r="CV34" s="198">
        <v>1</v>
      </c>
      <c r="CW34" s="192">
        <v>0</v>
      </c>
      <c r="CX34" s="196">
        <v>0</v>
      </c>
      <c r="CY34" s="193">
        <v>0</v>
      </c>
      <c r="CZ34" s="195">
        <v>0</v>
      </c>
      <c r="DA34" s="196">
        <v>0</v>
      </c>
      <c r="DB34" s="196">
        <v>0</v>
      </c>
      <c r="DC34" s="196">
        <v>0</v>
      </c>
      <c r="DD34" s="196">
        <v>0</v>
      </c>
      <c r="DE34" s="196">
        <v>0</v>
      </c>
      <c r="DF34" s="193">
        <v>0</v>
      </c>
      <c r="DG34" s="198">
        <v>0</v>
      </c>
      <c r="DH34" s="192">
        <v>0</v>
      </c>
      <c r="DI34" s="196">
        <v>0</v>
      </c>
      <c r="DJ34" s="193">
        <v>0</v>
      </c>
      <c r="DK34" s="195">
        <v>0</v>
      </c>
      <c r="DL34" s="196">
        <v>0</v>
      </c>
      <c r="DM34" s="196">
        <v>0</v>
      </c>
      <c r="DN34" s="196">
        <v>0</v>
      </c>
      <c r="DO34" s="196">
        <v>0</v>
      </c>
      <c r="DP34" s="196">
        <v>0</v>
      </c>
      <c r="DQ34" s="193">
        <v>0</v>
      </c>
      <c r="DR34" s="198">
        <v>0</v>
      </c>
      <c r="DS34" s="192">
        <v>0</v>
      </c>
      <c r="DT34" s="196">
        <v>2</v>
      </c>
      <c r="DU34" s="193">
        <v>2</v>
      </c>
      <c r="DV34" s="195">
        <v>0</v>
      </c>
      <c r="DW34" s="196">
        <v>5</v>
      </c>
      <c r="DX34" s="196">
        <v>1</v>
      </c>
      <c r="DY34" s="196">
        <v>2</v>
      </c>
      <c r="DZ34" s="196">
        <v>1</v>
      </c>
      <c r="EA34" s="196">
        <v>0</v>
      </c>
      <c r="EB34" s="193">
        <v>9</v>
      </c>
      <c r="EC34" s="198">
        <v>11</v>
      </c>
      <c r="ED34" s="192">
        <v>0</v>
      </c>
      <c r="EE34" s="196">
        <v>1</v>
      </c>
      <c r="EF34" s="193">
        <v>1</v>
      </c>
      <c r="EG34" s="195">
        <v>0</v>
      </c>
      <c r="EH34" s="196">
        <v>1</v>
      </c>
      <c r="EI34" s="196">
        <v>1</v>
      </c>
      <c r="EJ34" s="196">
        <v>0</v>
      </c>
      <c r="EK34" s="196">
        <v>0</v>
      </c>
      <c r="EL34" s="196">
        <v>1</v>
      </c>
      <c r="EM34" s="193">
        <v>3</v>
      </c>
      <c r="EN34" s="198">
        <v>4</v>
      </c>
      <c r="EO34" s="192">
        <v>0</v>
      </c>
      <c r="EP34" s="196">
        <v>2</v>
      </c>
      <c r="EQ34" s="193">
        <v>2</v>
      </c>
      <c r="ER34" s="195">
        <v>0</v>
      </c>
      <c r="ES34" s="196">
        <v>8</v>
      </c>
      <c r="ET34" s="196">
        <v>5</v>
      </c>
      <c r="EU34" s="196">
        <v>2</v>
      </c>
      <c r="EV34" s="196">
        <v>1</v>
      </c>
      <c r="EW34" s="196">
        <v>0</v>
      </c>
      <c r="EX34" s="193">
        <v>16</v>
      </c>
      <c r="EY34" s="198">
        <v>18</v>
      </c>
    </row>
    <row r="35" spans="1:155" ht="19.5" customHeight="1" x14ac:dyDescent="0.2">
      <c r="A35" s="177" t="s">
        <v>33</v>
      </c>
      <c r="B35" s="192">
        <v>0</v>
      </c>
      <c r="C35" s="196">
        <v>0</v>
      </c>
      <c r="D35" s="458">
        <v>0</v>
      </c>
      <c r="E35" s="195">
        <v>0</v>
      </c>
      <c r="F35" s="196">
        <v>1</v>
      </c>
      <c r="G35" s="196">
        <v>0</v>
      </c>
      <c r="H35" s="196">
        <v>2</v>
      </c>
      <c r="I35" s="196">
        <v>0</v>
      </c>
      <c r="J35" s="196">
        <v>0</v>
      </c>
      <c r="K35" s="197">
        <v>3</v>
      </c>
      <c r="L35" s="198">
        <v>3</v>
      </c>
      <c r="M35" s="192">
        <v>0</v>
      </c>
      <c r="N35" s="196">
        <v>0</v>
      </c>
      <c r="O35" s="193">
        <v>0</v>
      </c>
      <c r="P35" s="195">
        <v>0</v>
      </c>
      <c r="Q35" s="196">
        <v>0</v>
      </c>
      <c r="R35" s="196">
        <v>0</v>
      </c>
      <c r="S35" s="196">
        <v>0</v>
      </c>
      <c r="T35" s="196">
        <v>0</v>
      </c>
      <c r="U35" s="196">
        <v>0</v>
      </c>
      <c r="V35" s="193">
        <v>0</v>
      </c>
      <c r="W35" s="198">
        <v>0</v>
      </c>
      <c r="X35" s="192">
        <v>0</v>
      </c>
      <c r="Y35" s="196">
        <v>0</v>
      </c>
      <c r="Z35" s="193">
        <v>0</v>
      </c>
      <c r="AA35" s="195">
        <v>0</v>
      </c>
      <c r="AB35" s="196">
        <v>1</v>
      </c>
      <c r="AC35" s="196">
        <v>0</v>
      </c>
      <c r="AD35" s="196">
        <v>2</v>
      </c>
      <c r="AE35" s="196">
        <v>0</v>
      </c>
      <c r="AF35" s="196">
        <v>2</v>
      </c>
      <c r="AG35" s="193">
        <v>5</v>
      </c>
      <c r="AH35" s="198">
        <v>5</v>
      </c>
      <c r="AI35" s="192">
        <v>0</v>
      </c>
      <c r="AJ35" s="196">
        <v>0</v>
      </c>
      <c r="AK35" s="193">
        <v>0</v>
      </c>
      <c r="AL35" s="195">
        <v>0</v>
      </c>
      <c r="AM35" s="196">
        <v>1</v>
      </c>
      <c r="AN35" s="196">
        <v>0</v>
      </c>
      <c r="AO35" s="196">
        <v>1</v>
      </c>
      <c r="AP35" s="196">
        <v>0</v>
      </c>
      <c r="AQ35" s="196">
        <v>1</v>
      </c>
      <c r="AR35" s="193">
        <v>3</v>
      </c>
      <c r="AS35" s="198">
        <v>3</v>
      </c>
      <c r="AT35" s="192">
        <v>0</v>
      </c>
      <c r="AU35" s="196">
        <v>0</v>
      </c>
      <c r="AV35" s="193">
        <v>0</v>
      </c>
      <c r="AW35" s="195">
        <v>0</v>
      </c>
      <c r="AX35" s="196">
        <v>0</v>
      </c>
      <c r="AY35" s="196">
        <v>2</v>
      </c>
      <c r="AZ35" s="196">
        <v>4</v>
      </c>
      <c r="BA35" s="196">
        <v>0</v>
      </c>
      <c r="BB35" s="196">
        <v>1</v>
      </c>
      <c r="BC35" s="197">
        <v>7</v>
      </c>
      <c r="BD35" s="198">
        <v>7</v>
      </c>
      <c r="BE35" s="192">
        <v>0</v>
      </c>
      <c r="BF35" s="196">
        <v>0</v>
      </c>
      <c r="BG35" s="193">
        <v>0</v>
      </c>
      <c r="BH35" s="195">
        <v>0</v>
      </c>
      <c r="BI35" s="196">
        <v>3</v>
      </c>
      <c r="BJ35" s="196">
        <v>0</v>
      </c>
      <c r="BK35" s="196">
        <v>0</v>
      </c>
      <c r="BL35" s="196">
        <v>0</v>
      </c>
      <c r="BM35" s="196">
        <v>0</v>
      </c>
      <c r="BN35" s="193">
        <v>3</v>
      </c>
      <c r="BO35" s="198">
        <v>3</v>
      </c>
      <c r="BP35" s="192">
        <v>0</v>
      </c>
      <c r="BQ35" s="196">
        <v>0</v>
      </c>
      <c r="BR35" s="193">
        <v>0</v>
      </c>
      <c r="BS35" s="195">
        <v>0</v>
      </c>
      <c r="BT35" s="196">
        <v>0</v>
      </c>
      <c r="BU35" s="196">
        <v>0</v>
      </c>
      <c r="BV35" s="196">
        <v>0</v>
      </c>
      <c r="BW35" s="196">
        <v>0</v>
      </c>
      <c r="BX35" s="196">
        <v>0</v>
      </c>
      <c r="BY35" s="193">
        <v>0</v>
      </c>
      <c r="BZ35" s="198">
        <v>0</v>
      </c>
      <c r="CA35" s="192">
        <v>0</v>
      </c>
      <c r="CB35" s="196">
        <v>0</v>
      </c>
      <c r="CC35" s="193">
        <v>0</v>
      </c>
      <c r="CD35" s="195">
        <v>0</v>
      </c>
      <c r="CE35" s="196">
        <v>0</v>
      </c>
      <c r="CF35" s="196">
        <v>0</v>
      </c>
      <c r="CG35" s="196">
        <v>1</v>
      </c>
      <c r="CH35" s="196">
        <v>0</v>
      </c>
      <c r="CI35" s="196">
        <v>0</v>
      </c>
      <c r="CJ35" s="193">
        <v>1</v>
      </c>
      <c r="CK35" s="198">
        <v>1</v>
      </c>
      <c r="CL35" s="192">
        <v>0</v>
      </c>
      <c r="CM35" s="196">
        <v>0</v>
      </c>
      <c r="CN35" s="193">
        <v>0</v>
      </c>
      <c r="CO35" s="195">
        <v>0</v>
      </c>
      <c r="CP35" s="196">
        <v>0</v>
      </c>
      <c r="CQ35" s="196">
        <v>0</v>
      </c>
      <c r="CR35" s="196">
        <v>0</v>
      </c>
      <c r="CS35" s="196">
        <v>0</v>
      </c>
      <c r="CT35" s="196">
        <v>0</v>
      </c>
      <c r="CU35" s="193">
        <v>0</v>
      </c>
      <c r="CV35" s="198">
        <v>0</v>
      </c>
      <c r="CW35" s="192">
        <v>0</v>
      </c>
      <c r="CX35" s="196">
        <v>0</v>
      </c>
      <c r="CY35" s="193">
        <v>0</v>
      </c>
      <c r="CZ35" s="195">
        <v>0</v>
      </c>
      <c r="DA35" s="196">
        <v>0</v>
      </c>
      <c r="DB35" s="196">
        <v>0</v>
      </c>
      <c r="DC35" s="196">
        <v>0</v>
      </c>
      <c r="DD35" s="196">
        <v>0</v>
      </c>
      <c r="DE35" s="196">
        <v>0</v>
      </c>
      <c r="DF35" s="193">
        <v>0</v>
      </c>
      <c r="DG35" s="198">
        <v>0</v>
      </c>
      <c r="DH35" s="192">
        <v>0</v>
      </c>
      <c r="DI35" s="196">
        <v>0</v>
      </c>
      <c r="DJ35" s="193">
        <v>0</v>
      </c>
      <c r="DK35" s="195">
        <v>0</v>
      </c>
      <c r="DL35" s="196">
        <v>0</v>
      </c>
      <c r="DM35" s="196">
        <v>0</v>
      </c>
      <c r="DN35" s="196">
        <v>0</v>
      </c>
      <c r="DO35" s="196">
        <v>0</v>
      </c>
      <c r="DP35" s="196">
        <v>0</v>
      </c>
      <c r="DQ35" s="193">
        <v>0</v>
      </c>
      <c r="DR35" s="198">
        <v>0</v>
      </c>
      <c r="DS35" s="192">
        <v>0</v>
      </c>
      <c r="DT35" s="196">
        <v>3</v>
      </c>
      <c r="DU35" s="193">
        <v>3</v>
      </c>
      <c r="DV35" s="195">
        <v>0</v>
      </c>
      <c r="DW35" s="196">
        <v>1</v>
      </c>
      <c r="DX35" s="196">
        <v>0</v>
      </c>
      <c r="DY35" s="196">
        <v>3</v>
      </c>
      <c r="DZ35" s="196">
        <v>0</v>
      </c>
      <c r="EA35" s="196">
        <v>2</v>
      </c>
      <c r="EB35" s="193">
        <v>6</v>
      </c>
      <c r="EC35" s="198">
        <v>9</v>
      </c>
      <c r="ED35" s="192">
        <v>1</v>
      </c>
      <c r="EE35" s="196">
        <v>0</v>
      </c>
      <c r="EF35" s="193">
        <v>1</v>
      </c>
      <c r="EG35" s="195">
        <v>0</v>
      </c>
      <c r="EH35" s="196">
        <v>0</v>
      </c>
      <c r="EI35" s="196">
        <v>2</v>
      </c>
      <c r="EJ35" s="196">
        <v>4</v>
      </c>
      <c r="EK35" s="196">
        <v>0</v>
      </c>
      <c r="EL35" s="196">
        <v>0</v>
      </c>
      <c r="EM35" s="193">
        <v>6</v>
      </c>
      <c r="EN35" s="198">
        <v>7</v>
      </c>
      <c r="EO35" s="192">
        <v>0</v>
      </c>
      <c r="EP35" s="196">
        <v>3</v>
      </c>
      <c r="EQ35" s="193">
        <v>3</v>
      </c>
      <c r="ER35" s="195">
        <v>0</v>
      </c>
      <c r="ES35" s="196">
        <v>6</v>
      </c>
      <c r="ET35" s="196">
        <v>0</v>
      </c>
      <c r="EU35" s="196">
        <v>3</v>
      </c>
      <c r="EV35" s="196">
        <v>0</v>
      </c>
      <c r="EW35" s="196">
        <v>2</v>
      </c>
      <c r="EX35" s="193">
        <v>11</v>
      </c>
      <c r="EY35" s="198">
        <v>14</v>
      </c>
    </row>
    <row r="36" spans="1:155" ht="19.5" customHeight="1" x14ac:dyDescent="0.2">
      <c r="A36" s="177" t="s">
        <v>34</v>
      </c>
      <c r="B36" s="192">
        <v>0</v>
      </c>
      <c r="C36" s="196">
        <v>0</v>
      </c>
      <c r="D36" s="458">
        <v>0</v>
      </c>
      <c r="E36" s="195">
        <v>0</v>
      </c>
      <c r="F36" s="196">
        <v>0</v>
      </c>
      <c r="G36" s="196">
        <v>0</v>
      </c>
      <c r="H36" s="196">
        <v>1</v>
      </c>
      <c r="I36" s="196">
        <v>1</v>
      </c>
      <c r="J36" s="196">
        <v>0</v>
      </c>
      <c r="K36" s="197">
        <v>2</v>
      </c>
      <c r="L36" s="198">
        <v>2</v>
      </c>
      <c r="M36" s="192">
        <v>0</v>
      </c>
      <c r="N36" s="196">
        <v>0</v>
      </c>
      <c r="O36" s="193">
        <v>0</v>
      </c>
      <c r="P36" s="195">
        <v>0</v>
      </c>
      <c r="Q36" s="196">
        <v>0</v>
      </c>
      <c r="R36" s="196">
        <v>0</v>
      </c>
      <c r="S36" s="196">
        <v>0</v>
      </c>
      <c r="T36" s="196">
        <v>0</v>
      </c>
      <c r="U36" s="196">
        <v>0</v>
      </c>
      <c r="V36" s="193">
        <v>0</v>
      </c>
      <c r="W36" s="198">
        <v>0</v>
      </c>
      <c r="X36" s="192">
        <v>0</v>
      </c>
      <c r="Y36" s="196">
        <v>0</v>
      </c>
      <c r="Z36" s="193">
        <v>0</v>
      </c>
      <c r="AA36" s="195">
        <v>0</v>
      </c>
      <c r="AB36" s="196">
        <v>0</v>
      </c>
      <c r="AC36" s="196">
        <v>0</v>
      </c>
      <c r="AD36" s="196">
        <v>0</v>
      </c>
      <c r="AE36" s="196">
        <v>0</v>
      </c>
      <c r="AF36" s="196">
        <v>0</v>
      </c>
      <c r="AG36" s="193">
        <v>0</v>
      </c>
      <c r="AH36" s="198">
        <v>0</v>
      </c>
      <c r="AI36" s="192">
        <v>0</v>
      </c>
      <c r="AJ36" s="196">
        <v>0</v>
      </c>
      <c r="AK36" s="193">
        <v>0</v>
      </c>
      <c r="AL36" s="195">
        <v>0</v>
      </c>
      <c r="AM36" s="196">
        <v>1</v>
      </c>
      <c r="AN36" s="196">
        <v>0</v>
      </c>
      <c r="AO36" s="196">
        <v>0</v>
      </c>
      <c r="AP36" s="196">
        <v>0</v>
      </c>
      <c r="AQ36" s="196">
        <v>0</v>
      </c>
      <c r="AR36" s="193">
        <v>1</v>
      </c>
      <c r="AS36" s="198">
        <v>1</v>
      </c>
      <c r="AT36" s="192">
        <v>0</v>
      </c>
      <c r="AU36" s="196">
        <v>0</v>
      </c>
      <c r="AV36" s="193">
        <v>0</v>
      </c>
      <c r="AW36" s="195">
        <v>0</v>
      </c>
      <c r="AX36" s="196">
        <v>2</v>
      </c>
      <c r="AY36" s="196">
        <v>2</v>
      </c>
      <c r="AZ36" s="196">
        <v>1</v>
      </c>
      <c r="BA36" s="196">
        <v>1</v>
      </c>
      <c r="BB36" s="196">
        <v>0</v>
      </c>
      <c r="BC36" s="197">
        <v>6</v>
      </c>
      <c r="BD36" s="198">
        <v>6</v>
      </c>
      <c r="BE36" s="192">
        <v>0</v>
      </c>
      <c r="BF36" s="196">
        <v>0</v>
      </c>
      <c r="BG36" s="193">
        <v>0</v>
      </c>
      <c r="BH36" s="195">
        <v>0</v>
      </c>
      <c r="BI36" s="196">
        <v>0</v>
      </c>
      <c r="BJ36" s="196">
        <v>1</v>
      </c>
      <c r="BK36" s="196">
        <v>1</v>
      </c>
      <c r="BL36" s="196">
        <v>1</v>
      </c>
      <c r="BM36" s="196">
        <v>0</v>
      </c>
      <c r="BN36" s="193">
        <v>3</v>
      </c>
      <c r="BO36" s="198">
        <v>3</v>
      </c>
      <c r="BP36" s="192">
        <v>0</v>
      </c>
      <c r="BQ36" s="196">
        <v>0</v>
      </c>
      <c r="BR36" s="193">
        <v>0</v>
      </c>
      <c r="BS36" s="195">
        <v>0</v>
      </c>
      <c r="BT36" s="196">
        <v>1</v>
      </c>
      <c r="BU36" s="196">
        <v>0</v>
      </c>
      <c r="BV36" s="196">
        <v>0</v>
      </c>
      <c r="BW36" s="196">
        <v>0</v>
      </c>
      <c r="BX36" s="196">
        <v>0</v>
      </c>
      <c r="BY36" s="193">
        <v>1</v>
      </c>
      <c r="BZ36" s="198">
        <v>1</v>
      </c>
      <c r="CA36" s="192">
        <v>0</v>
      </c>
      <c r="CB36" s="196">
        <v>0</v>
      </c>
      <c r="CC36" s="193">
        <v>0</v>
      </c>
      <c r="CD36" s="195">
        <v>0</v>
      </c>
      <c r="CE36" s="196">
        <v>0</v>
      </c>
      <c r="CF36" s="196">
        <v>0</v>
      </c>
      <c r="CG36" s="196">
        <v>0</v>
      </c>
      <c r="CH36" s="196">
        <v>0</v>
      </c>
      <c r="CI36" s="196">
        <v>0</v>
      </c>
      <c r="CJ36" s="193">
        <v>0</v>
      </c>
      <c r="CK36" s="198">
        <v>0</v>
      </c>
      <c r="CL36" s="192">
        <v>0</v>
      </c>
      <c r="CM36" s="196">
        <v>0</v>
      </c>
      <c r="CN36" s="193">
        <v>0</v>
      </c>
      <c r="CO36" s="195">
        <v>0</v>
      </c>
      <c r="CP36" s="196">
        <v>0</v>
      </c>
      <c r="CQ36" s="196">
        <v>0</v>
      </c>
      <c r="CR36" s="196">
        <v>0</v>
      </c>
      <c r="CS36" s="196">
        <v>0</v>
      </c>
      <c r="CT36" s="196">
        <v>0</v>
      </c>
      <c r="CU36" s="193">
        <v>0</v>
      </c>
      <c r="CV36" s="198">
        <v>0</v>
      </c>
      <c r="CW36" s="192">
        <v>0</v>
      </c>
      <c r="CX36" s="196">
        <v>0</v>
      </c>
      <c r="CY36" s="193">
        <v>0</v>
      </c>
      <c r="CZ36" s="195">
        <v>0</v>
      </c>
      <c r="DA36" s="196">
        <v>0</v>
      </c>
      <c r="DB36" s="196">
        <v>0</v>
      </c>
      <c r="DC36" s="196">
        <v>0</v>
      </c>
      <c r="DD36" s="196">
        <v>0</v>
      </c>
      <c r="DE36" s="196">
        <v>0</v>
      </c>
      <c r="DF36" s="193">
        <v>0</v>
      </c>
      <c r="DG36" s="198">
        <v>0</v>
      </c>
      <c r="DH36" s="192">
        <v>0</v>
      </c>
      <c r="DI36" s="196">
        <v>0</v>
      </c>
      <c r="DJ36" s="193">
        <v>0</v>
      </c>
      <c r="DK36" s="195">
        <v>0</v>
      </c>
      <c r="DL36" s="196">
        <v>0</v>
      </c>
      <c r="DM36" s="196">
        <v>0</v>
      </c>
      <c r="DN36" s="196">
        <v>0</v>
      </c>
      <c r="DO36" s="196">
        <v>0</v>
      </c>
      <c r="DP36" s="196">
        <v>0</v>
      </c>
      <c r="DQ36" s="193">
        <v>0</v>
      </c>
      <c r="DR36" s="198">
        <v>0</v>
      </c>
      <c r="DS36" s="192">
        <v>0</v>
      </c>
      <c r="DT36" s="196">
        <v>1</v>
      </c>
      <c r="DU36" s="193">
        <v>1</v>
      </c>
      <c r="DV36" s="195">
        <v>0</v>
      </c>
      <c r="DW36" s="196">
        <v>2</v>
      </c>
      <c r="DX36" s="196">
        <v>1</v>
      </c>
      <c r="DY36" s="196">
        <v>2</v>
      </c>
      <c r="DZ36" s="196">
        <v>2</v>
      </c>
      <c r="EA36" s="196">
        <v>0</v>
      </c>
      <c r="EB36" s="193">
        <v>7</v>
      </c>
      <c r="EC36" s="198">
        <v>8</v>
      </c>
      <c r="ED36" s="192">
        <v>0</v>
      </c>
      <c r="EE36" s="196">
        <v>0</v>
      </c>
      <c r="EF36" s="193">
        <v>0</v>
      </c>
      <c r="EG36" s="195">
        <v>0</v>
      </c>
      <c r="EH36" s="196">
        <v>0</v>
      </c>
      <c r="EI36" s="196">
        <v>1</v>
      </c>
      <c r="EJ36" s="196">
        <v>0</v>
      </c>
      <c r="EK36" s="196">
        <v>0</v>
      </c>
      <c r="EL36" s="196">
        <v>0</v>
      </c>
      <c r="EM36" s="193">
        <v>1</v>
      </c>
      <c r="EN36" s="198">
        <v>1</v>
      </c>
      <c r="EO36" s="192">
        <v>0</v>
      </c>
      <c r="EP36" s="196">
        <v>1</v>
      </c>
      <c r="EQ36" s="193">
        <v>1</v>
      </c>
      <c r="ER36" s="195">
        <v>0</v>
      </c>
      <c r="ES36" s="196">
        <v>2</v>
      </c>
      <c r="ET36" s="196">
        <v>2</v>
      </c>
      <c r="EU36" s="196">
        <v>2</v>
      </c>
      <c r="EV36" s="196">
        <v>2</v>
      </c>
      <c r="EW36" s="196">
        <v>0</v>
      </c>
      <c r="EX36" s="193">
        <v>8</v>
      </c>
      <c r="EY36" s="198">
        <v>9</v>
      </c>
    </row>
    <row r="37" spans="1:155" ht="19.5" customHeight="1" x14ac:dyDescent="0.2">
      <c r="A37" s="177" t="s">
        <v>35</v>
      </c>
      <c r="B37" s="192">
        <v>0</v>
      </c>
      <c r="C37" s="196">
        <v>0</v>
      </c>
      <c r="D37" s="458">
        <v>0</v>
      </c>
      <c r="E37" s="195">
        <v>0</v>
      </c>
      <c r="F37" s="196">
        <v>8</v>
      </c>
      <c r="G37" s="196">
        <v>3</v>
      </c>
      <c r="H37" s="196">
        <v>3</v>
      </c>
      <c r="I37" s="196">
        <v>2</v>
      </c>
      <c r="J37" s="196">
        <v>0</v>
      </c>
      <c r="K37" s="197">
        <v>16</v>
      </c>
      <c r="L37" s="198">
        <v>16</v>
      </c>
      <c r="M37" s="192">
        <v>0</v>
      </c>
      <c r="N37" s="196">
        <v>0</v>
      </c>
      <c r="O37" s="193">
        <v>0</v>
      </c>
      <c r="P37" s="195">
        <v>0</v>
      </c>
      <c r="Q37" s="196">
        <v>0</v>
      </c>
      <c r="R37" s="196">
        <v>0</v>
      </c>
      <c r="S37" s="196">
        <v>0</v>
      </c>
      <c r="T37" s="196">
        <v>0</v>
      </c>
      <c r="U37" s="196">
        <v>0</v>
      </c>
      <c r="V37" s="193">
        <v>0</v>
      </c>
      <c r="W37" s="198">
        <v>0</v>
      </c>
      <c r="X37" s="192">
        <v>0</v>
      </c>
      <c r="Y37" s="196">
        <v>0</v>
      </c>
      <c r="Z37" s="193">
        <v>0</v>
      </c>
      <c r="AA37" s="195">
        <v>0</v>
      </c>
      <c r="AB37" s="196">
        <v>0</v>
      </c>
      <c r="AC37" s="196">
        <v>2</v>
      </c>
      <c r="AD37" s="196">
        <v>2</v>
      </c>
      <c r="AE37" s="196">
        <v>1</v>
      </c>
      <c r="AF37" s="196">
        <v>0</v>
      </c>
      <c r="AG37" s="193">
        <v>5</v>
      </c>
      <c r="AH37" s="198">
        <v>5</v>
      </c>
      <c r="AI37" s="192">
        <v>0</v>
      </c>
      <c r="AJ37" s="196">
        <v>0</v>
      </c>
      <c r="AK37" s="193">
        <v>0</v>
      </c>
      <c r="AL37" s="195">
        <v>0</v>
      </c>
      <c r="AM37" s="196">
        <v>0</v>
      </c>
      <c r="AN37" s="196">
        <v>1</v>
      </c>
      <c r="AO37" s="196">
        <v>1</v>
      </c>
      <c r="AP37" s="196">
        <v>0</v>
      </c>
      <c r="AQ37" s="196">
        <v>0</v>
      </c>
      <c r="AR37" s="193">
        <v>2</v>
      </c>
      <c r="AS37" s="198">
        <v>2</v>
      </c>
      <c r="AT37" s="192">
        <v>3</v>
      </c>
      <c r="AU37" s="196">
        <v>2</v>
      </c>
      <c r="AV37" s="193">
        <v>5</v>
      </c>
      <c r="AW37" s="195">
        <v>0</v>
      </c>
      <c r="AX37" s="196">
        <v>3</v>
      </c>
      <c r="AY37" s="196">
        <v>2</v>
      </c>
      <c r="AZ37" s="196">
        <v>3</v>
      </c>
      <c r="BA37" s="196">
        <v>6</v>
      </c>
      <c r="BB37" s="196">
        <v>0</v>
      </c>
      <c r="BC37" s="197">
        <v>14</v>
      </c>
      <c r="BD37" s="198">
        <v>19</v>
      </c>
      <c r="BE37" s="192">
        <v>0</v>
      </c>
      <c r="BF37" s="196">
        <v>0</v>
      </c>
      <c r="BG37" s="193">
        <v>0</v>
      </c>
      <c r="BH37" s="195">
        <v>0</v>
      </c>
      <c r="BI37" s="196">
        <v>4</v>
      </c>
      <c r="BJ37" s="196">
        <v>3</v>
      </c>
      <c r="BK37" s="196">
        <v>0</v>
      </c>
      <c r="BL37" s="196">
        <v>1</v>
      </c>
      <c r="BM37" s="196">
        <v>0</v>
      </c>
      <c r="BN37" s="193">
        <v>8</v>
      </c>
      <c r="BO37" s="198">
        <v>8</v>
      </c>
      <c r="BP37" s="192">
        <v>0</v>
      </c>
      <c r="BQ37" s="196">
        <v>1</v>
      </c>
      <c r="BR37" s="193">
        <v>1</v>
      </c>
      <c r="BS37" s="195">
        <v>0</v>
      </c>
      <c r="BT37" s="196">
        <v>1</v>
      </c>
      <c r="BU37" s="196">
        <v>2</v>
      </c>
      <c r="BV37" s="196">
        <v>1</v>
      </c>
      <c r="BW37" s="196">
        <v>1</v>
      </c>
      <c r="BX37" s="196">
        <v>1</v>
      </c>
      <c r="BY37" s="193">
        <v>6</v>
      </c>
      <c r="BZ37" s="198">
        <v>7</v>
      </c>
      <c r="CA37" s="192">
        <v>0</v>
      </c>
      <c r="CB37" s="196">
        <v>0</v>
      </c>
      <c r="CC37" s="193">
        <v>0</v>
      </c>
      <c r="CD37" s="195">
        <v>0</v>
      </c>
      <c r="CE37" s="196">
        <v>1</v>
      </c>
      <c r="CF37" s="196">
        <v>0</v>
      </c>
      <c r="CG37" s="196">
        <v>0</v>
      </c>
      <c r="CH37" s="196">
        <v>0</v>
      </c>
      <c r="CI37" s="196">
        <v>0</v>
      </c>
      <c r="CJ37" s="193">
        <v>1</v>
      </c>
      <c r="CK37" s="198">
        <v>1</v>
      </c>
      <c r="CL37" s="192">
        <v>0</v>
      </c>
      <c r="CM37" s="196">
        <v>0</v>
      </c>
      <c r="CN37" s="193">
        <v>0</v>
      </c>
      <c r="CO37" s="195">
        <v>0</v>
      </c>
      <c r="CP37" s="196">
        <v>0</v>
      </c>
      <c r="CQ37" s="196">
        <v>0</v>
      </c>
      <c r="CR37" s="196">
        <v>0</v>
      </c>
      <c r="CS37" s="196">
        <v>0</v>
      </c>
      <c r="CT37" s="196">
        <v>0</v>
      </c>
      <c r="CU37" s="193">
        <v>0</v>
      </c>
      <c r="CV37" s="198">
        <v>0</v>
      </c>
      <c r="CW37" s="192">
        <v>0</v>
      </c>
      <c r="CX37" s="196">
        <v>0</v>
      </c>
      <c r="CY37" s="193">
        <v>0</v>
      </c>
      <c r="CZ37" s="195">
        <v>0</v>
      </c>
      <c r="DA37" s="196">
        <v>0</v>
      </c>
      <c r="DB37" s="196">
        <v>0</v>
      </c>
      <c r="DC37" s="196">
        <v>0</v>
      </c>
      <c r="DD37" s="196">
        <v>0</v>
      </c>
      <c r="DE37" s="196">
        <v>0</v>
      </c>
      <c r="DF37" s="193">
        <v>0</v>
      </c>
      <c r="DG37" s="198">
        <v>0</v>
      </c>
      <c r="DH37" s="192">
        <v>0</v>
      </c>
      <c r="DI37" s="196">
        <v>0</v>
      </c>
      <c r="DJ37" s="193">
        <v>0</v>
      </c>
      <c r="DK37" s="195">
        <v>0</v>
      </c>
      <c r="DL37" s="196">
        <v>0</v>
      </c>
      <c r="DM37" s="196">
        <v>0</v>
      </c>
      <c r="DN37" s="196">
        <v>0</v>
      </c>
      <c r="DO37" s="196">
        <v>0</v>
      </c>
      <c r="DP37" s="196">
        <v>0</v>
      </c>
      <c r="DQ37" s="193">
        <v>0</v>
      </c>
      <c r="DR37" s="198">
        <v>0</v>
      </c>
      <c r="DS37" s="192">
        <v>1</v>
      </c>
      <c r="DT37" s="196">
        <v>1</v>
      </c>
      <c r="DU37" s="193">
        <v>2</v>
      </c>
      <c r="DV37" s="195">
        <v>0</v>
      </c>
      <c r="DW37" s="196">
        <v>4</v>
      </c>
      <c r="DX37" s="196">
        <v>7</v>
      </c>
      <c r="DY37" s="196">
        <v>3</v>
      </c>
      <c r="DZ37" s="196">
        <v>3</v>
      </c>
      <c r="EA37" s="196">
        <v>1</v>
      </c>
      <c r="EB37" s="193">
        <v>18</v>
      </c>
      <c r="EC37" s="198">
        <v>20</v>
      </c>
      <c r="ED37" s="192">
        <v>3</v>
      </c>
      <c r="EE37" s="196">
        <v>2</v>
      </c>
      <c r="EF37" s="193">
        <v>5</v>
      </c>
      <c r="EG37" s="195">
        <v>0</v>
      </c>
      <c r="EH37" s="196">
        <v>2</v>
      </c>
      <c r="EI37" s="196">
        <v>0</v>
      </c>
      <c r="EJ37" s="196">
        <v>2</v>
      </c>
      <c r="EK37" s="196">
        <v>3</v>
      </c>
      <c r="EL37" s="196">
        <v>0</v>
      </c>
      <c r="EM37" s="193">
        <v>7</v>
      </c>
      <c r="EN37" s="198">
        <v>12</v>
      </c>
      <c r="EO37" s="192">
        <v>1</v>
      </c>
      <c r="EP37" s="196">
        <v>2</v>
      </c>
      <c r="EQ37" s="193">
        <v>3</v>
      </c>
      <c r="ER37" s="195">
        <v>0</v>
      </c>
      <c r="ES37" s="196">
        <v>13</v>
      </c>
      <c r="ET37" s="196">
        <v>9</v>
      </c>
      <c r="EU37" s="196">
        <v>3</v>
      </c>
      <c r="EV37" s="196">
        <v>3</v>
      </c>
      <c r="EW37" s="196">
        <v>1</v>
      </c>
      <c r="EX37" s="193">
        <v>29</v>
      </c>
      <c r="EY37" s="198">
        <v>32</v>
      </c>
    </row>
    <row r="38" spans="1:155" ht="19.5" customHeight="1" x14ac:dyDescent="0.2">
      <c r="A38" s="177" t="s">
        <v>36</v>
      </c>
      <c r="B38" s="192">
        <v>0</v>
      </c>
      <c r="C38" s="196">
        <v>0</v>
      </c>
      <c r="D38" s="458">
        <v>0</v>
      </c>
      <c r="E38" s="195">
        <v>0</v>
      </c>
      <c r="F38" s="196">
        <v>2</v>
      </c>
      <c r="G38" s="196">
        <v>1</v>
      </c>
      <c r="H38" s="196">
        <v>1</v>
      </c>
      <c r="I38" s="196">
        <v>3</v>
      </c>
      <c r="J38" s="196">
        <v>0</v>
      </c>
      <c r="K38" s="197">
        <v>7</v>
      </c>
      <c r="L38" s="198">
        <v>7</v>
      </c>
      <c r="M38" s="192">
        <v>0</v>
      </c>
      <c r="N38" s="196">
        <v>0</v>
      </c>
      <c r="O38" s="193">
        <v>0</v>
      </c>
      <c r="P38" s="195">
        <v>0</v>
      </c>
      <c r="Q38" s="196">
        <v>0</v>
      </c>
      <c r="R38" s="196">
        <v>0</v>
      </c>
      <c r="S38" s="196">
        <v>0</v>
      </c>
      <c r="T38" s="196">
        <v>0</v>
      </c>
      <c r="U38" s="196">
        <v>0</v>
      </c>
      <c r="V38" s="193">
        <v>0</v>
      </c>
      <c r="W38" s="198">
        <v>0</v>
      </c>
      <c r="X38" s="192">
        <v>0</v>
      </c>
      <c r="Y38" s="196">
        <v>2</v>
      </c>
      <c r="Z38" s="193">
        <v>2</v>
      </c>
      <c r="AA38" s="195">
        <v>0</v>
      </c>
      <c r="AB38" s="196">
        <v>2</v>
      </c>
      <c r="AC38" s="196">
        <v>2</v>
      </c>
      <c r="AD38" s="196">
        <v>1</v>
      </c>
      <c r="AE38" s="196">
        <v>3</v>
      </c>
      <c r="AF38" s="196">
        <v>1</v>
      </c>
      <c r="AG38" s="193">
        <v>9</v>
      </c>
      <c r="AH38" s="198">
        <v>11</v>
      </c>
      <c r="AI38" s="192">
        <v>0</v>
      </c>
      <c r="AJ38" s="196">
        <v>0</v>
      </c>
      <c r="AK38" s="193">
        <v>0</v>
      </c>
      <c r="AL38" s="195">
        <v>0</v>
      </c>
      <c r="AM38" s="196">
        <v>0</v>
      </c>
      <c r="AN38" s="196">
        <v>0</v>
      </c>
      <c r="AO38" s="196">
        <v>0</v>
      </c>
      <c r="AP38" s="196">
        <v>2</v>
      </c>
      <c r="AQ38" s="196">
        <v>0</v>
      </c>
      <c r="AR38" s="193">
        <v>2</v>
      </c>
      <c r="AS38" s="198">
        <v>2</v>
      </c>
      <c r="AT38" s="192">
        <v>0</v>
      </c>
      <c r="AU38" s="196">
        <v>0</v>
      </c>
      <c r="AV38" s="193">
        <v>0</v>
      </c>
      <c r="AW38" s="195">
        <v>0</v>
      </c>
      <c r="AX38" s="196">
        <v>0</v>
      </c>
      <c r="AY38" s="196">
        <v>1</v>
      </c>
      <c r="AZ38" s="196">
        <v>5</v>
      </c>
      <c r="BA38" s="196">
        <v>6</v>
      </c>
      <c r="BB38" s="196">
        <v>0</v>
      </c>
      <c r="BC38" s="197">
        <v>12</v>
      </c>
      <c r="BD38" s="198">
        <v>12</v>
      </c>
      <c r="BE38" s="192">
        <v>0</v>
      </c>
      <c r="BF38" s="196">
        <v>0</v>
      </c>
      <c r="BG38" s="193">
        <v>0</v>
      </c>
      <c r="BH38" s="195">
        <v>0</v>
      </c>
      <c r="BI38" s="196">
        <v>3</v>
      </c>
      <c r="BJ38" s="196">
        <v>3</v>
      </c>
      <c r="BK38" s="196">
        <v>1</v>
      </c>
      <c r="BL38" s="196">
        <v>1</v>
      </c>
      <c r="BM38" s="196">
        <v>0</v>
      </c>
      <c r="BN38" s="193">
        <v>8</v>
      </c>
      <c r="BO38" s="198">
        <v>8</v>
      </c>
      <c r="BP38" s="192">
        <v>0</v>
      </c>
      <c r="BQ38" s="196">
        <v>1</v>
      </c>
      <c r="BR38" s="193">
        <v>1</v>
      </c>
      <c r="BS38" s="195">
        <v>0</v>
      </c>
      <c r="BT38" s="196">
        <v>1</v>
      </c>
      <c r="BU38" s="196">
        <v>0</v>
      </c>
      <c r="BV38" s="196">
        <v>0</v>
      </c>
      <c r="BW38" s="196">
        <v>1</v>
      </c>
      <c r="BX38" s="196">
        <v>0</v>
      </c>
      <c r="BY38" s="193">
        <v>2</v>
      </c>
      <c r="BZ38" s="198">
        <v>3</v>
      </c>
      <c r="CA38" s="192">
        <v>0</v>
      </c>
      <c r="CB38" s="196">
        <v>0</v>
      </c>
      <c r="CC38" s="193">
        <v>0</v>
      </c>
      <c r="CD38" s="195">
        <v>0</v>
      </c>
      <c r="CE38" s="196">
        <v>0</v>
      </c>
      <c r="CF38" s="196">
        <v>1</v>
      </c>
      <c r="CG38" s="196">
        <v>1</v>
      </c>
      <c r="CH38" s="196">
        <v>1</v>
      </c>
      <c r="CI38" s="196">
        <v>0</v>
      </c>
      <c r="CJ38" s="193">
        <v>3</v>
      </c>
      <c r="CK38" s="198">
        <v>3</v>
      </c>
      <c r="CL38" s="192">
        <v>0</v>
      </c>
      <c r="CM38" s="196">
        <v>0</v>
      </c>
      <c r="CN38" s="193">
        <v>0</v>
      </c>
      <c r="CO38" s="195">
        <v>0</v>
      </c>
      <c r="CP38" s="196">
        <v>0</v>
      </c>
      <c r="CQ38" s="196">
        <v>0</v>
      </c>
      <c r="CR38" s="196">
        <v>0</v>
      </c>
      <c r="CS38" s="196">
        <v>0</v>
      </c>
      <c r="CT38" s="196">
        <v>0</v>
      </c>
      <c r="CU38" s="193">
        <v>0</v>
      </c>
      <c r="CV38" s="198">
        <v>0</v>
      </c>
      <c r="CW38" s="192">
        <v>0</v>
      </c>
      <c r="CX38" s="196">
        <v>0</v>
      </c>
      <c r="CY38" s="193">
        <v>0</v>
      </c>
      <c r="CZ38" s="195">
        <v>0</v>
      </c>
      <c r="DA38" s="196">
        <v>0</v>
      </c>
      <c r="DB38" s="196">
        <v>0</v>
      </c>
      <c r="DC38" s="196">
        <v>0</v>
      </c>
      <c r="DD38" s="196">
        <v>0</v>
      </c>
      <c r="DE38" s="196">
        <v>0</v>
      </c>
      <c r="DF38" s="193">
        <v>0</v>
      </c>
      <c r="DG38" s="198">
        <v>0</v>
      </c>
      <c r="DH38" s="192">
        <v>0</v>
      </c>
      <c r="DI38" s="196">
        <v>0</v>
      </c>
      <c r="DJ38" s="193">
        <v>0</v>
      </c>
      <c r="DK38" s="195">
        <v>0</v>
      </c>
      <c r="DL38" s="196">
        <v>0</v>
      </c>
      <c r="DM38" s="196">
        <v>0</v>
      </c>
      <c r="DN38" s="196">
        <v>0</v>
      </c>
      <c r="DO38" s="196">
        <v>0</v>
      </c>
      <c r="DP38" s="196">
        <v>0</v>
      </c>
      <c r="DQ38" s="193">
        <v>0</v>
      </c>
      <c r="DR38" s="198">
        <v>0</v>
      </c>
      <c r="DS38" s="192">
        <v>0</v>
      </c>
      <c r="DT38" s="196">
        <v>2</v>
      </c>
      <c r="DU38" s="193">
        <v>2</v>
      </c>
      <c r="DV38" s="195">
        <v>0</v>
      </c>
      <c r="DW38" s="196">
        <v>4</v>
      </c>
      <c r="DX38" s="196">
        <v>5</v>
      </c>
      <c r="DY38" s="196">
        <v>3</v>
      </c>
      <c r="DZ38" s="196">
        <v>5</v>
      </c>
      <c r="EA38" s="196">
        <v>1</v>
      </c>
      <c r="EB38" s="193">
        <v>18</v>
      </c>
      <c r="EC38" s="198">
        <v>20</v>
      </c>
      <c r="ED38" s="192">
        <v>0</v>
      </c>
      <c r="EE38" s="196">
        <v>0</v>
      </c>
      <c r="EF38" s="193">
        <v>0</v>
      </c>
      <c r="EG38" s="195">
        <v>0</v>
      </c>
      <c r="EH38" s="196">
        <v>0</v>
      </c>
      <c r="EI38" s="196">
        <v>1</v>
      </c>
      <c r="EJ38" s="196">
        <v>2</v>
      </c>
      <c r="EK38" s="196">
        <v>3</v>
      </c>
      <c r="EL38" s="196">
        <v>0</v>
      </c>
      <c r="EM38" s="193">
        <v>6</v>
      </c>
      <c r="EN38" s="198">
        <v>6</v>
      </c>
      <c r="EO38" s="192">
        <v>0</v>
      </c>
      <c r="EP38" s="196">
        <v>4</v>
      </c>
      <c r="EQ38" s="193">
        <v>4</v>
      </c>
      <c r="ER38" s="195">
        <v>0</v>
      </c>
      <c r="ES38" s="196">
        <v>6</v>
      </c>
      <c r="ET38" s="196">
        <v>8</v>
      </c>
      <c r="EU38" s="196">
        <v>2</v>
      </c>
      <c r="EV38" s="196">
        <v>5</v>
      </c>
      <c r="EW38" s="196">
        <v>1</v>
      </c>
      <c r="EX38" s="193">
        <v>22</v>
      </c>
      <c r="EY38" s="198">
        <v>26</v>
      </c>
    </row>
    <row r="39" spans="1:155" ht="19.5" customHeight="1" thickBot="1" x14ac:dyDescent="0.25">
      <c r="A39" s="178" t="s">
        <v>37</v>
      </c>
      <c r="B39" s="199">
        <v>0</v>
      </c>
      <c r="C39" s="203">
        <v>0</v>
      </c>
      <c r="D39" s="459">
        <v>0</v>
      </c>
      <c r="E39" s="202">
        <v>0</v>
      </c>
      <c r="F39" s="203">
        <v>0</v>
      </c>
      <c r="G39" s="203">
        <v>0</v>
      </c>
      <c r="H39" s="203">
        <v>0</v>
      </c>
      <c r="I39" s="203">
        <v>0</v>
      </c>
      <c r="J39" s="203">
        <v>1</v>
      </c>
      <c r="K39" s="204">
        <v>1</v>
      </c>
      <c r="L39" s="205">
        <v>1</v>
      </c>
      <c r="M39" s="199">
        <v>0</v>
      </c>
      <c r="N39" s="203">
        <v>0</v>
      </c>
      <c r="O39" s="200">
        <v>0</v>
      </c>
      <c r="P39" s="202">
        <v>0</v>
      </c>
      <c r="Q39" s="203">
        <v>0</v>
      </c>
      <c r="R39" s="203">
        <v>0</v>
      </c>
      <c r="S39" s="203">
        <v>0</v>
      </c>
      <c r="T39" s="203">
        <v>0</v>
      </c>
      <c r="U39" s="203">
        <v>0</v>
      </c>
      <c r="V39" s="200">
        <v>0</v>
      </c>
      <c r="W39" s="205">
        <v>0</v>
      </c>
      <c r="X39" s="199">
        <v>0</v>
      </c>
      <c r="Y39" s="203">
        <v>0</v>
      </c>
      <c r="Z39" s="200">
        <v>0</v>
      </c>
      <c r="AA39" s="202">
        <v>0</v>
      </c>
      <c r="AB39" s="203">
        <v>0</v>
      </c>
      <c r="AC39" s="203">
        <v>0</v>
      </c>
      <c r="AD39" s="203">
        <v>0</v>
      </c>
      <c r="AE39" s="203">
        <v>0</v>
      </c>
      <c r="AF39" s="203">
        <v>1</v>
      </c>
      <c r="AG39" s="200">
        <v>1</v>
      </c>
      <c r="AH39" s="205">
        <v>1</v>
      </c>
      <c r="AI39" s="199">
        <v>0</v>
      </c>
      <c r="AJ39" s="203">
        <v>0</v>
      </c>
      <c r="AK39" s="200">
        <v>0</v>
      </c>
      <c r="AL39" s="202">
        <v>0</v>
      </c>
      <c r="AM39" s="203">
        <v>0</v>
      </c>
      <c r="AN39" s="203">
        <v>0</v>
      </c>
      <c r="AO39" s="203">
        <v>0</v>
      </c>
      <c r="AP39" s="203">
        <v>0</v>
      </c>
      <c r="AQ39" s="203">
        <v>0</v>
      </c>
      <c r="AR39" s="200">
        <v>0</v>
      </c>
      <c r="AS39" s="205">
        <v>0</v>
      </c>
      <c r="AT39" s="199">
        <v>0</v>
      </c>
      <c r="AU39" s="203">
        <v>0</v>
      </c>
      <c r="AV39" s="200">
        <v>0</v>
      </c>
      <c r="AW39" s="202">
        <v>0</v>
      </c>
      <c r="AX39" s="203">
        <v>0</v>
      </c>
      <c r="AY39" s="203">
        <v>0</v>
      </c>
      <c r="AZ39" s="203">
        <v>0</v>
      </c>
      <c r="BA39" s="203">
        <v>1</v>
      </c>
      <c r="BB39" s="203">
        <v>1</v>
      </c>
      <c r="BC39" s="204">
        <v>2</v>
      </c>
      <c r="BD39" s="205">
        <v>2</v>
      </c>
      <c r="BE39" s="199">
        <v>0</v>
      </c>
      <c r="BF39" s="203">
        <v>0</v>
      </c>
      <c r="BG39" s="200">
        <v>0</v>
      </c>
      <c r="BH39" s="202">
        <v>0</v>
      </c>
      <c r="BI39" s="203">
        <v>0</v>
      </c>
      <c r="BJ39" s="203">
        <v>0</v>
      </c>
      <c r="BK39" s="203">
        <v>0</v>
      </c>
      <c r="BL39" s="203">
        <v>1</v>
      </c>
      <c r="BM39" s="203">
        <v>0</v>
      </c>
      <c r="BN39" s="200">
        <v>1</v>
      </c>
      <c r="BO39" s="205">
        <v>1</v>
      </c>
      <c r="BP39" s="199">
        <v>0</v>
      </c>
      <c r="BQ39" s="203">
        <v>0</v>
      </c>
      <c r="BR39" s="200">
        <v>0</v>
      </c>
      <c r="BS39" s="202">
        <v>0</v>
      </c>
      <c r="BT39" s="203">
        <v>0</v>
      </c>
      <c r="BU39" s="203">
        <v>0</v>
      </c>
      <c r="BV39" s="203">
        <v>0</v>
      </c>
      <c r="BW39" s="203">
        <v>0</v>
      </c>
      <c r="BX39" s="203">
        <v>0</v>
      </c>
      <c r="BY39" s="200">
        <v>0</v>
      </c>
      <c r="BZ39" s="205">
        <v>0</v>
      </c>
      <c r="CA39" s="199">
        <v>0</v>
      </c>
      <c r="CB39" s="203">
        <v>0</v>
      </c>
      <c r="CC39" s="200">
        <v>0</v>
      </c>
      <c r="CD39" s="202">
        <v>0</v>
      </c>
      <c r="CE39" s="203">
        <v>0</v>
      </c>
      <c r="CF39" s="203">
        <v>0</v>
      </c>
      <c r="CG39" s="203">
        <v>0</v>
      </c>
      <c r="CH39" s="203">
        <v>0</v>
      </c>
      <c r="CI39" s="203">
        <v>0</v>
      </c>
      <c r="CJ39" s="200">
        <v>0</v>
      </c>
      <c r="CK39" s="205">
        <v>0</v>
      </c>
      <c r="CL39" s="199">
        <v>0</v>
      </c>
      <c r="CM39" s="203">
        <v>0</v>
      </c>
      <c r="CN39" s="200">
        <v>0</v>
      </c>
      <c r="CO39" s="202">
        <v>0</v>
      </c>
      <c r="CP39" s="203">
        <v>0</v>
      </c>
      <c r="CQ39" s="203">
        <v>0</v>
      </c>
      <c r="CR39" s="203">
        <v>0</v>
      </c>
      <c r="CS39" s="203">
        <v>1</v>
      </c>
      <c r="CT39" s="203">
        <v>0</v>
      </c>
      <c r="CU39" s="200">
        <v>1</v>
      </c>
      <c r="CV39" s="205">
        <v>1</v>
      </c>
      <c r="CW39" s="199">
        <v>0</v>
      </c>
      <c r="CX39" s="203">
        <v>0</v>
      </c>
      <c r="CY39" s="200">
        <v>0</v>
      </c>
      <c r="CZ39" s="202">
        <v>0</v>
      </c>
      <c r="DA39" s="203">
        <v>0</v>
      </c>
      <c r="DB39" s="203">
        <v>0</v>
      </c>
      <c r="DC39" s="203">
        <v>0</v>
      </c>
      <c r="DD39" s="203">
        <v>0</v>
      </c>
      <c r="DE39" s="203">
        <v>0</v>
      </c>
      <c r="DF39" s="200">
        <v>0</v>
      </c>
      <c r="DG39" s="205">
        <v>0</v>
      </c>
      <c r="DH39" s="199">
        <v>0</v>
      </c>
      <c r="DI39" s="203">
        <v>0</v>
      </c>
      <c r="DJ39" s="200">
        <v>0</v>
      </c>
      <c r="DK39" s="202">
        <v>0</v>
      </c>
      <c r="DL39" s="203">
        <v>0</v>
      </c>
      <c r="DM39" s="203">
        <v>0</v>
      </c>
      <c r="DN39" s="203">
        <v>0</v>
      </c>
      <c r="DO39" s="203">
        <v>0</v>
      </c>
      <c r="DP39" s="203">
        <v>0</v>
      </c>
      <c r="DQ39" s="200">
        <v>0</v>
      </c>
      <c r="DR39" s="205">
        <v>0</v>
      </c>
      <c r="DS39" s="199">
        <v>0</v>
      </c>
      <c r="DT39" s="203">
        <v>0</v>
      </c>
      <c r="DU39" s="200">
        <v>0</v>
      </c>
      <c r="DV39" s="202">
        <v>0</v>
      </c>
      <c r="DW39" s="203">
        <v>0</v>
      </c>
      <c r="DX39" s="203">
        <v>0</v>
      </c>
      <c r="DY39" s="203">
        <v>0</v>
      </c>
      <c r="DZ39" s="203">
        <v>1</v>
      </c>
      <c r="EA39" s="203">
        <v>1</v>
      </c>
      <c r="EB39" s="200">
        <v>2</v>
      </c>
      <c r="EC39" s="205">
        <v>2</v>
      </c>
      <c r="ED39" s="199">
        <v>0</v>
      </c>
      <c r="EE39" s="203">
        <v>0</v>
      </c>
      <c r="EF39" s="200">
        <v>0</v>
      </c>
      <c r="EG39" s="202">
        <v>0</v>
      </c>
      <c r="EH39" s="203">
        <v>0</v>
      </c>
      <c r="EI39" s="203">
        <v>0</v>
      </c>
      <c r="EJ39" s="203">
        <v>0</v>
      </c>
      <c r="EK39" s="203">
        <v>1</v>
      </c>
      <c r="EL39" s="203">
        <v>0</v>
      </c>
      <c r="EM39" s="200">
        <v>1</v>
      </c>
      <c r="EN39" s="205">
        <v>1</v>
      </c>
      <c r="EO39" s="199">
        <v>0</v>
      </c>
      <c r="EP39" s="203">
        <v>0</v>
      </c>
      <c r="EQ39" s="200">
        <v>0</v>
      </c>
      <c r="ER39" s="202">
        <v>0</v>
      </c>
      <c r="ES39" s="203">
        <v>0</v>
      </c>
      <c r="ET39" s="203">
        <v>0</v>
      </c>
      <c r="EU39" s="203">
        <v>0</v>
      </c>
      <c r="EV39" s="203">
        <v>1</v>
      </c>
      <c r="EW39" s="203">
        <v>1</v>
      </c>
      <c r="EX39" s="200">
        <v>2</v>
      </c>
      <c r="EY39" s="205">
        <v>2</v>
      </c>
    </row>
  </sheetData>
  <mergeCells count="59">
    <mergeCell ref="EO4:EQ4"/>
    <mergeCell ref="ER4:EX4"/>
    <mergeCell ref="EY4:EY5"/>
    <mergeCell ref="DS4:DU4"/>
    <mergeCell ref="DV4:EB4"/>
    <mergeCell ref="EC4:EC5"/>
    <mergeCell ref="ED4:EF4"/>
    <mergeCell ref="EG4:EM4"/>
    <mergeCell ref="EN4:EN5"/>
    <mergeCell ref="DR4:DR5"/>
    <mergeCell ref="CA4:CC4"/>
    <mergeCell ref="CD4:CJ4"/>
    <mergeCell ref="CK4:CK5"/>
    <mergeCell ref="CL4:CN4"/>
    <mergeCell ref="CO4:CU4"/>
    <mergeCell ref="CV4:CV5"/>
    <mergeCell ref="CW4:CY4"/>
    <mergeCell ref="CZ4:DF4"/>
    <mergeCell ref="DG4:DG5"/>
    <mergeCell ref="DH4:DJ4"/>
    <mergeCell ref="DK4:DQ4"/>
    <mergeCell ref="BZ4:BZ5"/>
    <mergeCell ref="AI4:AK4"/>
    <mergeCell ref="AL4:AR4"/>
    <mergeCell ref="AS4:AS5"/>
    <mergeCell ref="AT4:AV4"/>
    <mergeCell ref="AW4:BC4"/>
    <mergeCell ref="BD4:BD5"/>
    <mergeCell ref="BE4:BG4"/>
    <mergeCell ref="BH4:BN4"/>
    <mergeCell ref="BO4:BO5"/>
    <mergeCell ref="BP4:BR4"/>
    <mergeCell ref="BS4:BY4"/>
    <mergeCell ref="CW3:DG3"/>
    <mergeCell ref="DH3:DR3"/>
    <mergeCell ref="DS3:EC3"/>
    <mergeCell ref="ED3:EN3"/>
    <mergeCell ref="EO3:EY3"/>
    <mergeCell ref="B4:D4"/>
    <mergeCell ref="E4:K4"/>
    <mergeCell ref="L4:L5"/>
    <mergeCell ref="M4:O4"/>
    <mergeCell ref="P4:V4"/>
    <mergeCell ref="CL3:CV3"/>
    <mergeCell ref="H1:I1"/>
    <mergeCell ref="K1:L1"/>
    <mergeCell ref="A3:A5"/>
    <mergeCell ref="B3:L3"/>
    <mergeCell ref="M3:W3"/>
    <mergeCell ref="X3:AH3"/>
    <mergeCell ref="W4:W5"/>
    <mergeCell ref="X4:Z4"/>
    <mergeCell ref="AA4:AG4"/>
    <mergeCell ref="AH4:AH5"/>
    <mergeCell ref="AI3:AS3"/>
    <mergeCell ref="AT3:BD3"/>
    <mergeCell ref="BE3:BO3"/>
    <mergeCell ref="BP3:BZ3"/>
    <mergeCell ref="CA3:CK3"/>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171"/>
    <col min="5" max="5" width="7.77734375" style="171" customWidth="1"/>
    <col min="6" max="6" width="9" style="171"/>
    <col min="7" max="7" width="10.6640625" style="171" customWidth="1"/>
    <col min="8" max="15" width="9" style="171"/>
    <col min="16" max="16" width="7.77734375" style="171" customWidth="1"/>
    <col min="17" max="26" width="9" style="171"/>
    <col min="27" max="27" width="6.88671875" style="171" customWidth="1"/>
    <col min="28" max="37" width="9" style="171"/>
    <col min="38" max="38" width="7.21875" style="171" customWidth="1"/>
    <col min="39" max="48" width="9" style="171"/>
    <col min="49" max="49" width="7.44140625" style="171" customWidth="1"/>
    <col min="50" max="59" width="9" style="171"/>
    <col min="60" max="60" width="7.6640625" style="171" customWidth="1"/>
    <col min="61" max="70" width="9" style="171"/>
    <col min="71" max="71" width="7.88671875" style="171" customWidth="1"/>
    <col min="72" max="81" width="9" style="171"/>
    <col min="82" max="82" width="7" style="171" customWidth="1"/>
    <col min="83" max="92" width="9" style="171"/>
    <col min="93" max="93" width="7.6640625" style="171" customWidth="1"/>
    <col min="94" max="16384" width="9" style="171"/>
  </cols>
  <sheetData>
    <row r="1" spans="1:111" ht="19.5" customHeight="1" x14ac:dyDescent="0.2">
      <c r="A1" s="206" t="s">
        <v>123</v>
      </c>
      <c r="I1" s="487">
        <f>第１表!F2</f>
        <v>4</v>
      </c>
      <c r="J1" s="487"/>
      <c r="K1" s="163">
        <f>第１表!G2</f>
        <v>1</v>
      </c>
      <c r="L1" s="488">
        <f>IF(K1&lt;3,K1+12-2,K1-2)</f>
        <v>11</v>
      </c>
      <c r="M1" s="488"/>
    </row>
    <row r="2" spans="1:111" ht="17.25" customHeight="1" thickBot="1" x14ac:dyDescent="0.25">
      <c r="A2" s="206" t="s">
        <v>139</v>
      </c>
    </row>
    <row r="3" spans="1:111" ht="13.8" thickBot="1" x14ac:dyDescent="0.25">
      <c r="A3" s="508"/>
      <c r="B3" s="511" t="s">
        <v>112</v>
      </c>
      <c r="C3" s="511"/>
      <c r="D3" s="511"/>
      <c r="E3" s="511"/>
      <c r="F3" s="511"/>
      <c r="G3" s="511"/>
      <c r="H3" s="511"/>
      <c r="I3" s="511"/>
      <c r="J3" s="511"/>
      <c r="K3" s="511"/>
      <c r="L3" s="512"/>
      <c r="M3" s="506" t="s">
        <v>111</v>
      </c>
      <c r="N3" s="506"/>
      <c r="O3" s="506"/>
      <c r="P3" s="506"/>
      <c r="Q3" s="506"/>
      <c r="R3" s="506"/>
      <c r="S3" s="506"/>
      <c r="T3" s="506"/>
      <c r="U3" s="506"/>
      <c r="V3" s="506"/>
      <c r="W3" s="507"/>
      <c r="X3" s="505" t="s">
        <v>110</v>
      </c>
      <c r="Y3" s="506"/>
      <c r="Z3" s="506"/>
      <c r="AA3" s="506"/>
      <c r="AB3" s="506"/>
      <c r="AC3" s="506"/>
      <c r="AD3" s="506"/>
      <c r="AE3" s="506"/>
      <c r="AF3" s="506"/>
      <c r="AG3" s="506"/>
      <c r="AH3" s="507"/>
      <c r="AI3" s="505" t="s">
        <v>109</v>
      </c>
      <c r="AJ3" s="506"/>
      <c r="AK3" s="506"/>
      <c r="AL3" s="506"/>
      <c r="AM3" s="506"/>
      <c r="AN3" s="506"/>
      <c r="AO3" s="506"/>
      <c r="AP3" s="506"/>
      <c r="AQ3" s="506"/>
      <c r="AR3" s="506"/>
      <c r="AS3" s="507"/>
      <c r="AT3" s="505" t="s">
        <v>108</v>
      </c>
      <c r="AU3" s="506"/>
      <c r="AV3" s="506"/>
      <c r="AW3" s="506"/>
      <c r="AX3" s="506"/>
      <c r="AY3" s="506"/>
      <c r="AZ3" s="506"/>
      <c r="BA3" s="506"/>
      <c r="BB3" s="506"/>
      <c r="BC3" s="506"/>
      <c r="BD3" s="507"/>
      <c r="BE3" s="505" t="s">
        <v>107</v>
      </c>
      <c r="BF3" s="506"/>
      <c r="BG3" s="506"/>
      <c r="BH3" s="506"/>
      <c r="BI3" s="506"/>
      <c r="BJ3" s="506"/>
      <c r="BK3" s="506"/>
      <c r="BL3" s="506"/>
      <c r="BM3" s="506"/>
      <c r="BN3" s="506"/>
      <c r="BO3" s="507"/>
      <c r="BP3" s="505" t="s">
        <v>106</v>
      </c>
      <c r="BQ3" s="506"/>
      <c r="BR3" s="506"/>
      <c r="BS3" s="506"/>
      <c r="BT3" s="506"/>
      <c r="BU3" s="506"/>
      <c r="BV3" s="506"/>
      <c r="BW3" s="506"/>
      <c r="BX3" s="506"/>
      <c r="BY3" s="506"/>
      <c r="BZ3" s="507"/>
      <c r="CA3" s="505" t="s">
        <v>128</v>
      </c>
      <c r="CB3" s="506"/>
      <c r="CC3" s="506"/>
      <c r="CD3" s="506"/>
      <c r="CE3" s="506"/>
      <c r="CF3" s="506"/>
      <c r="CG3" s="506"/>
      <c r="CH3" s="506"/>
      <c r="CI3" s="506"/>
      <c r="CJ3" s="506"/>
      <c r="CK3" s="507"/>
      <c r="CL3" s="505" t="s">
        <v>105</v>
      </c>
      <c r="CM3" s="506"/>
      <c r="CN3" s="506"/>
      <c r="CO3" s="506"/>
      <c r="CP3" s="506"/>
      <c r="CQ3" s="506"/>
      <c r="CR3" s="506"/>
      <c r="CS3" s="506"/>
      <c r="CT3" s="506"/>
      <c r="CU3" s="506"/>
      <c r="CV3" s="507"/>
      <c r="CW3" s="505" t="s">
        <v>160</v>
      </c>
      <c r="CX3" s="506"/>
      <c r="CY3" s="506"/>
      <c r="CZ3" s="506"/>
      <c r="DA3" s="506"/>
      <c r="DB3" s="506"/>
      <c r="DC3" s="506"/>
      <c r="DD3" s="506"/>
      <c r="DE3" s="506"/>
      <c r="DF3" s="506"/>
      <c r="DG3" s="507"/>
    </row>
    <row r="4" spans="1:111" x14ac:dyDescent="0.2">
      <c r="A4" s="509"/>
      <c r="B4" s="513" t="s">
        <v>61</v>
      </c>
      <c r="C4" s="496"/>
      <c r="D4" s="497"/>
      <c r="E4" s="495" t="s">
        <v>62</v>
      </c>
      <c r="F4" s="496"/>
      <c r="G4" s="496"/>
      <c r="H4" s="496"/>
      <c r="I4" s="496"/>
      <c r="J4" s="496"/>
      <c r="K4" s="504"/>
      <c r="L4" s="498" t="s">
        <v>52</v>
      </c>
      <c r="M4" s="513" t="s">
        <v>61</v>
      </c>
      <c r="N4" s="496"/>
      <c r="O4" s="497"/>
      <c r="P4" s="495" t="s">
        <v>62</v>
      </c>
      <c r="Q4" s="496"/>
      <c r="R4" s="496"/>
      <c r="S4" s="496"/>
      <c r="T4" s="496"/>
      <c r="U4" s="496"/>
      <c r="V4" s="497"/>
      <c r="W4" s="498" t="s">
        <v>52</v>
      </c>
      <c r="X4" s="500" t="s">
        <v>61</v>
      </c>
      <c r="Y4" s="496"/>
      <c r="Z4" s="504"/>
      <c r="AA4" s="495" t="s">
        <v>62</v>
      </c>
      <c r="AB4" s="496"/>
      <c r="AC4" s="496"/>
      <c r="AD4" s="496"/>
      <c r="AE4" s="496"/>
      <c r="AF4" s="496"/>
      <c r="AG4" s="497"/>
      <c r="AH4" s="498" t="s">
        <v>52</v>
      </c>
      <c r="AI4" s="500" t="s">
        <v>61</v>
      </c>
      <c r="AJ4" s="496"/>
      <c r="AK4" s="497"/>
      <c r="AL4" s="495" t="s">
        <v>62</v>
      </c>
      <c r="AM4" s="496"/>
      <c r="AN4" s="496"/>
      <c r="AO4" s="496"/>
      <c r="AP4" s="496"/>
      <c r="AQ4" s="496"/>
      <c r="AR4" s="497"/>
      <c r="AS4" s="498" t="s">
        <v>52</v>
      </c>
      <c r="AT4" s="500" t="s">
        <v>61</v>
      </c>
      <c r="AU4" s="496"/>
      <c r="AV4" s="504"/>
      <c r="AW4" s="495" t="s">
        <v>62</v>
      </c>
      <c r="AX4" s="496"/>
      <c r="AY4" s="496"/>
      <c r="AZ4" s="496"/>
      <c r="BA4" s="496"/>
      <c r="BB4" s="496"/>
      <c r="BC4" s="504"/>
      <c r="BD4" s="498" t="s">
        <v>52</v>
      </c>
      <c r="BE4" s="500" t="s">
        <v>61</v>
      </c>
      <c r="BF4" s="496"/>
      <c r="BG4" s="497"/>
      <c r="BH4" s="495" t="s">
        <v>62</v>
      </c>
      <c r="BI4" s="496"/>
      <c r="BJ4" s="496"/>
      <c r="BK4" s="496"/>
      <c r="BL4" s="496"/>
      <c r="BM4" s="496"/>
      <c r="BN4" s="497"/>
      <c r="BO4" s="498" t="s">
        <v>52</v>
      </c>
      <c r="BP4" s="500" t="s">
        <v>61</v>
      </c>
      <c r="BQ4" s="496"/>
      <c r="BR4" s="497"/>
      <c r="BS4" s="495" t="s">
        <v>62</v>
      </c>
      <c r="BT4" s="496"/>
      <c r="BU4" s="496"/>
      <c r="BV4" s="496"/>
      <c r="BW4" s="496"/>
      <c r="BX4" s="496"/>
      <c r="BY4" s="497"/>
      <c r="BZ4" s="498" t="s">
        <v>52</v>
      </c>
      <c r="CA4" s="500" t="s">
        <v>61</v>
      </c>
      <c r="CB4" s="496"/>
      <c r="CC4" s="497"/>
      <c r="CD4" s="495" t="s">
        <v>62</v>
      </c>
      <c r="CE4" s="496"/>
      <c r="CF4" s="496"/>
      <c r="CG4" s="496"/>
      <c r="CH4" s="496"/>
      <c r="CI4" s="496"/>
      <c r="CJ4" s="497"/>
      <c r="CK4" s="498" t="s">
        <v>52</v>
      </c>
      <c r="CL4" s="500" t="s">
        <v>61</v>
      </c>
      <c r="CM4" s="496"/>
      <c r="CN4" s="497"/>
      <c r="CO4" s="495" t="s">
        <v>62</v>
      </c>
      <c r="CP4" s="496"/>
      <c r="CQ4" s="496"/>
      <c r="CR4" s="496"/>
      <c r="CS4" s="496"/>
      <c r="CT4" s="496"/>
      <c r="CU4" s="497"/>
      <c r="CV4" s="498" t="s">
        <v>52</v>
      </c>
      <c r="CW4" s="500" t="s">
        <v>61</v>
      </c>
      <c r="CX4" s="496"/>
      <c r="CY4" s="497"/>
      <c r="CZ4" s="495" t="s">
        <v>62</v>
      </c>
      <c r="DA4" s="496"/>
      <c r="DB4" s="496"/>
      <c r="DC4" s="496"/>
      <c r="DD4" s="496"/>
      <c r="DE4" s="496"/>
      <c r="DF4" s="497"/>
      <c r="DG4" s="498" t="s">
        <v>52</v>
      </c>
    </row>
    <row r="5" spans="1:111" ht="28.5" customHeight="1" thickBot="1" x14ac:dyDescent="0.25">
      <c r="A5" s="510"/>
      <c r="B5" s="180" t="s">
        <v>43</v>
      </c>
      <c r="C5" s="175" t="s">
        <v>44</v>
      </c>
      <c r="D5" s="456" t="s">
        <v>45</v>
      </c>
      <c r="E5" s="183" t="s">
        <v>83</v>
      </c>
      <c r="F5" s="175" t="s">
        <v>47</v>
      </c>
      <c r="G5" s="175" t="s">
        <v>48</v>
      </c>
      <c r="H5" s="175" t="s">
        <v>49</v>
      </c>
      <c r="I5" s="175" t="s">
        <v>50</v>
      </c>
      <c r="J5" s="175" t="s">
        <v>51</v>
      </c>
      <c r="K5" s="184" t="s">
        <v>45</v>
      </c>
      <c r="L5" s="499"/>
      <c r="M5" s="180" t="s">
        <v>43</v>
      </c>
      <c r="N5" s="175" t="s">
        <v>44</v>
      </c>
      <c r="O5" s="181" t="s">
        <v>45</v>
      </c>
      <c r="P5" s="183" t="s">
        <v>83</v>
      </c>
      <c r="Q5" s="175" t="s">
        <v>47</v>
      </c>
      <c r="R5" s="175" t="s">
        <v>48</v>
      </c>
      <c r="S5" s="175" t="s">
        <v>49</v>
      </c>
      <c r="T5" s="175" t="s">
        <v>50</v>
      </c>
      <c r="U5" s="175" t="s">
        <v>51</v>
      </c>
      <c r="V5" s="181" t="s">
        <v>45</v>
      </c>
      <c r="W5" s="499"/>
      <c r="X5" s="211" t="s">
        <v>43</v>
      </c>
      <c r="Y5" s="175" t="s">
        <v>44</v>
      </c>
      <c r="Z5" s="184" t="s">
        <v>45</v>
      </c>
      <c r="AA5" s="183" t="s">
        <v>83</v>
      </c>
      <c r="AB5" s="175" t="s">
        <v>47</v>
      </c>
      <c r="AC5" s="175" t="s">
        <v>48</v>
      </c>
      <c r="AD5" s="175" t="s">
        <v>49</v>
      </c>
      <c r="AE5" s="175" t="s">
        <v>50</v>
      </c>
      <c r="AF5" s="175" t="s">
        <v>51</v>
      </c>
      <c r="AG5" s="181" t="s">
        <v>45</v>
      </c>
      <c r="AH5" s="499"/>
      <c r="AI5" s="179" t="s">
        <v>43</v>
      </c>
      <c r="AJ5" s="175" t="s">
        <v>44</v>
      </c>
      <c r="AK5" s="181" t="s">
        <v>45</v>
      </c>
      <c r="AL5" s="183" t="s">
        <v>83</v>
      </c>
      <c r="AM5" s="175" t="s">
        <v>47</v>
      </c>
      <c r="AN5" s="175" t="s">
        <v>48</v>
      </c>
      <c r="AO5" s="175" t="s">
        <v>49</v>
      </c>
      <c r="AP5" s="175" t="s">
        <v>50</v>
      </c>
      <c r="AQ5" s="175" t="s">
        <v>51</v>
      </c>
      <c r="AR5" s="181" t="s">
        <v>45</v>
      </c>
      <c r="AS5" s="499"/>
      <c r="AT5" s="211" t="s">
        <v>43</v>
      </c>
      <c r="AU5" s="175" t="s">
        <v>44</v>
      </c>
      <c r="AV5" s="184" t="s">
        <v>45</v>
      </c>
      <c r="AW5" s="183" t="s">
        <v>83</v>
      </c>
      <c r="AX5" s="175" t="s">
        <v>47</v>
      </c>
      <c r="AY5" s="175" t="s">
        <v>48</v>
      </c>
      <c r="AZ5" s="175" t="s">
        <v>49</v>
      </c>
      <c r="BA5" s="175" t="s">
        <v>50</v>
      </c>
      <c r="BB5" s="175" t="s">
        <v>51</v>
      </c>
      <c r="BC5" s="184" t="s">
        <v>45</v>
      </c>
      <c r="BD5" s="499"/>
      <c r="BE5" s="211" t="s">
        <v>43</v>
      </c>
      <c r="BF5" s="175" t="s">
        <v>44</v>
      </c>
      <c r="BG5" s="181" t="s">
        <v>45</v>
      </c>
      <c r="BH5" s="183" t="s">
        <v>83</v>
      </c>
      <c r="BI5" s="175" t="s">
        <v>47</v>
      </c>
      <c r="BJ5" s="175" t="s">
        <v>48</v>
      </c>
      <c r="BK5" s="175" t="s">
        <v>49</v>
      </c>
      <c r="BL5" s="175" t="s">
        <v>50</v>
      </c>
      <c r="BM5" s="175" t="s">
        <v>51</v>
      </c>
      <c r="BN5" s="181" t="s">
        <v>45</v>
      </c>
      <c r="BO5" s="499"/>
      <c r="BP5" s="211" t="s">
        <v>43</v>
      </c>
      <c r="BQ5" s="175" t="s">
        <v>44</v>
      </c>
      <c r="BR5" s="181" t="s">
        <v>45</v>
      </c>
      <c r="BS5" s="183" t="s">
        <v>83</v>
      </c>
      <c r="BT5" s="175" t="s">
        <v>47</v>
      </c>
      <c r="BU5" s="175" t="s">
        <v>48</v>
      </c>
      <c r="BV5" s="175" t="s">
        <v>49</v>
      </c>
      <c r="BW5" s="175" t="s">
        <v>50</v>
      </c>
      <c r="BX5" s="175" t="s">
        <v>51</v>
      </c>
      <c r="BY5" s="181" t="s">
        <v>45</v>
      </c>
      <c r="BZ5" s="499"/>
      <c r="CA5" s="211" t="s">
        <v>43</v>
      </c>
      <c r="CB5" s="175" t="s">
        <v>44</v>
      </c>
      <c r="CC5" s="181" t="s">
        <v>45</v>
      </c>
      <c r="CD5" s="183" t="s">
        <v>83</v>
      </c>
      <c r="CE5" s="175" t="s">
        <v>47</v>
      </c>
      <c r="CF5" s="175" t="s">
        <v>48</v>
      </c>
      <c r="CG5" s="175" t="s">
        <v>49</v>
      </c>
      <c r="CH5" s="175" t="s">
        <v>50</v>
      </c>
      <c r="CI5" s="175" t="s">
        <v>51</v>
      </c>
      <c r="CJ5" s="181" t="s">
        <v>45</v>
      </c>
      <c r="CK5" s="499"/>
      <c r="CL5" s="211" t="s">
        <v>43</v>
      </c>
      <c r="CM5" s="175" t="s">
        <v>44</v>
      </c>
      <c r="CN5" s="181" t="s">
        <v>45</v>
      </c>
      <c r="CO5" s="183" t="s">
        <v>83</v>
      </c>
      <c r="CP5" s="175" t="s">
        <v>47</v>
      </c>
      <c r="CQ5" s="175" t="s">
        <v>48</v>
      </c>
      <c r="CR5" s="175" t="s">
        <v>49</v>
      </c>
      <c r="CS5" s="175" t="s">
        <v>50</v>
      </c>
      <c r="CT5" s="175" t="s">
        <v>51</v>
      </c>
      <c r="CU5" s="181" t="s">
        <v>45</v>
      </c>
      <c r="CV5" s="499"/>
      <c r="CW5" s="249" t="s">
        <v>43</v>
      </c>
      <c r="CX5" s="175" t="s">
        <v>44</v>
      </c>
      <c r="CY5" s="181" t="s">
        <v>45</v>
      </c>
      <c r="CZ5" s="183" t="s">
        <v>83</v>
      </c>
      <c r="DA5" s="175" t="s">
        <v>47</v>
      </c>
      <c r="DB5" s="175" t="s">
        <v>48</v>
      </c>
      <c r="DC5" s="175" t="s">
        <v>49</v>
      </c>
      <c r="DD5" s="175" t="s">
        <v>50</v>
      </c>
      <c r="DE5" s="175" t="s">
        <v>51</v>
      </c>
      <c r="DF5" s="181" t="s">
        <v>45</v>
      </c>
      <c r="DG5" s="499"/>
    </row>
    <row r="6" spans="1:111" ht="18.75" customHeight="1" x14ac:dyDescent="0.2">
      <c r="A6" s="176" t="s">
        <v>4</v>
      </c>
      <c r="B6" s="185">
        <v>0</v>
      </c>
      <c r="C6" s="189">
        <v>0</v>
      </c>
      <c r="D6" s="457">
        <v>0</v>
      </c>
      <c r="E6" s="188">
        <v>0</v>
      </c>
      <c r="F6" s="189">
        <v>213038</v>
      </c>
      <c r="G6" s="189">
        <v>332316</v>
      </c>
      <c r="H6" s="189">
        <v>331905</v>
      </c>
      <c r="I6" s="189">
        <v>388896</v>
      </c>
      <c r="J6" s="189">
        <v>376627</v>
      </c>
      <c r="K6" s="190">
        <v>1642782</v>
      </c>
      <c r="L6" s="191">
        <v>1642782</v>
      </c>
      <c r="M6" s="185">
        <v>5</v>
      </c>
      <c r="N6" s="189">
        <v>124</v>
      </c>
      <c r="O6" s="186">
        <v>129</v>
      </c>
      <c r="P6" s="188">
        <v>0</v>
      </c>
      <c r="Q6" s="189">
        <v>538</v>
      </c>
      <c r="R6" s="189">
        <v>2176</v>
      </c>
      <c r="S6" s="189">
        <v>3818</v>
      </c>
      <c r="T6" s="189">
        <v>9558</v>
      </c>
      <c r="U6" s="189">
        <v>18930</v>
      </c>
      <c r="V6" s="186">
        <v>35020</v>
      </c>
      <c r="W6" s="191">
        <v>35149</v>
      </c>
      <c r="X6" s="185">
        <v>12299</v>
      </c>
      <c r="Y6" s="189">
        <v>41732</v>
      </c>
      <c r="Z6" s="186">
        <v>54031</v>
      </c>
      <c r="AA6" s="188">
        <v>0</v>
      </c>
      <c r="AB6" s="189">
        <v>94514</v>
      </c>
      <c r="AC6" s="189">
        <v>151831</v>
      </c>
      <c r="AD6" s="189">
        <v>92710</v>
      </c>
      <c r="AE6" s="189">
        <v>87313</v>
      </c>
      <c r="AF6" s="189">
        <v>72615</v>
      </c>
      <c r="AG6" s="186">
        <v>498983</v>
      </c>
      <c r="AH6" s="191">
        <v>553014</v>
      </c>
      <c r="AI6" s="185">
        <v>2216</v>
      </c>
      <c r="AJ6" s="189">
        <v>7900</v>
      </c>
      <c r="AK6" s="186">
        <v>10116</v>
      </c>
      <c r="AL6" s="188">
        <v>0</v>
      </c>
      <c r="AM6" s="189">
        <v>11859</v>
      </c>
      <c r="AN6" s="189">
        <v>21298</v>
      </c>
      <c r="AO6" s="189">
        <v>14260</v>
      </c>
      <c r="AP6" s="189">
        <v>12370</v>
      </c>
      <c r="AQ6" s="189">
        <v>8131</v>
      </c>
      <c r="AR6" s="186">
        <v>67918</v>
      </c>
      <c r="AS6" s="191">
        <v>78034</v>
      </c>
      <c r="AT6" s="185">
        <v>0</v>
      </c>
      <c r="AU6" s="189">
        <v>0</v>
      </c>
      <c r="AV6" s="186">
        <v>0</v>
      </c>
      <c r="AW6" s="188">
        <v>0</v>
      </c>
      <c r="AX6" s="189">
        <v>190433</v>
      </c>
      <c r="AY6" s="189">
        <v>192633</v>
      </c>
      <c r="AZ6" s="189">
        <v>117318</v>
      </c>
      <c r="BA6" s="189">
        <v>68786</v>
      </c>
      <c r="BB6" s="189">
        <v>31738</v>
      </c>
      <c r="BC6" s="190">
        <v>600908</v>
      </c>
      <c r="BD6" s="191">
        <v>600908</v>
      </c>
      <c r="BE6" s="185">
        <v>0</v>
      </c>
      <c r="BF6" s="189">
        <v>0</v>
      </c>
      <c r="BG6" s="186">
        <v>0</v>
      </c>
      <c r="BH6" s="188">
        <v>0</v>
      </c>
      <c r="BI6" s="189">
        <v>30913</v>
      </c>
      <c r="BJ6" s="189">
        <v>49185</v>
      </c>
      <c r="BK6" s="189">
        <v>28866</v>
      </c>
      <c r="BL6" s="189">
        <v>18676</v>
      </c>
      <c r="BM6" s="189">
        <v>6509</v>
      </c>
      <c r="BN6" s="186">
        <v>134149</v>
      </c>
      <c r="BO6" s="191">
        <v>134149</v>
      </c>
      <c r="BP6" s="185">
        <v>367</v>
      </c>
      <c r="BQ6" s="189">
        <v>1223</v>
      </c>
      <c r="BR6" s="186">
        <v>1590</v>
      </c>
      <c r="BS6" s="188">
        <v>0</v>
      </c>
      <c r="BT6" s="189">
        <v>15785</v>
      </c>
      <c r="BU6" s="189">
        <v>31669</v>
      </c>
      <c r="BV6" s="189">
        <v>51758</v>
      </c>
      <c r="BW6" s="189">
        <v>41003</v>
      </c>
      <c r="BX6" s="189">
        <v>21872</v>
      </c>
      <c r="BY6" s="186">
        <v>162087</v>
      </c>
      <c r="BZ6" s="191">
        <v>163677</v>
      </c>
      <c r="CA6" s="185">
        <v>10</v>
      </c>
      <c r="CB6" s="189">
        <v>120</v>
      </c>
      <c r="CC6" s="186">
        <v>130</v>
      </c>
      <c r="CD6" s="188">
        <v>0</v>
      </c>
      <c r="CE6" s="189">
        <v>1202</v>
      </c>
      <c r="CF6" s="189">
        <v>3387</v>
      </c>
      <c r="CG6" s="189">
        <v>4428</v>
      </c>
      <c r="CH6" s="189">
        <v>4270</v>
      </c>
      <c r="CI6" s="189">
        <v>2836</v>
      </c>
      <c r="CJ6" s="186">
        <v>16123</v>
      </c>
      <c r="CK6" s="191">
        <v>16253</v>
      </c>
      <c r="CL6" s="185">
        <v>0</v>
      </c>
      <c r="CM6" s="189">
        <v>0</v>
      </c>
      <c r="CN6" s="186">
        <v>0</v>
      </c>
      <c r="CO6" s="188">
        <v>0</v>
      </c>
      <c r="CP6" s="189">
        <v>0</v>
      </c>
      <c r="CQ6" s="189">
        <v>0</v>
      </c>
      <c r="CR6" s="189">
        <v>0</v>
      </c>
      <c r="CS6" s="189">
        <v>0</v>
      </c>
      <c r="CT6" s="189">
        <v>0</v>
      </c>
      <c r="CU6" s="186">
        <v>0</v>
      </c>
      <c r="CV6" s="191">
        <v>0</v>
      </c>
      <c r="CW6" s="185">
        <v>0</v>
      </c>
      <c r="CX6" s="189">
        <v>0</v>
      </c>
      <c r="CY6" s="186">
        <v>0</v>
      </c>
      <c r="CZ6" s="188">
        <v>0</v>
      </c>
      <c r="DA6" s="189">
        <v>6</v>
      </c>
      <c r="DB6" s="189">
        <v>0</v>
      </c>
      <c r="DC6" s="189">
        <v>0</v>
      </c>
      <c r="DD6" s="189">
        <v>6</v>
      </c>
      <c r="DE6" s="189">
        <v>0</v>
      </c>
      <c r="DF6" s="186">
        <v>12</v>
      </c>
      <c r="DG6" s="191">
        <v>12</v>
      </c>
    </row>
    <row r="7" spans="1:111" ht="18.75" customHeight="1" x14ac:dyDescent="0.2">
      <c r="A7" s="177" t="s">
        <v>5</v>
      </c>
      <c r="B7" s="192">
        <v>0</v>
      </c>
      <c r="C7" s="196">
        <v>0</v>
      </c>
      <c r="D7" s="458">
        <v>0</v>
      </c>
      <c r="E7" s="195">
        <v>0</v>
      </c>
      <c r="F7" s="196">
        <v>71053</v>
      </c>
      <c r="G7" s="196">
        <v>143996</v>
      </c>
      <c r="H7" s="196">
        <v>126482</v>
      </c>
      <c r="I7" s="196">
        <v>134857</v>
      </c>
      <c r="J7" s="196">
        <v>140717</v>
      </c>
      <c r="K7" s="197">
        <v>617105</v>
      </c>
      <c r="L7" s="198">
        <v>617105</v>
      </c>
      <c r="M7" s="192">
        <v>1</v>
      </c>
      <c r="N7" s="196">
        <v>61</v>
      </c>
      <c r="O7" s="193">
        <v>62</v>
      </c>
      <c r="P7" s="195">
        <v>0</v>
      </c>
      <c r="Q7" s="196">
        <v>131</v>
      </c>
      <c r="R7" s="196">
        <v>839</v>
      </c>
      <c r="S7" s="196">
        <v>1482</v>
      </c>
      <c r="T7" s="196">
        <v>3752</v>
      </c>
      <c r="U7" s="196">
        <v>8165</v>
      </c>
      <c r="V7" s="193">
        <v>14369</v>
      </c>
      <c r="W7" s="198">
        <v>14431</v>
      </c>
      <c r="X7" s="192">
        <v>5512</v>
      </c>
      <c r="Y7" s="196">
        <v>21719</v>
      </c>
      <c r="Z7" s="193">
        <v>27231</v>
      </c>
      <c r="AA7" s="195">
        <v>0</v>
      </c>
      <c r="AB7" s="196">
        <v>34043</v>
      </c>
      <c r="AC7" s="196">
        <v>81450</v>
      </c>
      <c r="AD7" s="196">
        <v>46351</v>
      </c>
      <c r="AE7" s="196">
        <v>40543</v>
      </c>
      <c r="AF7" s="196">
        <v>33280</v>
      </c>
      <c r="AG7" s="193">
        <v>235667</v>
      </c>
      <c r="AH7" s="198">
        <v>262898</v>
      </c>
      <c r="AI7" s="192">
        <v>979</v>
      </c>
      <c r="AJ7" s="196">
        <v>3908</v>
      </c>
      <c r="AK7" s="193">
        <v>4887</v>
      </c>
      <c r="AL7" s="195">
        <v>0</v>
      </c>
      <c r="AM7" s="196">
        <v>3063</v>
      </c>
      <c r="AN7" s="196">
        <v>9379</v>
      </c>
      <c r="AO7" s="196">
        <v>5909</v>
      </c>
      <c r="AP7" s="196">
        <v>5354</v>
      </c>
      <c r="AQ7" s="196">
        <v>3057</v>
      </c>
      <c r="AR7" s="193">
        <v>26762</v>
      </c>
      <c r="AS7" s="198">
        <v>31649</v>
      </c>
      <c r="AT7" s="192">
        <v>0</v>
      </c>
      <c r="AU7" s="196">
        <v>0</v>
      </c>
      <c r="AV7" s="193">
        <v>0</v>
      </c>
      <c r="AW7" s="195">
        <v>0</v>
      </c>
      <c r="AX7" s="196">
        <v>59543</v>
      </c>
      <c r="AY7" s="196">
        <v>78592</v>
      </c>
      <c r="AZ7" s="196">
        <v>42683</v>
      </c>
      <c r="BA7" s="196">
        <v>23368</v>
      </c>
      <c r="BB7" s="196">
        <v>11113</v>
      </c>
      <c r="BC7" s="197">
        <v>215299</v>
      </c>
      <c r="BD7" s="198">
        <v>215299</v>
      </c>
      <c r="BE7" s="192">
        <v>0</v>
      </c>
      <c r="BF7" s="196">
        <v>0</v>
      </c>
      <c r="BG7" s="193">
        <v>0</v>
      </c>
      <c r="BH7" s="195">
        <v>0</v>
      </c>
      <c r="BI7" s="196">
        <v>9381</v>
      </c>
      <c r="BJ7" s="196">
        <v>22973</v>
      </c>
      <c r="BK7" s="196">
        <v>13344</v>
      </c>
      <c r="BL7" s="196">
        <v>7880</v>
      </c>
      <c r="BM7" s="196">
        <v>3042</v>
      </c>
      <c r="BN7" s="193">
        <v>56620</v>
      </c>
      <c r="BO7" s="198">
        <v>56620</v>
      </c>
      <c r="BP7" s="192">
        <v>93</v>
      </c>
      <c r="BQ7" s="196">
        <v>473</v>
      </c>
      <c r="BR7" s="193">
        <v>566</v>
      </c>
      <c r="BS7" s="195">
        <v>0</v>
      </c>
      <c r="BT7" s="196">
        <v>4474</v>
      </c>
      <c r="BU7" s="196">
        <v>12021</v>
      </c>
      <c r="BV7" s="196">
        <v>18854</v>
      </c>
      <c r="BW7" s="196">
        <v>15060</v>
      </c>
      <c r="BX7" s="196">
        <v>8069</v>
      </c>
      <c r="BY7" s="193">
        <v>58478</v>
      </c>
      <c r="BZ7" s="198">
        <v>59044</v>
      </c>
      <c r="CA7" s="192">
        <v>6</v>
      </c>
      <c r="CB7" s="196">
        <v>90</v>
      </c>
      <c r="CC7" s="193">
        <v>96</v>
      </c>
      <c r="CD7" s="195">
        <v>0</v>
      </c>
      <c r="CE7" s="196">
        <v>591</v>
      </c>
      <c r="CF7" s="196">
        <v>1866</v>
      </c>
      <c r="CG7" s="196">
        <v>2430</v>
      </c>
      <c r="CH7" s="196">
        <v>2451</v>
      </c>
      <c r="CI7" s="196">
        <v>1778</v>
      </c>
      <c r="CJ7" s="193">
        <v>9116</v>
      </c>
      <c r="CK7" s="198">
        <v>9212</v>
      </c>
      <c r="CL7" s="192">
        <v>0</v>
      </c>
      <c r="CM7" s="196">
        <v>0</v>
      </c>
      <c r="CN7" s="193">
        <v>0</v>
      </c>
      <c r="CO7" s="195">
        <v>0</v>
      </c>
      <c r="CP7" s="196">
        <v>0</v>
      </c>
      <c r="CQ7" s="196">
        <v>0</v>
      </c>
      <c r="CR7" s="196">
        <v>0</v>
      </c>
      <c r="CS7" s="196">
        <v>0</v>
      </c>
      <c r="CT7" s="196">
        <v>0</v>
      </c>
      <c r="CU7" s="193">
        <v>0</v>
      </c>
      <c r="CV7" s="198">
        <v>0</v>
      </c>
      <c r="CW7" s="192">
        <v>0</v>
      </c>
      <c r="CX7" s="196">
        <v>0</v>
      </c>
      <c r="CY7" s="193">
        <v>0</v>
      </c>
      <c r="CZ7" s="195">
        <v>0</v>
      </c>
      <c r="DA7" s="196">
        <v>0</v>
      </c>
      <c r="DB7" s="196">
        <v>0</v>
      </c>
      <c r="DC7" s="196">
        <v>0</v>
      </c>
      <c r="DD7" s="196">
        <v>0</v>
      </c>
      <c r="DE7" s="196">
        <v>0</v>
      </c>
      <c r="DF7" s="193">
        <v>0</v>
      </c>
      <c r="DG7" s="198">
        <v>0</v>
      </c>
    </row>
    <row r="8" spans="1:111" ht="18.75" customHeight="1" x14ac:dyDescent="0.2">
      <c r="A8" s="177" t="s">
        <v>6</v>
      </c>
      <c r="B8" s="192">
        <v>0</v>
      </c>
      <c r="C8" s="196">
        <v>0</v>
      </c>
      <c r="D8" s="458">
        <v>0</v>
      </c>
      <c r="E8" s="195">
        <v>0</v>
      </c>
      <c r="F8" s="196">
        <v>37983</v>
      </c>
      <c r="G8" s="196">
        <v>48515</v>
      </c>
      <c r="H8" s="196">
        <v>50847</v>
      </c>
      <c r="I8" s="196">
        <v>65451</v>
      </c>
      <c r="J8" s="196">
        <v>64555</v>
      </c>
      <c r="K8" s="197">
        <v>267351</v>
      </c>
      <c r="L8" s="198">
        <v>267351</v>
      </c>
      <c r="M8" s="192">
        <v>0</v>
      </c>
      <c r="N8" s="196">
        <v>15</v>
      </c>
      <c r="O8" s="193">
        <v>15</v>
      </c>
      <c r="P8" s="195">
        <v>0</v>
      </c>
      <c r="Q8" s="196">
        <v>78</v>
      </c>
      <c r="R8" s="196">
        <v>258</v>
      </c>
      <c r="S8" s="196">
        <v>585</v>
      </c>
      <c r="T8" s="196">
        <v>1340</v>
      </c>
      <c r="U8" s="196">
        <v>2732</v>
      </c>
      <c r="V8" s="193">
        <v>4993</v>
      </c>
      <c r="W8" s="198">
        <v>5008</v>
      </c>
      <c r="X8" s="192">
        <v>2195</v>
      </c>
      <c r="Y8" s="196">
        <v>6536</v>
      </c>
      <c r="Z8" s="193">
        <v>8731</v>
      </c>
      <c r="AA8" s="195">
        <v>0</v>
      </c>
      <c r="AB8" s="196">
        <v>20918</v>
      </c>
      <c r="AC8" s="196">
        <v>21819</v>
      </c>
      <c r="AD8" s="196">
        <v>14323</v>
      </c>
      <c r="AE8" s="196">
        <v>14721</v>
      </c>
      <c r="AF8" s="196">
        <v>12135</v>
      </c>
      <c r="AG8" s="193">
        <v>83916</v>
      </c>
      <c r="AH8" s="198">
        <v>92647</v>
      </c>
      <c r="AI8" s="192">
        <v>247</v>
      </c>
      <c r="AJ8" s="196">
        <v>628</v>
      </c>
      <c r="AK8" s="193">
        <v>875</v>
      </c>
      <c r="AL8" s="195">
        <v>0</v>
      </c>
      <c r="AM8" s="196">
        <v>1856</v>
      </c>
      <c r="AN8" s="196">
        <v>2552</v>
      </c>
      <c r="AO8" s="196">
        <v>1590</v>
      </c>
      <c r="AP8" s="196">
        <v>1630</v>
      </c>
      <c r="AQ8" s="196">
        <v>950</v>
      </c>
      <c r="AR8" s="193">
        <v>8578</v>
      </c>
      <c r="AS8" s="198">
        <v>9453</v>
      </c>
      <c r="AT8" s="192">
        <v>0</v>
      </c>
      <c r="AU8" s="196">
        <v>0</v>
      </c>
      <c r="AV8" s="193">
        <v>0</v>
      </c>
      <c r="AW8" s="195">
        <v>0</v>
      </c>
      <c r="AX8" s="196">
        <v>32646</v>
      </c>
      <c r="AY8" s="196">
        <v>25181</v>
      </c>
      <c r="AZ8" s="196">
        <v>16322</v>
      </c>
      <c r="BA8" s="196">
        <v>10423</v>
      </c>
      <c r="BB8" s="196">
        <v>4515</v>
      </c>
      <c r="BC8" s="197">
        <v>89087</v>
      </c>
      <c r="BD8" s="198">
        <v>89087</v>
      </c>
      <c r="BE8" s="192">
        <v>0</v>
      </c>
      <c r="BF8" s="196">
        <v>0</v>
      </c>
      <c r="BG8" s="193">
        <v>0</v>
      </c>
      <c r="BH8" s="195">
        <v>0</v>
      </c>
      <c r="BI8" s="196">
        <v>4205</v>
      </c>
      <c r="BJ8" s="196">
        <v>5715</v>
      </c>
      <c r="BK8" s="196">
        <v>3821</v>
      </c>
      <c r="BL8" s="196">
        <v>2660</v>
      </c>
      <c r="BM8" s="196">
        <v>855</v>
      </c>
      <c r="BN8" s="193">
        <v>17256</v>
      </c>
      <c r="BO8" s="198">
        <v>17256</v>
      </c>
      <c r="BP8" s="192">
        <v>35</v>
      </c>
      <c r="BQ8" s="196">
        <v>170</v>
      </c>
      <c r="BR8" s="193">
        <v>205</v>
      </c>
      <c r="BS8" s="195">
        <v>0</v>
      </c>
      <c r="BT8" s="196">
        <v>2250</v>
      </c>
      <c r="BU8" s="196">
        <v>3364</v>
      </c>
      <c r="BV8" s="196">
        <v>5558</v>
      </c>
      <c r="BW8" s="196">
        <v>4426</v>
      </c>
      <c r="BX8" s="196">
        <v>2401</v>
      </c>
      <c r="BY8" s="193">
        <v>17999</v>
      </c>
      <c r="BZ8" s="198">
        <v>18204</v>
      </c>
      <c r="CA8" s="192">
        <v>0</v>
      </c>
      <c r="CB8" s="196">
        <v>3</v>
      </c>
      <c r="CC8" s="193">
        <v>3</v>
      </c>
      <c r="CD8" s="195">
        <v>0</v>
      </c>
      <c r="CE8" s="196">
        <v>165</v>
      </c>
      <c r="CF8" s="196">
        <v>455</v>
      </c>
      <c r="CG8" s="196">
        <v>566</v>
      </c>
      <c r="CH8" s="196">
        <v>583</v>
      </c>
      <c r="CI8" s="196">
        <v>348</v>
      </c>
      <c r="CJ8" s="193">
        <v>2117</v>
      </c>
      <c r="CK8" s="198">
        <v>2120</v>
      </c>
      <c r="CL8" s="192">
        <v>0</v>
      </c>
      <c r="CM8" s="196">
        <v>0</v>
      </c>
      <c r="CN8" s="193">
        <v>0</v>
      </c>
      <c r="CO8" s="195">
        <v>0</v>
      </c>
      <c r="CP8" s="196">
        <v>0</v>
      </c>
      <c r="CQ8" s="196">
        <v>0</v>
      </c>
      <c r="CR8" s="196">
        <v>0</v>
      </c>
      <c r="CS8" s="196">
        <v>0</v>
      </c>
      <c r="CT8" s="196">
        <v>0</v>
      </c>
      <c r="CU8" s="193">
        <v>0</v>
      </c>
      <c r="CV8" s="198">
        <v>0</v>
      </c>
      <c r="CW8" s="192">
        <v>0</v>
      </c>
      <c r="CX8" s="196">
        <v>0</v>
      </c>
      <c r="CY8" s="193">
        <v>0</v>
      </c>
      <c r="CZ8" s="195">
        <v>0</v>
      </c>
      <c r="DA8" s="196">
        <v>0</v>
      </c>
      <c r="DB8" s="196">
        <v>0</v>
      </c>
      <c r="DC8" s="196">
        <v>0</v>
      </c>
      <c r="DD8" s="196">
        <v>0</v>
      </c>
      <c r="DE8" s="196">
        <v>0</v>
      </c>
      <c r="DF8" s="193">
        <v>0</v>
      </c>
      <c r="DG8" s="198">
        <v>0</v>
      </c>
    </row>
    <row r="9" spans="1:111" ht="18.75" customHeight="1" x14ac:dyDescent="0.2">
      <c r="A9" s="177" t="s">
        <v>14</v>
      </c>
      <c r="B9" s="192">
        <v>0</v>
      </c>
      <c r="C9" s="196">
        <v>0</v>
      </c>
      <c r="D9" s="458">
        <v>0</v>
      </c>
      <c r="E9" s="195">
        <v>0</v>
      </c>
      <c r="F9" s="196">
        <v>14156</v>
      </c>
      <c r="G9" s="196">
        <v>24237</v>
      </c>
      <c r="H9" s="196">
        <v>24720</v>
      </c>
      <c r="I9" s="196">
        <v>26125</v>
      </c>
      <c r="J9" s="196">
        <v>21265</v>
      </c>
      <c r="K9" s="197">
        <v>110503</v>
      </c>
      <c r="L9" s="198">
        <v>110503</v>
      </c>
      <c r="M9" s="192">
        <v>0</v>
      </c>
      <c r="N9" s="196">
        <v>4</v>
      </c>
      <c r="O9" s="193">
        <v>4</v>
      </c>
      <c r="P9" s="195">
        <v>0</v>
      </c>
      <c r="Q9" s="196">
        <v>30</v>
      </c>
      <c r="R9" s="196">
        <v>100</v>
      </c>
      <c r="S9" s="196">
        <v>229</v>
      </c>
      <c r="T9" s="196">
        <v>689</v>
      </c>
      <c r="U9" s="196">
        <v>1207</v>
      </c>
      <c r="V9" s="193">
        <v>2255</v>
      </c>
      <c r="W9" s="198">
        <v>2259</v>
      </c>
      <c r="X9" s="192">
        <v>614</v>
      </c>
      <c r="Y9" s="196">
        <v>3242</v>
      </c>
      <c r="Z9" s="193">
        <v>3856</v>
      </c>
      <c r="AA9" s="195">
        <v>0</v>
      </c>
      <c r="AB9" s="196">
        <v>4791</v>
      </c>
      <c r="AC9" s="196">
        <v>9879</v>
      </c>
      <c r="AD9" s="196">
        <v>6628</v>
      </c>
      <c r="AE9" s="196">
        <v>7299</v>
      </c>
      <c r="AF9" s="196">
        <v>4824</v>
      </c>
      <c r="AG9" s="193">
        <v>33421</v>
      </c>
      <c r="AH9" s="198">
        <v>37277</v>
      </c>
      <c r="AI9" s="192">
        <v>47</v>
      </c>
      <c r="AJ9" s="196">
        <v>467</v>
      </c>
      <c r="AK9" s="193">
        <v>514</v>
      </c>
      <c r="AL9" s="195">
        <v>0</v>
      </c>
      <c r="AM9" s="196">
        <v>323</v>
      </c>
      <c r="AN9" s="196">
        <v>767</v>
      </c>
      <c r="AO9" s="196">
        <v>900</v>
      </c>
      <c r="AP9" s="196">
        <v>510</v>
      </c>
      <c r="AQ9" s="196">
        <v>375</v>
      </c>
      <c r="AR9" s="193">
        <v>2875</v>
      </c>
      <c r="AS9" s="198">
        <v>3389</v>
      </c>
      <c r="AT9" s="192">
        <v>0</v>
      </c>
      <c r="AU9" s="196">
        <v>0</v>
      </c>
      <c r="AV9" s="193">
        <v>0</v>
      </c>
      <c r="AW9" s="195">
        <v>0</v>
      </c>
      <c r="AX9" s="196">
        <v>14208</v>
      </c>
      <c r="AY9" s="196">
        <v>15164</v>
      </c>
      <c r="AZ9" s="196">
        <v>11321</v>
      </c>
      <c r="BA9" s="196">
        <v>6965</v>
      </c>
      <c r="BB9" s="196">
        <v>3239</v>
      </c>
      <c r="BC9" s="197">
        <v>50897</v>
      </c>
      <c r="BD9" s="198">
        <v>50897</v>
      </c>
      <c r="BE9" s="192">
        <v>0</v>
      </c>
      <c r="BF9" s="196">
        <v>0</v>
      </c>
      <c r="BG9" s="193">
        <v>0</v>
      </c>
      <c r="BH9" s="195">
        <v>0</v>
      </c>
      <c r="BI9" s="196">
        <v>1008</v>
      </c>
      <c r="BJ9" s="196">
        <v>2720</v>
      </c>
      <c r="BK9" s="196">
        <v>1686</v>
      </c>
      <c r="BL9" s="196">
        <v>1347</v>
      </c>
      <c r="BM9" s="196">
        <v>346</v>
      </c>
      <c r="BN9" s="193">
        <v>7107</v>
      </c>
      <c r="BO9" s="198">
        <v>7107</v>
      </c>
      <c r="BP9" s="192">
        <v>13</v>
      </c>
      <c r="BQ9" s="196">
        <v>147</v>
      </c>
      <c r="BR9" s="193">
        <v>160</v>
      </c>
      <c r="BS9" s="195">
        <v>0</v>
      </c>
      <c r="BT9" s="196">
        <v>1095</v>
      </c>
      <c r="BU9" s="196">
        <v>2472</v>
      </c>
      <c r="BV9" s="196">
        <v>4792</v>
      </c>
      <c r="BW9" s="196">
        <v>4149</v>
      </c>
      <c r="BX9" s="196">
        <v>1789</v>
      </c>
      <c r="BY9" s="193">
        <v>14297</v>
      </c>
      <c r="BZ9" s="198">
        <v>14457</v>
      </c>
      <c r="CA9" s="192">
        <v>0</v>
      </c>
      <c r="CB9" s="196">
        <v>11</v>
      </c>
      <c r="CC9" s="193">
        <v>11</v>
      </c>
      <c r="CD9" s="195">
        <v>0</v>
      </c>
      <c r="CE9" s="196">
        <v>16</v>
      </c>
      <c r="CF9" s="196">
        <v>37</v>
      </c>
      <c r="CG9" s="196">
        <v>99</v>
      </c>
      <c r="CH9" s="196">
        <v>153</v>
      </c>
      <c r="CI9" s="196">
        <v>39</v>
      </c>
      <c r="CJ9" s="193">
        <v>344</v>
      </c>
      <c r="CK9" s="198">
        <v>355</v>
      </c>
      <c r="CL9" s="192">
        <v>0</v>
      </c>
      <c r="CM9" s="196">
        <v>0</v>
      </c>
      <c r="CN9" s="193">
        <v>0</v>
      </c>
      <c r="CO9" s="195">
        <v>0</v>
      </c>
      <c r="CP9" s="196">
        <v>0</v>
      </c>
      <c r="CQ9" s="196">
        <v>0</v>
      </c>
      <c r="CR9" s="196">
        <v>0</v>
      </c>
      <c r="CS9" s="196">
        <v>0</v>
      </c>
      <c r="CT9" s="196">
        <v>0</v>
      </c>
      <c r="CU9" s="193">
        <v>0</v>
      </c>
      <c r="CV9" s="198">
        <v>0</v>
      </c>
      <c r="CW9" s="192">
        <v>0</v>
      </c>
      <c r="CX9" s="196">
        <v>0</v>
      </c>
      <c r="CY9" s="193">
        <v>0</v>
      </c>
      <c r="CZ9" s="195">
        <v>0</v>
      </c>
      <c r="DA9" s="196">
        <v>0</v>
      </c>
      <c r="DB9" s="196">
        <v>0</v>
      </c>
      <c r="DC9" s="196">
        <v>0</v>
      </c>
      <c r="DD9" s="196">
        <v>6</v>
      </c>
      <c r="DE9" s="196">
        <v>0</v>
      </c>
      <c r="DF9" s="193">
        <v>6</v>
      </c>
      <c r="DG9" s="198">
        <v>6</v>
      </c>
    </row>
    <row r="10" spans="1:111" ht="18.75" customHeight="1" x14ac:dyDescent="0.2">
      <c r="A10" s="177" t="s">
        <v>7</v>
      </c>
      <c r="B10" s="192">
        <v>0</v>
      </c>
      <c r="C10" s="196">
        <v>0</v>
      </c>
      <c r="D10" s="458">
        <v>0</v>
      </c>
      <c r="E10" s="195">
        <v>0</v>
      </c>
      <c r="F10" s="196">
        <v>16059</v>
      </c>
      <c r="G10" s="196">
        <v>18415</v>
      </c>
      <c r="H10" s="196">
        <v>20455</v>
      </c>
      <c r="I10" s="196">
        <v>26499</v>
      </c>
      <c r="J10" s="196">
        <v>21268</v>
      </c>
      <c r="K10" s="197">
        <v>102696</v>
      </c>
      <c r="L10" s="198">
        <v>102696</v>
      </c>
      <c r="M10" s="192">
        <v>1</v>
      </c>
      <c r="N10" s="196">
        <v>0</v>
      </c>
      <c r="O10" s="193">
        <v>1</v>
      </c>
      <c r="P10" s="195">
        <v>0</v>
      </c>
      <c r="Q10" s="196">
        <v>62</v>
      </c>
      <c r="R10" s="196">
        <v>186</v>
      </c>
      <c r="S10" s="196">
        <v>297</v>
      </c>
      <c r="T10" s="196">
        <v>609</v>
      </c>
      <c r="U10" s="196">
        <v>1126</v>
      </c>
      <c r="V10" s="193">
        <v>2280</v>
      </c>
      <c r="W10" s="198">
        <v>2281</v>
      </c>
      <c r="X10" s="192">
        <v>45</v>
      </c>
      <c r="Y10" s="196">
        <v>148</v>
      </c>
      <c r="Z10" s="193">
        <v>193</v>
      </c>
      <c r="AA10" s="195">
        <v>0</v>
      </c>
      <c r="AB10" s="196">
        <v>3415</v>
      </c>
      <c r="AC10" s="196">
        <v>4219</v>
      </c>
      <c r="AD10" s="196">
        <v>2763</v>
      </c>
      <c r="AE10" s="196">
        <v>2768</v>
      </c>
      <c r="AF10" s="196">
        <v>2618</v>
      </c>
      <c r="AG10" s="193">
        <v>15783</v>
      </c>
      <c r="AH10" s="198">
        <v>15976</v>
      </c>
      <c r="AI10" s="192">
        <v>38</v>
      </c>
      <c r="AJ10" s="196">
        <v>81</v>
      </c>
      <c r="AK10" s="193">
        <v>119</v>
      </c>
      <c r="AL10" s="195">
        <v>0</v>
      </c>
      <c r="AM10" s="196">
        <v>702</v>
      </c>
      <c r="AN10" s="196">
        <v>994</v>
      </c>
      <c r="AO10" s="196">
        <v>430</v>
      </c>
      <c r="AP10" s="196">
        <v>623</v>
      </c>
      <c r="AQ10" s="196">
        <v>418</v>
      </c>
      <c r="AR10" s="193">
        <v>3167</v>
      </c>
      <c r="AS10" s="198">
        <v>3286</v>
      </c>
      <c r="AT10" s="192">
        <v>0</v>
      </c>
      <c r="AU10" s="196">
        <v>0</v>
      </c>
      <c r="AV10" s="193">
        <v>0</v>
      </c>
      <c r="AW10" s="195">
        <v>0</v>
      </c>
      <c r="AX10" s="196">
        <v>13929</v>
      </c>
      <c r="AY10" s="196">
        <v>10522</v>
      </c>
      <c r="AZ10" s="196">
        <v>5802</v>
      </c>
      <c r="BA10" s="196">
        <v>3435</v>
      </c>
      <c r="BB10" s="196">
        <v>1498</v>
      </c>
      <c r="BC10" s="197">
        <v>35186</v>
      </c>
      <c r="BD10" s="198">
        <v>35186</v>
      </c>
      <c r="BE10" s="192">
        <v>0</v>
      </c>
      <c r="BF10" s="196">
        <v>0</v>
      </c>
      <c r="BG10" s="193">
        <v>0</v>
      </c>
      <c r="BH10" s="195">
        <v>0</v>
      </c>
      <c r="BI10" s="196">
        <v>1862</v>
      </c>
      <c r="BJ10" s="196">
        <v>1780</v>
      </c>
      <c r="BK10" s="196">
        <v>1022</v>
      </c>
      <c r="BL10" s="196">
        <v>567</v>
      </c>
      <c r="BM10" s="196">
        <v>170</v>
      </c>
      <c r="BN10" s="193">
        <v>5401</v>
      </c>
      <c r="BO10" s="198">
        <v>5401</v>
      </c>
      <c r="BP10" s="192">
        <v>5</v>
      </c>
      <c r="BQ10" s="196">
        <v>7</v>
      </c>
      <c r="BR10" s="193">
        <v>12</v>
      </c>
      <c r="BS10" s="195">
        <v>0</v>
      </c>
      <c r="BT10" s="196">
        <v>1496</v>
      </c>
      <c r="BU10" s="196">
        <v>2451</v>
      </c>
      <c r="BV10" s="196">
        <v>2732</v>
      </c>
      <c r="BW10" s="196">
        <v>2198</v>
      </c>
      <c r="BX10" s="196">
        <v>1476</v>
      </c>
      <c r="BY10" s="193">
        <v>10353</v>
      </c>
      <c r="BZ10" s="198">
        <v>10365</v>
      </c>
      <c r="CA10" s="192">
        <v>0</v>
      </c>
      <c r="CB10" s="196">
        <v>0</v>
      </c>
      <c r="CC10" s="193">
        <v>0</v>
      </c>
      <c r="CD10" s="195">
        <v>0</v>
      </c>
      <c r="CE10" s="196">
        <v>36</v>
      </c>
      <c r="CF10" s="196">
        <v>163</v>
      </c>
      <c r="CG10" s="196">
        <v>146</v>
      </c>
      <c r="CH10" s="196">
        <v>113</v>
      </c>
      <c r="CI10" s="196">
        <v>104</v>
      </c>
      <c r="CJ10" s="193">
        <v>562</v>
      </c>
      <c r="CK10" s="198">
        <v>562</v>
      </c>
      <c r="CL10" s="192">
        <v>0</v>
      </c>
      <c r="CM10" s="196">
        <v>0</v>
      </c>
      <c r="CN10" s="193">
        <v>0</v>
      </c>
      <c r="CO10" s="195">
        <v>0</v>
      </c>
      <c r="CP10" s="196">
        <v>0</v>
      </c>
      <c r="CQ10" s="196">
        <v>0</v>
      </c>
      <c r="CR10" s="196">
        <v>0</v>
      </c>
      <c r="CS10" s="196">
        <v>0</v>
      </c>
      <c r="CT10" s="196">
        <v>0</v>
      </c>
      <c r="CU10" s="193">
        <v>0</v>
      </c>
      <c r="CV10" s="198">
        <v>0</v>
      </c>
      <c r="CW10" s="192">
        <v>0</v>
      </c>
      <c r="CX10" s="196">
        <v>0</v>
      </c>
      <c r="CY10" s="193">
        <v>0</v>
      </c>
      <c r="CZ10" s="195">
        <v>0</v>
      </c>
      <c r="DA10" s="196">
        <v>0</v>
      </c>
      <c r="DB10" s="196">
        <v>0</v>
      </c>
      <c r="DC10" s="196">
        <v>0</v>
      </c>
      <c r="DD10" s="196">
        <v>0</v>
      </c>
      <c r="DE10" s="196">
        <v>0</v>
      </c>
      <c r="DF10" s="193">
        <v>0</v>
      </c>
      <c r="DG10" s="198">
        <v>0</v>
      </c>
    </row>
    <row r="11" spans="1:111" ht="18.75" customHeight="1" x14ac:dyDescent="0.2">
      <c r="A11" s="177" t="s">
        <v>8</v>
      </c>
      <c r="B11" s="192">
        <v>0</v>
      </c>
      <c r="C11" s="196">
        <v>0</v>
      </c>
      <c r="D11" s="458">
        <v>0</v>
      </c>
      <c r="E11" s="195">
        <v>0</v>
      </c>
      <c r="F11" s="196">
        <v>6150</v>
      </c>
      <c r="G11" s="196">
        <v>10034</v>
      </c>
      <c r="H11" s="196">
        <v>12579</v>
      </c>
      <c r="I11" s="196">
        <v>13019</v>
      </c>
      <c r="J11" s="196">
        <v>13681</v>
      </c>
      <c r="K11" s="197">
        <v>55463</v>
      </c>
      <c r="L11" s="198">
        <v>55463</v>
      </c>
      <c r="M11" s="192">
        <v>0</v>
      </c>
      <c r="N11" s="196">
        <v>2</v>
      </c>
      <c r="O11" s="193">
        <v>2</v>
      </c>
      <c r="P11" s="195">
        <v>0</v>
      </c>
      <c r="Q11" s="196">
        <v>23</v>
      </c>
      <c r="R11" s="196">
        <v>81</v>
      </c>
      <c r="S11" s="196">
        <v>111</v>
      </c>
      <c r="T11" s="196">
        <v>289</v>
      </c>
      <c r="U11" s="196">
        <v>531</v>
      </c>
      <c r="V11" s="193">
        <v>1035</v>
      </c>
      <c r="W11" s="198">
        <v>1037</v>
      </c>
      <c r="X11" s="192">
        <v>196</v>
      </c>
      <c r="Y11" s="196">
        <v>401</v>
      </c>
      <c r="Z11" s="193">
        <v>597</v>
      </c>
      <c r="AA11" s="195">
        <v>0</v>
      </c>
      <c r="AB11" s="196">
        <v>1436</v>
      </c>
      <c r="AC11" s="196">
        <v>2364</v>
      </c>
      <c r="AD11" s="196">
        <v>1565</v>
      </c>
      <c r="AE11" s="196">
        <v>1584</v>
      </c>
      <c r="AF11" s="196">
        <v>1618</v>
      </c>
      <c r="AG11" s="193">
        <v>8567</v>
      </c>
      <c r="AH11" s="198">
        <v>9164</v>
      </c>
      <c r="AI11" s="192">
        <v>41</v>
      </c>
      <c r="AJ11" s="196">
        <v>195</v>
      </c>
      <c r="AK11" s="193">
        <v>236</v>
      </c>
      <c r="AL11" s="195">
        <v>0</v>
      </c>
      <c r="AM11" s="196">
        <v>524</v>
      </c>
      <c r="AN11" s="196">
        <v>1092</v>
      </c>
      <c r="AO11" s="196">
        <v>863</v>
      </c>
      <c r="AP11" s="196">
        <v>431</v>
      </c>
      <c r="AQ11" s="196">
        <v>325</v>
      </c>
      <c r="AR11" s="193">
        <v>3235</v>
      </c>
      <c r="AS11" s="198">
        <v>3471</v>
      </c>
      <c r="AT11" s="192">
        <v>0</v>
      </c>
      <c r="AU11" s="196">
        <v>0</v>
      </c>
      <c r="AV11" s="193">
        <v>0</v>
      </c>
      <c r="AW11" s="195">
        <v>0</v>
      </c>
      <c r="AX11" s="196">
        <v>5609</v>
      </c>
      <c r="AY11" s="196">
        <v>6172</v>
      </c>
      <c r="AZ11" s="196">
        <v>4219</v>
      </c>
      <c r="BA11" s="196">
        <v>2419</v>
      </c>
      <c r="BB11" s="196">
        <v>1670</v>
      </c>
      <c r="BC11" s="197">
        <v>20089</v>
      </c>
      <c r="BD11" s="198">
        <v>20089</v>
      </c>
      <c r="BE11" s="192">
        <v>0</v>
      </c>
      <c r="BF11" s="196">
        <v>0</v>
      </c>
      <c r="BG11" s="193">
        <v>0</v>
      </c>
      <c r="BH11" s="195">
        <v>0</v>
      </c>
      <c r="BI11" s="196">
        <v>866</v>
      </c>
      <c r="BJ11" s="196">
        <v>1249</v>
      </c>
      <c r="BK11" s="196">
        <v>707</v>
      </c>
      <c r="BL11" s="196">
        <v>511</v>
      </c>
      <c r="BM11" s="196">
        <v>121</v>
      </c>
      <c r="BN11" s="193">
        <v>3454</v>
      </c>
      <c r="BO11" s="198">
        <v>3454</v>
      </c>
      <c r="BP11" s="192">
        <v>5</v>
      </c>
      <c r="BQ11" s="196">
        <v>46</v>
      </c>
      <c r="BR11" s="193">
        <v>51</v>
      </c>
      <c r="BS11" s="195">
        <v>0</v>
      </c>
      <c r="BT11" s="196">
        <v>525</v>
      </c>
      <c r="BU11" s="196">
        <v>1072</v>
      </c>
      <c r="BV11" s="196">
        <v>2395</v>
      </c>
      <c r="BW11" s="196">
        <v>1778</v>
      </c>
      <c r="BX11" s="196">
        <v>795</v>
      </c>
      <c r="BY11" s="193">
        <v>6565</v>
      </c>
      <c r="BZ11" s="198">
        <v>6616</v>
      </c>
      <c r="CA11" s="192">
        <v>0</v>
      </c>
      <c r="CB11" s="196">
        <v>0</v>
      </c>
      <c r="CC11" s="193">
        <v>0</v>
      </c>
      <c r="CD11" s="195">
        <v>0</v>
      </c>
      <c r="CE11" s="196">
        <v>4</v>
      </c>
      <c r="CF11" s="196">
        <v>80</v>
      </c>
      <c r="CG11" s="196">
        <v>85</v>
      </c>
      <c r="CH11" s="196">
        <v>0</v>
      </c>
      <c r="CI11" s="196">
        <v>6</v>
      </c>
      <c r="CJ11" s="193">
        <v>175</v>
      </c>
      <c r="CK11" s="198">
        <v>175</v>
      </c>
      <c r="CL11" s="192">
        <v>0</v>
      </c>
      <c r="CM11" s="196">
        <v>0</v>
      </c>
      <c r="CN11" s="193">
        <v>0</v>
      </c>
      <c r="CO11" s="195">
        <v>0</v>
      </c>
      <c r="CP11" s="196">
        <v>0</v>
      </c>
      <c r="CQ11" s="196">
        <v>0</v>
      </c>
      <c r="CR11" s="196">
        <v>0</v>
      </c>
      <c r="CS11" s="196">
        <v>0</v>
      </c>
      <c r="CT11" s="196">
        <v>0</v>
      </c>
      <c r="CU11" s="193">
        <v>0</v>
      </c>
      <c r="CV11" s="198">
        <v>0</v>
      </c>
      <c r="CW11" s="192">
        <v>0</v>
      </c>
      <c r="CX11" s="196">
        <v>0</v>
      </c>
      <c r="CY11" s="193">
        <v>0</v>
      </c>
      <c r="CZ11" s="195">
        <v>0</v>
      </c>
      <c r="DA11" s="196">
        <v>0</v>
      </c>
      <c r="DB11" s="196">
        <v>0</v>
      </c>
      <c r="DC11" s="196">
        <v>0</v>
      </c>
      <c r="DD11" s="196">
        <v>0</v>
      </c>
      <c r="DE11" s="196">
        <v>0</v>
      </c>
      <c r="DF11" s="193">
        <v>0</v>
      </c>
      <c r="DG11" s="198">
        <v>0</v>
      </c>
    </row>
    <row r="12" spans="1:111" ht="18.75" customHeight="1" x14ac:dyDescent="0.2">
      <c r="A12" s="177" t="s">
        <v>9</v>
      </c>
      <c r="B12" s="192">
        <v>0</v>
      </c>
      <c r="C12" s="196">
        <v>0</v>
      </c>
      <c r="D12" s="458">
        <v>0</v>
      </c>
      <c r="E12" s="195">
        <v>0</v>
      </c>
      <c r="F12" s="196">
        <v>6154</v>
      </c>
      <c r="G12" s="196">
        <v>8903</v>
      </c>
      <c r="H12" s="196">
        <v>11597</v>
      </c>
      <c r="I12" s="196">
        <v>17019</v>
      </c>
      <c r="J12" s="196">
        <v>14224</v>
      </c>
      <c r="K12" s="197">
        <v>57897</v>
      </c>
      <c r="L12" s="198">
        <v>57897</v>
      </c>
      <c r="M12" s="192">
        <v>0</v>
      </c>
      <c r="N12" s="196">
        <v>0</v>
      </c>
      <c r="O12" s="193">
        <v>0</v>
      </c>
      <c r="P12" s="195">
        <v>0</v>
      </c>
      <c r="Q12" s="196">
        <v>37</v>
      </c>
      <c r="R12" s="196">
        <v>40</v>
      </c>
      <c r="S12" s="196">
        <v>78</v>
      </c>
      <c r="T12" s="196">
        <v>288</v>
      </c>
      <c r="U12" s="196">
        <v>559</v>
      </c>
      <c r="V12" s="193">
        <v>1002</v>
      </c>
      <c r="W12" s="198">
        <v>1002</v>
      </c>
      <c r="X12" s="192">
        <v>157</v>
      </c>
      <c r="Y12" s="196">
        <v>436</v>
      </c>
      <c r="Z12" s="193">
        <v>593</v>
      </c>
      <c r="AA12" s="195">
        <v>0</v>
      </c>
      <c r="AB12" s="196">
        <v>3320</v>
      </c>
      <c r="AC12" s="196">
        <v>2935</v>
      </c>
      <c r="AD12" s="196">
        <v>2178</v>
      </c>
      <c r="AE12" s="196">
        <v>2065</v>
      </c>
      <c r="AF12" s="196">
        <v>2034</v>
      </c>
      <c r="AG12" s="193">
        <v>12532</v>
      </c>
      <c r="AH12" s="198">
        <v>13125</v>
      </c>
      <c r="AI12" s="192">
        <v>29</v>
      </c>
      <c r="AJ12" s="196">
        <v>123</v>
      </c>
      <c r="AK12" s="193">
        <v>152</v>
      </c>
      <c r="AL12" s="195">
        <v>0</v>
      </c>
      <c r="AM12" s="196">
        <v>590</v>
      </c>
      <c r="AN12" s="196">
        <v>785</v>
      </c>
      <c r="AO12" s="196">
        <v>589</v>
      </c>
      <c r="AP12" s="196">
        <v>574</v>
      </c>
      <c r="AQ12" s="196">
        <v>641</v>
      </c>
      <c r="AR12" s="193">
        <v>3179</v>
      </c>
      <c r="AS12" s="198">
        <v>3331</v>
      </c>
      <c r="AT12" s="192">
        <v>0</v>
      </c>
      <c r="AU12" s="196">
        <v>0</v>
      </c>
      <c r="AV12" s="193">
        <v>0</v>
      </c>
      <c r="AW12" s="195">
        <v>0</v>
      </c>
      <c r="AX12" s="196">
        <v>4343</v>
      </c>
      <c r="AY12" s="196">
        <v>3610</v>
      </c>
      <c r="AZ12" s="196">
        <v>2445</v>
      </c>
      <c r="BA12" s="196">
        <v>1652</v>
      </c>
      <c r="BB12" s="196">
        <v>703</v>
      </c>
      <c r="BC12" s="197">
        <v>12753</v>
      </c>
      <c r="BD12" s="198">
        <v>12753</v>
      </c>
      <c r="BE12" s="192">
        <v>0</v>
      </c>
      <c r="BF12" s="196">
        <v>0</v>
      </c>
      <c r="BG12" s="193">
        <v>0</v>
      </c>
      <c r="BH12" s="195">
        <v>0</v>
      </c>
      <c r="BI12" s="196">
        <v>799</v>
      </c>
      <c r="BJ12" s="196">
        <v>932</v>
      </c>
      <c r="BK12" s="196">
        <v>561</v>
      </c>
      <c r="BL12" s="196">
        <v>590</v>
      </c>
      <c r="BM12" s="196">
        <v>164</v>
      </c>
      <c r="BN12" s="193">
        <v>3046</v>
      </c>
      <c r="BO12" s="198">
        <v>3046</v>
      </c>
      <c r="BP12" s="192">
        <v>3</v>
      </c>
      <c r="BQ12" s="196">
        <v>10</v>
      </c>
      <c r="BR12" s="193">
        <v>13</v>
      </c>
      <c r="BS12" s="195">
        <v>0</v>
      </c>
      <c r="BT12" s="196">
        <v>379</v>
      </c>
      <c r="BU12" s="196">
        <v>795</v>
      </c>
      <c r="BV12" s="196">
        <v>1383</v>
      </c>
      <c r="BW12" s="196">
        <v>1240</v>
      </c>
      <c r="BX12" s="196">
        <v>689</v>
      </c>
      <c r="BY12" s="193">
        <v>4486</v>
      </c>
      <c r="BZ12" s="198">
        <v>4499</v>
      </c>
      <c r="CA12" s="192">
        <v>0</v>
      </c>
      <c r="CB12" s="196">
        <v>0</v>
      </c>
      <c r="CC12" s="193">
        <v>0</v>
      </c>
      <c r="CD12" s="195">
        <v>0</v>
      </c>
      <c r="CE12" s="196">
        <v>30</v>
      </c>
      <c r="CF12" s="196">
        <v>78</v>
      </c>
      <c r="CG12" s="196">
        <v>231</v>
      </c>
      <c r="CH12" s="196">
        <v>167</v>
      </c>
      <c r="CI12" s="196">
        <v>57</v>
      </c>
      <c r="CJ12" s="193">
        <v>563</v>
      </c>
      <c r="CK12" s="198">
        <v>563</v>
      </c>
      <c r="CL12" s="192">
        <v>0</v>
      </c>
      <c r="CM12" s="196">
        <v>0</v>
      </c>
      <c r="CN12" s="193">
        <v>0</v>
      </c>
      <c r="CO12" s="195">
        <v>0</v>
      </c>
      <c r="CP12" s="196">
        <v>0</v>
      </c>
      <c r="CQ12" s="196">
        <v>0</v>
      </c>
      <c r="CR12" s="196">
        <v>0</v>
      </c>
      <c r="CS12" s="196">
        <v>0</v>
      </c>
      <c r="CT12" s="196">
        <v>0</v>
      </c>
      <c r="CU12" s="193">
        <v>0</v>
      </c>
      <c r="CV12" s="198">
        <v>0</v>
      </c>
      <c r="CW12" s="192">
        <v>0</v>
      </c>
      <c r="CX12" s="196">
        <v>0</v>
      </c>
      <c r="CY12" s="193">
        <v>0</v>
      </c>
      <c r="CZ12" s="195">
        <v>0</v>
      </c>
      <c r="DA12" s="196">
        <v>0</v>
      </c>
      <c r="DB12" s="196">
        <v>0</v>
      </c>
      <c r="DC12" s="196">
        <v>0</v>
      </c>
      <c r="DD12" s="196">
        <v>0</v>
      </c>
      <c r="DE12" s="196">
        <v>0</v>
      </c>
      <c r="DF12" s="193">
        <v>0</v>
      </c>
      <c r="DG12" s="198">
        <v>0</v>
      </c>
    </row>
    <row r="13" spans="1:111" ht="18.75" customHeight="1" x14ac:dyDescent="0.2">
      <c r="A13" s="177" t="s">
        <v>10</v>
      </c>
      <c r="B13" s="192">
        <v>0</v>
      </c>
      <c r="C13" s="196">
        <v>0</v>
      </c>
      <c r="D13" s="458">
        <v>0</v>
      </c>
      <c r="E13" s="195">
        <v>0</v>
      </c>
      <c r="F13" s="196">
        <v>17012</v>
      </c>
      <c r="G13" s="196">
        <v>15141</v>
      </c>
      <c r="H13" s="196">
        <v>17112</v>
      </c>
      <c r="I13" s="196">
        <v>22405</v>
      </c>
      <c r="J13" s="196">
        <v>20548</v>
      </c>
      <c r="K13" s="197">
        <v>92218</v>
      </c>
      <c r="L13" s="198">
        <v>92218</v>
      </c>
      <c r="M13" s="192">
        <v>0</v>
      </c>
      <c r="N13" s="196">
        <v>0</v>
      </c>
      <c r="O13" s="193">
        <v>0</v>
      </c>
      <c r="P13" s="195">
        <v>0</v>
      </c>
      <c r="Q13" s="196">
        <v>61</v>
      </c>
      <c r="R13" s="196">
        <v>99</v>
      </c>
      <c r="S13" s="196">
        <v>107</v>
      </c>
      <c r="T13" s="196">
        <v>500</v>
      </c>
      <c r="U13" s="196">
        <v>745</v>
      </c>
      <c r="V13" s="193">
        <v>1512</v>
      </c>
      <c r="W13" s="198">
        <v>1512</v>
      </c>
      <c r="X13" s="192">
        <v>868</v>
      </c>
      <c r="Y13" s="196">
        <v>2326</v>
      </c>
      <c r="Z13" s="193">
        <v>3194</v>
      </c>
      <c r="AA13" s="195">
        <v>0</v>
      </c>
      <c r="AB13" s="196">
        <v>6806</v>
      </c>
      <c r="AC13" s="196">
        <v>4922</v>
      </c>
      <c r="AD13" s="196">
        <v>3188</v>
      </c>
      <c r="AE13" s="196">
        <v>2937</v>
      </c>
      <c r="AF13" s="196">
        <v>2726</v>
      </c>
      <c r="AG13" s="193">
        <v>20579</v>
      </c>
      <c r="AH13" s="198">
        <v>23773</v>
      </c>
      <c r="AI13" s="192">
        <v>178</v>
      </c>
      <c r="AJ13" s="196">
        <v>518</v>
      </c>
      <c r="AK13" s="193">
        <v>696</v>
      </c>
      <c r="AL13" s="195">
        <v>0</v>
      </c>
      <c r="AM13" s="196">
        <v>1108</v>
      </c>
      <c r="AN13" s="196">
        <v>1149</v>
      </c>
      <c r="AO13" s="196">
        <v>781</v>
      </c>
      <c r="AP13" s="196">
        <v>573</v>
      </c>
      <c r="AQ13" s="196">
        <v>582</v>
      </c>
      <c r="AR13" s="193">
        <v>4193</v>
      </c>
      <c r="AS13" s="198">
        <v>4889</v>
      </c>
      <c r="AT13" s="192">
        <v>0</v>
      </c>
      <c r="AU13" s="196">
        <v>0</v>
      </c>
      <c r="AV13" s="193">
        <v>0</v>
      </c>
      <c r="AW13" s="195">
        <v>0</v>
      </c>
      <c r="AX13" s="196">
        <v>13592</v>
      </c>
      <c r="AY13" s="196">
        <v>8443</v>
      </c>
      <c r="AZ13" s="196">
        <v>4879</v>
      </c>
      <c r="BA13" s="196">
        <v>2622</v>
      </c>
      <c r="BB13" s="196">
        <v>1230</v>
      </c>
      <c r="BC13" s="197">
        <v>30766</v>
      </c>
      <c r="BD13" s="198">
        <v>30766</v>
      </c>
      <c r="BE13" s="192">
        <v>0</v>
      </c>
      <c r="BF13" s="196">
        <v>0</v>
      </c>
      <c r="BG13" s="193">
        <v>0</v>
      </c>
      <c r="BH13" s="195">
        <v>0</v>
      </c>
      <c r="BI13" s="196">
        <v>1773</v>
      </c>
      <c r="BJ13" s="196">
        <v>1263</v>
      </c>
      <c r="BK13" s="196">
        <v>648</v>
      </c>
      <c r="BL13" s="196">
        <v>471</v>
      </c>
      <c r="BM13" s="196">
        <v>152</v>
      </c>
      <c r="BN13" s="193">
        <v>4307</v>
      </c>
      <c r="BO13" s="198">
        <v>4307</v>
      </c>
      <c r="BP13" s="192">
        <v>135</v>
      </c>
      <c r="BQ13" s="196">
        <v>148</v>
      </c>
      <c r="BR13" s="193">
        <v>283</v>
      </c>
      <c r="BS13" s="195">
        <v>0</v>
      </c>
      <c r="BT13" s="196">
        <v>1355</v>
      </c>
      <c r="BU13" s="196">
        <v>1474</v>
      </c>
      <c r="BV13" s="196">
        <v>2345</v>
      </c>
      <c r="BW13" s="196">
        <v>1623</v>
      </c>
      <c r="BX13" s="196">
        <v>1087</v>
      </c>
      <c r="BY13" s="193">
        <v>7884</v>
      </c>
      <c r="BZ13" s="198">
        <v>8167</v>
      </c>
      <c r="CA13" s="192">
        <v>0</v>
      </c>
      <c r="CB13" s="196">
        <v>8</v>
      </c>
      <c r="CC13" s="193">
        <v>8</v>
      </c>
      <c r="CD13" s="195">
        <v>0</v>
      </c>
      <c r="CE13" s="196">
        <v>94</v>
      </c>
      <c r="CF13" s="196">
        <v>154</v>
      </c>
      <c r="CG13" s="196">
        <v>240</v>
      </c>
      <c r="CH13" s="196">
        <v>68</v>
      </c>
      <c r="CI13" s="196">
        <v>38</v>
      </c>
      <c r="CJ13" s="193">
        <v>594</v>
      </c>
      <c r="CK13" s="198">
        <v>602</v>
      </c>
      <c r="CL13" s="192">
        <v>0</v>
      </c>
      <c r="CM13" s="196">
        <v>0</v>
      </c>
      <c r="CN13" s="193">
        <v>0</v>
      </c>
      <c r="CO13" s="195">
        <v>0</v>
      </c>
      <c r="CP13" s="196">
        <v>0</v>
      </c>
      <c r="CQ13" s="196">
        <v>0</v>
      </c>
      <c r="CR13" s="196">
        <v>0</v>
      </c>
      <c r="CS13" s="196">
        <v>0</v>
      </c>
      <c r="CT13" s="196">
        <v>0</v>
      </c>
      <c r="CU13" s="193">
        <v>0</v>
      </c>
      <c r="CV13" s="198">
        <v>0</v>
      </c>
      <c r="CW13" s="192">
        <v>0</v>
      </c>
      <c r="CX13" s="196">
        <v>0</v>
      </c>
      <c r="CY13" s="193">
        <v>0</v>
      </c>
      <c r="CZ13" s="195">
        <v>0</v>
      </c>
      <c r="DA13" s="196">
        <v>0</v>
      </c>
      <c r="DB13" s="196">
        <v>0</v>
      </c>
      <c r="DC13" s="196">
        <v>0</v>
      </c>
      <c r="DD13" s="196">
        <v>0</v>
      </c>
      <c r="DE13" s="196">
        <v>0</v>
      </c>
      <c r="DF13" s="193">
        <v>0</v>
      </c>
      <c r="DG13" s="198">
        <v>0</v>
      </c>
    </row>
    <row r="14" spans="1:111" ht="18.75" customHeight="1" x14ac:dyDescent="0.2">
      <c r="A14" s="177" t="s">
        <v>11</v>
      </c>
      <c r="B14" s="192">
        <v>0</v>
      </c>
      <c r="C14" s="196">
        <v>0</v>
      </c>
      <c r="D14" s="458">
        <v>0</v>
      </c>
      <c r="E14" s="195">
        <v>0</v>
      </c>
      <c r="F14" s="196">
        <v>6524</v>
      </c>
      <c r="G14" s="196">
        <v>6447</v>
      </c>
      <c r="H14" s="196">
        <v>8315</v>
      </c>
      <c r="I14" s="196">
        <v>9911</v>
      </c>
      <c r="J14" s="196">
        <v>8768</v>
      </c>
      <c r="K14" s="197">
        <v>39965</v>
      </c>
      <c r="L14" s="198">
        <v>39965</v>
      </c>
      <c r="M14" s="192">
        <v>0</v>
      </c>
      <c r="N14" s="196">
        <v>0</v>
      </c>
      <c r="O14" s="193">
        <v>0</v>
      </c>
      <c r="P14" s="195">
        <v>0</v>
      </c>
      <c r="Q14" s="196">
        <v>19</v>
      </c>
      <c r="R14" s="196">
        <v>75</v>
      </c>
      <c r="S14" s="196">
        <v>107</v>
      </c>
      <c r="T14" s="196">
        <v>207</v>
      </c>
      <c r="U14" s="196">
        <v>329</v>
      </c>
      <c r="V14" s="193">
        <v>737</v>
      </c>
      <c r="W14" s="198">
        <v>737</v>
      </c>
      <c r="X14" s="192">
        <v>249</v>
      </c>
      <c r="Y14" s="196">
        <v>557</v>
      </c>
      <c r="Z14" s="193">
        <v>806</v>
      </c>
      <c r="AA14" s="195">
        <v>0</v>
      </c>
      <c r="AB14" s="196">
        <v>2454</v>
      </c>
      <c r="AC14" s="196">
        <v>1764</v>
      </c>
      <c r="AD14" s="196">
        <v>1656</v>
      </c>
      <c r="AE14" s="196">
        <v>1570</v>
      </c>
      <c r="AF14" s="196">
        <v>1733</v>
      </c>
      <c r="AG14" s="193">
        <v>9177</v>
      </c>
      <c r="AH14" s="198">
        <v>9983</v>
      </c>
      <c r="AI14" s="192">
        <v>59</v>
      </c>
      <c r="AJ14" s="196">
        <v>128</v>
      </c>
      <c r="AK14" s="193">
        <v>187</v>
      </c>
      <c r="AL14" s="195">
        <v>0</v>
      </c>
      <c r="AM14" s="196">
        <v>410</v>
      </c>
      <c r="AN14" s="196">
        <v>313</v>
      </c>
      <c r="AO14" s="196">
        <v>321</v>
      </c>
      <c r="AP14" s="196">
        <v>326</v>
      </c>
      <c r="AQ14" s="196">
        <v>33</v>
      </c>
      <c r="AR14" s="193">
        <v>1403</v>
      </c>
      <c r="AS14" s="198">
        <v>1590</v>
      </c>
      <c r="AT14" s="192">
        <v>0</v>
      </c>
      <c r="AU14" s="196">
        <v>0</v>
      </c>
      <c r="AV14" s="193">
        <v>0</v>
      </c>
      <c r="AW14" s="195">
        <v>0</v>
      </c>
      <c r="AX14" s="196">
        <v>6971</v>
      </c>
      <c r="AY14" s="196">
        <v>3994</v>
      </c>
      <c r="AZ14" s="196">
        <v>2717</v>
      </c>
      <c r="BA14" s="196">
        <v>1846</v>
      </c>
      <c r="BB14" s="196">
        <v>884</v>
      </c>
      <c r="BC14" s="197">
        <v>16412</v>
      </c>
      <c r="BD14" s="198">
        <v>16412</v>
      </c>
      <c r="BE14" s="192">
        <v>0</v>
      </c>
      <c r="BF14" s="196">
        <v>0</v>
      </c>
      <c r="BG14" s="193">
        <v>0</v>
      </c>
      <c r="BH14" s="195">
        <v>0</v>
      </c>
      <c r="BI14" s="196">
        <v>1545</v>
      </c>
      <c r="BJ14" s="196">
        <v>868</v>
      </c>
      <c r="BK14" s="196">
        <v>640</v>
      </c>
      <c r="BL14" s="196">
        <v>408</v>
      </c>
      <c r="BM14" s="196">
        <v>145</v>
      </c>
      <c r="BN14" s="193">
        <v>3606</v>
      </c>
      <c r="BO14" s="198">
        <v>3606</v>
      </c>
      <c r="BP14" s="192">
        <v>10</v>
      </c>
      <c r="BQ14" s="196">
        <v>46</v>
      </c>
      <c r="BR14" s="193">
        <v>56</v>
      </c>
      <c r="BS14" s="195">
        <v>0</v>
      </c>
      <c r="BT14" s="196">
        <v>769</v>
      </c>
      <c r="BU14" s="196">
        <v>1106</v>
      </c>
      <c r="BV14" s="196">
        <v>1493</v>
      </c>
      <c r="BW14" s="196">
        <v>1374</v>
      </c>
      <c r="BX14" s="196">
        <v>569</v>
      </c>
      <c r="BY14" s="193">
        <v>5311</v>
      </c>
      <c r="BZ14" s="198">
        <v>5367</v>
      </c>
      <c r="CA14" s="192">
        <v>0</v>
      </c>
      <c r="CB14" s="196">
        <v>0</v>
      </c>
      <c r="CC14" s="193">
        <v>0</v>
      </c>
      <c r="CD14" s="195">
        <v>0</v>
      </c>
      <c r="CE14" s="196">
        <v>34</v>
      </c>
      <c r="CF14" s="196">
        <v>68</v>
      </c>
      <c r="CG14" s="196">
        <v>92</v>
      </c>
      <c r="CH14" s="196">
        <v>137</v>
      </c>
      <c r="CI14" s="196">
        <v>49</v>
      </c>
      <c r="CJ14" s="193">
        <v>380</v>
      </c>
      <c r="CK14" s="198">
        <v>380</v>
      </c>
      <c r="CL14" s="192">
        <v>0</v>
      </c>
      <c r="CM14" s="196">
        <v>0</v>
      </c>
      <c r="CN14" s="193">
        <v>0</v>
      </c>
      <c r="CO14" s="195">
        <v>0</v>
      </c>
      <c r="CP14" s="196">
        <v>0</v>
      </c>
      <c r="CQ14" s="196">
        <v>0</v>
      </c>
      <c r="CR14" s="196">
        <v>0</v>
      </c>
      <c r="CS14" s="196">
        <v>0</v>
      </c>
      <c r="CT14" s="196">
        <v>0</v>
      </c>
      <c r="CU14" s="193">
        <v>0</v>
      </c>
      <c r="CV14" s="198">
        <v>0</v>
      </c>
      <c r="CW14" s="192">
        <v>0</v>
      </c>
      <c r="CX14" s="196">
        <v>0</v>
      </c>
      <c r="CY14" s="193">
        <v>0</v>
      </c>
      <c r="CZ14" s="195">
        <v>0</v>
      </c>
      <c r="DA14" s="196">
        <v>0</v>
      </c>
      <c r="DB14" s="196">
        <v>0</v>
      </c>
      <c r="DC14" s="196">
        <v>0</v>
      </c>
      <c r="DD14" s="196">
        <v>0</v>
      </c>
      <c r="DE14" s="196">
        <v>0</v>
      </c>
      <c r="DF14" s="193">
        <v>0</v>
      </c>
      <c r="DG14" s="198">
        <v>0</v>
      </c>
    </row>
    <row r="15" spans="1:111" ht="18.75" customHeight="1" x14ac:dyDescent="0.2">
      <c r="A15" s="177" t="s">
        <v>12</v>
      </c>
      <c r="B15" s="192">
        <v>0</v>
      </c>
      <c r="C15" s="196">
        <v>0</v>
      </c>
      <c r="D15" s="458">
        <v>0</v>
      </c>
      <c r="E15" s="195">
        <v>0</v>
      </c>
      <c r="F15" s="196">
        <v>6452</v>
      </c>
      <c r="G15" s="196">
        <v>7950</v>
      </c>
      <c r="H15" s="196">
        <v>8509</v>
      </c>
      <c r="I15" s="196">
        <v>11434</v>
      </c>
      <c r="J15" s="196">
        <v>11616</v>
      </c>
      <c r="K15" s="197">
        <v>45961</v>
      </c>
      <c r="L15" s="198">
        <v>45961</v>
      </c>
      <c r="M15" s="192">
        <v>0</v>
      </c>
      <c r="N15" s="196">
        <v>18</v>
      </c>
      <c r="O15" s="193">
        <v>18</v>
      </c>
      <c r="P15" s="195">
        <v>0</v>
      </c>
      <c r="Q15" s="196">
        <v>12</v>
      </c>
      <c r="R15" s="196">
        <v>90</v>
      </c>
      <c r="S15" s="196">
        <v>78</v>
      </c>
      <c r="T15" s="196">
        <v>257</v>
      </c>
      <c r="U15" s="196">
        <v>436</v>
      </c>
      <c r="V15" s="193">
        <v>873</v>
      </c>
      <c r="W15" s="198">
        <v>891</v>
      </c>
      <c r="X15" s="192">
        <v>455</v>
      </c>
      <c r="Y15" s="196">
        <v>1159</v>
      </c>
      <c r="Z15" s="193">
        <v>1614</v>
      </c>
      <c r="AA15" s="195">
        <v>0</v>
      </c>
      <c r="AB15" s="196">
        <v>1677</v>
      </c>
      <c r="AC15" s="196">
        <v>1916</v>
      </c>
      <c r="AD15" s="196">
        <v>1510</v>
      </c>
      <c r="AE15" s="196">
        <v>1674</v>
      </c>
      <c r="AF15" s="196">
        <v>1397</v>
      </c>
      <c r="AG15" s="193">
        <v>8174</v>
      </c>
      <c r="AH15" s="198">
        <v>9788</v>
      </c>
      <c r="AI15" s="192">
        <v>30</v>
      </c>
      <c r="AJ15" s="196">
        <v>162</v>
      </c>
      <c r="AK15" s="193">
        <v>192</v>
      </c>
      <c r="AL15" s="195">
        <v>0</v>
      </c>
      <c r="AM15" s="196">
        <v>123</v>
      </c>
      <c r="AN15" s="196">
        <v>553</v>
      </c>
      <c r="AO15" s="196">
        <v>333</v>
      </c>
      <c r="AP15" s="196">
        <v>227</v>
      </c>
      <c r="AQ15" s="196">
        <v>253</v>
      </c>
      <c r="AR15" s="193">
        <v>1489</v>
      </c>
      <c r="AS15" s="198">
        <v>1681</v>
      </c>
      <c r="AT15" s="192">
        <v>0</v>
      </c>
      <c r="AU15" s="196">
        <v>0</v>
      </c>
      <c r="AV15" s="193">
        <v>0</v>
      </c>
      <c r="AW15" s="195">
        <v>0</v>
      </c>
      <c r="AX15" s="196">
        <v>5539</v>
      </c>
      <c r="AY15" s="196">
        <v>4068</v>
      </c>
      <c r="AZ15" s="196">
        <v>3242</v>
      </c>
      <c r="BA15" s="196">
        <v>2249</v>
      </c>
      <c r="BB15" s="196">
        <v>809</v>
      </c>
      <c r="BC15" s="197">
        <v>15907</v>
      </c>
      <c r="BD15" s="198">
        <v>15907</v>
      </c>
      <c r="BE15" s="192">
        <v>0</v>
      </c>
      <c r="BF15" s="196">
        <v>0</v>
      </c>
      <c r="BG15" s="193">
        <v>0</v>
      </c>
      <c r="BH15" s="195">
        <v>0</v>
      </c>
      <c r="BI15" s="196">
        <v>872</v>
      </c>
      <c r="BJ15" s="196">
        <v>1284</v>
      </c>
      <c r="BK15" s="196">
        <v>828</v>
      </c>
      <c r="BL15" s="196">
        <v>611</v>
      </c>
      <c r="BM15" s="196">
        <v>218</v>
      </c>
      <c r="BN15" s="193">
        <v>3813</v>
      </c>
      <c r="BO15" s="198">
        <v>3813</v>
      </c>
      <c r="BP15" s="192">
        <v>12</v>
      </c>
      <c r="BQ15" s="196">
        <v>42</v>
      </c>
      <c r="BR15" s="193">
        <v>54</v>
      </c>
      <c r="BS15" s="195">
        <v>0</v>
      </c>
      <c r="BT15" s="196">
        <v>544</v>
      </c>
      <c r="BU15" s="196">
        <v>792</v>
      </c>
      <c r="BV15" s="196">
        <v>1258</v>
      </c>
      <c r="BW15" s="196">
        <v>1060</v>
      </c>
      <c r="BX15" s="196">
        <v>526</v>
      </c>
      <c r="BY15" s="193">
        <v>4180</v>
      </c>
      <c r="BZ15" s="198">
        <v>4234</v>
      </c>
      <c r="CA15" s="192">
        <v>4</v>
      </c>
      <c r="CB15" s="196">
        <v>0</v>
      </c>
      <c r="CC15" s="193">
        <v>4</v>
      </c>
      <c r="CD15" s="195">
        <v>0</v>
      </c>
      <c r="CE15" s="196">
        <v>14</v>
      </c>
      <c r="CF15" s="196">
        <v>19</v>
      </c>
      <c r="CG15" s="196">
        <v>30</v>
      </c>
      <c r="CH15" s="196">
        <v>34</v>
      </c>
      <c r="CI15" s="196">
        <v>14</v>
      </c>
      <c r="CJ15" s="193">
        <v>111</v>
      </c>
      <c r="CK15" s="198">
        <v>115</v>
      </c>
      <c r="CL15" s="192">
        <v>0</v>
      </c>
      <c r="CM15" s="196">
        <v>0</v>
      </c>
      <c r="CN15" s="193">
        <v>0</v>
      </c>
      <c r="CO15" s="195">
        <v>0</v>
      </c>
      <c r="CP15" s="196">
        <v>0</v>
      </c>
      <c r="CQ15" s="196">
        <v>0</v>
      </c>
      <c r="CR15" s="196">
        <v>0</v>
      </c>
      <c r="CS15" s="196">
        <v>0</v>
      </c>
      <c r="CT15" s="196">
        <v>0</v>
      </c>
      <c r="CU15" s="193">
        <v>0</v>
      </c>
      <c r="CV15" s="198">
        <v>0</v>
      </c>
      <c r="CW15" s="192">
        <v>0</v>
      </c>
      <c r="CX15" s="196">
        <v>0</v>
      </c>
      <c r="CY15" s="193">
        <v>0</v>
      </c>
      <c r="CZ15" s="195">
        <v>0</v>
      </c>
      <c r="DA15" s="196">
        <v>0</v>
      </c>
      <c r="DB15" s="196">
        <v>0</v>
      </c>
      <c r="DC15" s="196">
        <v>0</v>
      </c>
      <c r="DD15" s="196">
        <v>0</v>
      </c>
      <c r="DE15" s="196">
        <v>0</v>
      </c>
      <c r="DF15" s="193">
        <v>0</v>
      </c>
      <c r="DG15" s="198">
        <v>0</v>
      </c>
    </row>
    <row r="16" spans="1:111" ht="18.75" customHeight="1" x14ac:dyDescent="0.2">
      <c r="A16" s="177" t="s">
        <v>13</v>
      </c>
      <c r="B16" s="192">
        <v>0</v>
      </c>
      <c r="C16" s="196">
        <v>0</v>
      </c>
      <c r="D16" s="458">
        <v>0</v>
      </c>
      <c r="E16" s="195">
        <v>0</v>
      </c>
      <c r="F16" s="196">
        <v>2082</v>
      </c>
      <c r="G16" s="196">
        <v>3592</v>
      </c>
      <c r="H16" s="196">
        <v>3956</v>
      </c>
      <c r="I16" s="196">
        <v>4323</v>
      </c>
      <c r="J16" s="196">
        <v>5930</v>
      </c>
      <c r="K16" s="197">
        <v>19883</v>
      </c>
      <c r="L16" s="198">
        <v>19883</v>
      </c>
      <c r="M16" s="192">
        <v>3</v>
      </c>
      <c r="N16" s="196">
        <v>0</v>
      </c>
      <c r="O16" s="193">
        <v>3</v>
      </c>
      <c r="P16" s="195">
        <v>0</v>
      </c>
      <c r="Q16" s="196">
        <v>0</v>
      </c>
      <c r="R16" s="196">
        <v>4</v>
      </c>
      <c r="S16" s="196">
        <v>42</v>
      </c>
      <c r="T16" s="196">
        <v>73</v>
      </c>
      <c r="U16" s="196">
        <v>180</v>
      </c>
      <c r="V16" s="193">
        <v>299</v>
      </c>
      <c r="W16" s="198">
        <v>302</v>
      </c>
      <c r="X16" s="192">
        <v>49</v>
      </c>
      <c r="Y16" s="196">
        <v>157</v>
      </c>
      <c r="Z16" s="193">
        <v>206</v>
      </c>
      <c r="AA16" s="195">
        <v>0</v>
      </c>
      <c r="AB16" s="196">
        <v>829</v>
      </c>
      <c r="AC16" s="196">
        <v>1450</v>
      </c>
      <c r="AD16" s="196">
        <v>815</v>
      </c>
      <c r="AE16" s="196">
        <v>786</v>
      </c>
      <c r="AF16" s="196">
        <v>792</v>
      </c>
      <c r="AG16" s="193">
        <v>4672</v>
      </c>
      <c r="AH16" s="198">
        <v>4878</v>
      </c>
      <c r="AI16" s="192">
        <v>30</v>
      </c>
      <c r="AJ16" s="196">
        <v>34</v>
      </c>
      <c r="AK16" s="193">
        <v>64</v>
      </c>
      <c r="AL16" s="195">
        <v>0</v>
      </c>
      <c r="AM16" s="196">
        <v>172</v>
      </c>
      <c r="AN16" s="196">
        <v>256</v>
      </c>
      <c r="AO16" s="196">
        <v>152</v>
      </c>
      <c r="AP16" s="196">
        <v>122</v>
      </c>
      <c r="AQ16" s="196">
        <v>88</v>
      </c>
      <c r="AR16" s="193">
        <v>790</v>
      </c>
      <c r="AS16" s="198">
        <v>854</v>
      </c>
      <c r="AT16" s="192">
        <v>0</v>
      </c>
      <c r="AU16" s="196">
        <v>0</v>
      </c>
      <c r="AV16" s="193">
        <v>0</v>
      </c>
      <c r="AW16" s="195">
        <v>0</v>
      </c>
      <c r="AX16" s="196">
        <v>1333</v>
      </c>
      <c r="AY16" s="196">
        <v>1671</v>
      </c>
      <c r="AZ16" s="196">
        <v>1179</v>
      </c>
      <c r="BA16" s="196">
        <v>632</v>
      </c>
      <c r="BB16" s="196">
        <v>249</v>
      </c>
      <c r="BC16" s="197">
        <v>5064</v>
      </c>
      <c r="BD16" s="198">
        <v>5064</v>
      </c>
      <c r="BE16" s="192">
        <v>0</v>
      </c>
      <c r="BF16" s="196">
        <v>0</v>
      </c>
      <c r="BG16" s="193">
        <v>0</v>
      </c>
      <c r="BH16" s="195">
        <v>0</v>
      </c>
      <c r="BI16" s="196">
        <v>187</v>
      </c>
      <c r="BJ16" s="196">
        <v>303</v>
      </c>
      <c r="BK16" s="196">
        <v>161</v>
      </c>
      <c r="BL16" s="196">
        <v>206</v>
      </c>
      <c r="BM16" s="196">
        <v>73</v>
      </c>
      <c r="BN16" s="193">
        <v>930</v>
      </c>
      <c r="BO16" s="198">
        <v>930</v>
      </c>
      <c r="BP16" s="192">
        <v>0</v>
      </c>
      <c r="BQ16" s="196">
        <v>0</v>
      </c>
      <c r="BR16" s="193">
        <v>0</v>
      </c>
      <c r="BS16" s="195">
        <v>0</v>
      </c>
      <c r="BT16" s="196">
        <v>127</v>
      </c>
      <c r="BU16" s="196">
        <v>240</v>
      </c>
      <c r="BV16" s="196">
        <v>702</v>
      </c>
      <c r="BW16" s="196">
        <v>566</v>
      </c>
      <c r="BX16" s="196">
        <v>387</v>
      </c>
      <c r="BY16" s="193">
        <v>2022</v>
      </c>
      <c r="BZ16" s="198">
        <v>2022</v>
      </c>
      <c r="CA16" s="192">
        <v>0</v>
      </c>
      <c r="CB16" s="196">
        <v>0</v>
      </c>
      <c r="CC16" s="193">
        <v>0</v>
      </c>
      <c r="CD16" s="195">
        <v>0</v>
      </c>
      <c r="CE16" s="196">
        <v>17</v>
      </c>
      <c r="CF16" s="196">
        <v>26</v>
      </c>
      <c r="CG16" s="196">
        <v>69</v>
      </c>
      <c r="CH16" s="196">
        <v>41</v>
      </c>
      <c r="CI16" s="196">
        <v>0</v>
      </c>
      <c r="CJ16" s="193">
        <v>153</v>
      </c>
      <c r="CK16" s="198">
        <v>153</v>
      </c>
      <c r="CL16" s="192">
        <v>0</v>
      </c>
      <c r="CM16" s="196">
        <v>0</v>
      </c>
      <c r="CN16" s="193">
        <v>0</v>
      </c>
      <c r="CO16" s="195">
        <v>0</v>
      </c>
      <c r="CP16" s="196">
        <v>0</v>
      </c>
      <c r="CQ16" s="196">
        <v>0</v>
      </c>
      <c r="CR16" s="196">
        <v>0</v>
      </c>
      <c r="CS16" s="196">
        <v>0</v>
      </c>
      <c r="CT16" s="196">
        <v>0</v>
      </c>
      <c r="CU16" s="193">
        <v>0</v>
      </c>
      <c r="CV16" s="198">
        <v>0</v>
      </c>
      <c r="CW16" s="192">
        <v>0</v>
      </c>
      <c r="CX16" s="196">
        <v>0</v>
      </c>
      <c r="CY16" s="193">
        <v>0</v>
      </c>
      <c r="CZ16" s="195">
        <v>0</v>
      </c>
      <c r="DA16" s="196">
        <v>0</v>
      </c>
      <c r="DB16" s="196">
        <v>0</v>
      </c>
      <c r="DC16" s="196">
        <v>0</v>
      </c>
      <c r="DD16" s="196">
        <v>0</v>
      </c>
      <c r="DE16" s="196">
        <v>0</v>
      </c>
      <c r="DF16" s="193">
        <v>0</v>
      </c>
      <c r="DG16" s="198">
        <v>0</v>
      </c>
    </row>
    <row r="17" spans="1:111" ht="18.75" customHeight="1" x14ac:dyDescent="0.2">
      <c r="A17" s="177" t="s">
        <v>15</v>
      </c>
      <c r="B17" s="192">
        <v>0</v>
      </c>
      <c r="C17" s="196">
        <v>0</v>
      </c>
      <c r="D17" s="458">
        <v>0</v>
      </c>
      <c r="E17" s="195">
        <v>0</v>
      </c>
      <c r="F17" s="196">
        <v>1238</v>
      </c>
      <c r="G17" s="196">
        <v>2019</v>
      </c>
      <c r="H17" s="196">
        <v>1460</v>
      </c>
      <c r="I17" s="196">
        <v>1054</v>
      </c>
      <c r="J17" s="196">
        <v>2297</v>
      </c>
      <c r="K17" s="197">
        <v>8068</v>
      </c>
      <c r="L17" s="198">
        <v>8068</v>
      </c>
      <c r="M17" s="192">
        <v>0</v>
      </c>
      <c r="N17" s="196">
        <v>0</v>
      </c>
      <c r="O17" s="193">
        <v>0</v>
      </c>
      <c r="P17" s="195">
        <v>0</v>
      </c>
      <c r="Q17" s="196">
        <v>3</v>
      </c>
      <c r="R17" s="196">
        <v>24</v>
      </c>
      <c r="S17" s="196">
        <v>47</v>
      </c>
      <c r="T17" s="196">
        <v>81</v>
      </c>
      <c r="U17" s="196">
        <v>197</v>
      </c>
      <c r="V17" s="193">
        <v>352</v>
      </c>
      <c r="W17" s="198">
        <v>352</v>
      </c>
      <c r="X17" s="192">
        <v>8</v>
      </c>
      <c r="Y17" s="196">
        <v>60</v>
      </c>
      <c r="Z17" s="193">
        <v>68</v>
      </c>
      <c r="AA17" s="195">
        <v>0</v>
      </c>
      <c r="AB17" s="196">
        <v>264</v>
      </c>
      <c r="AC17" s="196">
        <v>409</v>
      </c>
      <c r="AD17" s="196">
        <v>280</v>
      </c>
      <c r="AE17" s="196">
        <v>317</v>
      </c>
      <c r="AF17" s="196">
        <v>319</v>
      </c>
      <c r="AG17" s="193">
        <v>1589</v>
      </c>
      <c r="AH17" s="198">
        <v>1657</v>
      </c>
      <c r="AI17" s="192">
        <v>4</v>
      </c>
      <c r="AJ17" s="196">
        <v>8</v>
      </c>
      <c r="AK17" s="193">
        <v>12</v>
      </c>
      <c r="AL17" s="195">
        <v>0</v>
      </c>
      <c r="AM17" s="196">
        <v>46</v>
      </c>
      <c r="AN17" s="196">
        <v>145</v>
      </c>
      <c r="AO17" s="196">
        <v>62</v>
      </c>
      <c r="AP17" s="196">
        <v>41</v>
      </c>
      <c r="AQ17" s="196">
        <v>101</v>
      </c>
      <c r="AR17" s="193">
        <v>395</v>
      </c>
      <c r="AS17" s="198">
        <v>407</v>
      </c>
      <c r="AT17" s="192">
        <v>0</v>
      </c>
      <c r="AU17" s="196">
        <v>0</v>
      </c>
      <c r="AV17" s="193">
        <v>0</v>
      </c>
      <c r="AW17" s="195">
        <v>0</v>
      </c>
      <c r="AX17" s="196">
        <v>894</v>
      </c>
      <c r="AY17" s="196">
        <v>1354</v>
      </c>
      <c r="AZ17" s="196">
        <v>691</v>
      </c>
      <c r="BA17" s="196">
        <v>219</v>
      </c>
      <c r="BB17" s="196">
        <v>78</v>
      </c>
      <c r="BC17" s="197">
        <v>3236</v>
      </c>
      <c r="BD17" s="198">
        <v>3236</v>
      </c>
      <c r="BE17" s="192">
        <v>0</v>
      </c>
      <c r="BF17" s="196">
        <v>0</v>
      </c>
      <c r="BG17" s="193">
        <v>0</v>
      </c>
      <c r="BH17" s="195">
        <v>0</v>
      </c>
      <c r="BI17" s="196">
        <v>240</v>
      </c>
      <c r="BJ17" s="196">
        <v>280</v>
      </c>
      <c r="BK17" s="196">
        <v>139</v>
      </c>
      <c r="BL17" s="196">
        <v>63</v>
      </c>
      <c r="BM17" s="196">
        <v>38</v>
      </c>
      <c r="BN17" s="193">
        <v>760</v>
      </c>
      <c r="BO17" s="198">
        <v>760</v>
      </c>
      <c r="BP17" s="192">
        <v>4</v>
      </c>
      <c r="BQ17" s="196">
        <v>2</v>
      </c>
      <c r="BR17" s="193">
        <v>6</v>
      </c>
      <c r="BS17" s="195">
        <v>0</v>
      </c>
      <c r="BT17" s="196">
        <v>172</v>
      </c>
      <c r="BU17" s="196">
        <v>297</v>
      </c>
      <c r="BV17" s="196">
        <v>752</v>
      </c>
      <c r="BW17" s="196">
        <v>417</v>
      </c>
      <c r="BX17" s="196">
        <v>327</v>
      </c>
      <c r="BY17" s="193">
        <v>1965</v>
      </c>
      <c r="BZ17" s="198">
        <v>1971</v>
      </c>
      <c r="CA17" s="192">
        <v>0</v>
      </c>
      <c r="CB17" s="196">
        <v>4</v>
      </c>
      <c r="CC17" s="193">
        <v>4</v>
      </c>
      <c r="CD17" s="195">
        <v>0</v>
      </c>
      <c r="CE17" s="196">
        <v>0</v>
      </c>
      <c r="CF17" s="196">
        <v>23</v>
      </c>
      <c r="CG17" s="196">
        <v>15</v>
      </c>
      <c r="CH17" s="196">
        <v>12</v>
      </c>
      <c r="CI17" s="196">
        <v>8</v>
      </c>
      <c r="CJ17" s="193">
        <v>58</v>
      </c>
      <c r="CK17" s="198">
        <v>62</v>
      </c>
      <c r="CL17" s="192">
        <v>0</v>
      </c>
      <c r="CM17" s="196">
        <v>0</v>
      </c>
      <c r="CN17" s="193">
        <v>0</v>
      </c>
      <c r="CO17" s="195">
        <v>0</v>
      </c>
      <c r="CP17" s="196">
        <v>0</v>
      </c>
      <c r="CQ17" s="196">
        <v>0</v>
      </c>
      <c r="CR17" s="196">
        <v>0</v>
      </c>
      <c r="CS17" s="196">
        <v>0</v>
      </c>
      <c r="CT17" s="196">
        <v>0</v>
      </c>
      <c r="CU17" s="193">
        <v>0</v>
      </c>
      <c r="CV17" s="198">
        <v>0</v>
      </c>
      <c r="CW17" s="192">
        <v>0</v>
      </c>
      <c r="CX17" s="196">
        <v>0</v>
      </c>
      <c r="CY17" s="193">
        <v>0</v>
      </c>
      <c r="CZ17" s="195">
        <v>0</v>
      </c>
      <c r="DA17" s="196">
        <v>0</v>
      </c>
      <c r="DB17" s="196">
        <v>0</v>
      </c>
      <c r="DC17" s="196">
        <v>0</v>
      </c>
      <c r="DD17" s="196">
        <v>0</v>
      </c>
      <c r="DE17" s="196">
        <v>0</v>
      </c>
      <c r="DF17" s="193">
        <v>0</v>
      </c>
      <c r="DG17" s="198">
        <v>0</v>
      </c>
    </row>
    <row r="18" spans="1:111" ht="18.75" customHeight="1" x14ac:dyDescent="0.2">
      <c r="A18" s="177" t="s">
        <v>16</v>
      </c>
      <c r="B18" s="192">
        <v>0</v>
      </c>
      <c r="C18" s="196">
        <v>0</v>
      </c>
      <c r="D18" s="458">
        <v>0</v>
      </c>
      <c r="E18" s="195">
        <v>0</v>
      </c>
      <c r="F18" s="196">
        <v>2127</v>
      </c>
      <c r="G18" s="196">
        <v>3877</v>
      </c>
      <c r="H18" s="196">
        <v>4421</v>
      </c>
      <c r="I18" s="196">
        <v>4603</v>
      </c>
      <c r="J18" s="196">
        <v>3929</v>
      </c>
      <c r="K18" s="197">
        <v>18957</v>
      </c>
      <c r="L18" s="198">
        <v>18957</v>
      </c>
      <c r="M18" s="192">
        <v>0</v>
      </c>
      <c r="N18" s="196">
        <v>0</v>
      </c>
      <c r="O18" s="193">
        <v>0</v>
      </c>
      <c r="P18" s="195">
        <v>0</v>
      </c>
      <c r="Q18" s="196">
        <v>5</v>
      </c>
      <c r="R18" s="196">
        <v>38</v>
      </c>
      <c r="S18" s="196">
        <v>49</v>
      </c>
      <c r="T18" s="196">
        <v>145</v>
      </c>
      <c r="U18" s="196">
        <v>213</v>
      </c>
      <c r="V18" s="193">
        <v>450</v>
      </c>
      <c r="W18" s="198">
        <v>450</v>
      </c>
      <c r="X18" s="192">
        <v>94</v>
      </c>
      <c r="Y18" s="196">
        <v>327</v>
      </c>
      <c r="Z18" s="193">
        <v>421</v>
      </c>
      <c r="AA18" s="195">
        <v>0</v>
      </c>
      <c r="AB18" s="196">
        <v>1108</v>
      </c>
      <c r="AC18" s="196">
        <v>2312</v>
      </c>
      <c r="AD18" s="196">
        <v>1428</v>
      </c>
      <c r="AE18" s="196">
        <v>1559</v>
      </c>
      <c r="AF18" s="196">
        <v>980</v>
      </c>
      <c r="AG18" s="193">
        <v>7387</v>
      </c>
      <c r="AH18" s="198">
        <v>7808</v>
      </c>
      <c r="AI18" s="192">
        <v>0</v>
      </c>
      <c r="AJ18" s="196">
        <v>75</v>
      </c>
      <c r="AK18" s="193">
        <v>75</v>
      </c>
      <c r="AL18" s="195">
        <v>0</v>
      </c>
      <c r="AM18" s="196">
        <v>59</v>
      </c>
      <c r="AN18" s="196">
        <v>234</v>
      </c>
      <c r="AO18" s="196">
        <v>189</v>
      </c>
      <c r="AP18" s="196">
        <v>194</v>
      </c>
      <c r="AQ18" s="196">
        <v>87</v>
      </c>
      <c r="AR18" s="193">
        <v>763</v>
      </c>
      <c r="AS18" s="198">
        <v>838</v>
      </c>
      <c r="AT18" s="192">
        <v>0</v>
      </c>
      <c r="AU18" s="196">
        <v>0</v>
      </c>
      <c r="AV18" s="193">
        <v>0</v>
      </c>
      <c r="AW18" s="195">
        <v>0</v>
      </c>
      <c r="AX18" s="196">
        <v>3141</v>
      </c>
      <c r="AY18" s="196">
        <v>4097</v>
      </c>
      <c r="AZ18" s="196">
        <v>3227</v>
      </c>
      <c r="BA18" s="196">
        <v>1767</v>
      </c>
      <c r="BB18" s="196">
        <v>1114</v>
      </c>
      <c r="BC18" s="197">
        <v>13346</v>
      </c>
      <c r="BD18" s="198">
        <v>13346</v>
      </c>
      <c r="BE18" s="192">
        <v>0</v>
      </c>
      <c r="BF18" s="196">
        <v>0</v>
      </c>
      <c r="BG18" s="193">
        <v>0</v>
      </c>
      <c r="BH18" s="195">
        <v>0</v>
      </c>
      <c r="BI18" s="196">
        <v>1382</v>
      </c>
      <c r="BJ18" s="196">
        <v>2246</v>
      </c>
      <c r="BK18" s="196">
        <v>1015</v>
      </c>
      <c r="BL18" s="196">
        <v>585</v>
      </c>
      <c r="BM18" s="196">
        <v>205</v>
      </c>
      <c r="BN18" s="193">
        <v>5433</v>
      </c>
      <c r="BO18" s="198">
        <v>5433</v>
      </c>
      <c r="BP18" s="192">
        <v>0</v>
      </c>
      <c r="BQ18" s="196">
        <v>4</v>
      </c>
      <c r="BR18" s="193">
        <v>4</v>
      </c>
      <c r="BS18" s="195">
        <v>0</v>
      </c>
      <c r="BT18" s="196">
        <v>303</v>
      </c>
      <c r="BU18" s="196">
        <v>639</v>
      </c>
      <c r="BV18" s="196">
        <v>902</v>
      </c>
      <c r="BW18" s="196">
        <v>443</v>
      </c>
      <c r="BX18" s="196">
        <v>374</v>
      </c>
      <c r="BY18" s="193">
        <v>2661</v>
      </c>
      <c r="BZ18" s="198">
        <v>2665</v>
      </c>
      <c r="CA18" s="192">
        <v>0</v>
      </c>
      <c r="CB18" s="196">
        <v>0</v>
      </c>
      <c r="CC18" s="193">
        <v>0</v>
      </c>
      <c r="CD18" s="195">
        <v>0</v>
      </c>
      <c r="CE18" s="196">
        <v>9</v>
      </c>
      <c r="CF18" s="196">
        <v>27</v>
      </c>
      <c r="CG18" s="196">
        <v>37</v>
      </c>
      <c r="CH18" s="196">
        <v>47</v>
      </c>
      <c r="CI18" s="196">
        <v>26</v>
      </c>
      <c r="CJ18" s="193">
        <v>146</v>
      </c>
      <c r="CK18" s="198">
        <v>146</v>
      </c>
      <c r="CL18" s="192">
        <v>0</v>
      </c>
      <c r="CM18" s="196">
        <v>0</v>
      </c>
      <c r="CN18" s="193">
        <v>0</v>
      </c>
      <c r="CO18" s="195">
        <v>0</v>
      </c>
      <c r="CP18" s="196">
        <v>0</v>
      </c>
      <c r="CQ18" s="196">
        <v>0</v>
      </c>
      <c r="CR18" s="196">
        <v>0</v>
      </c>
      <c r="CS18" s="196">
        <v>0</v>
      </c>
      <c r="CT18" s="196">
        <v>0</v>
      </c>
      <c r="CU18" s="193">
        <v>0</v>
      </c>
      <c r="CV18" s="198">
        <v>0</v>
      </c>
      <c r="CW18" s="192">
        <v>0</v>
      </c>
      <c r="CX18" s="196">
        <v>0</v>
      </c>
      <c r="CY18" s="193">
        <v>0</v>
      </c>
      <c r="CZ18" s="195">
        <v>0</v>
      </c>
      <c r="DA18" s="196">
        <v>0</v>
      </c>
      <c r="DB18" s="196">
        <v>0</v>
      </c>
      <c r="DC18" s="196">
        <v>0</v>
      </c>
      <c r="DD18" s="196">
        <v>0</v>
      </c>
      <c r="DE18" s="196">
        <v>0</v>
      </c>
      <c r="DF18" s="193">
        <v>0</v>
      </c>
      <c r="DG18" s="198">
        <v>0</v>
      </c>
    </row>
    <row r="19" spans="1:111" ht="18.75" customHeight="1" x14ac:dyDescent="0.2">
      <c r="A19" s="177" t="s">
        <v>17</v>
      </c>
      <c r="B19" s="192">
        <v>0</v>
      </c>
      <c r="C19" s="196">
        <v>0</v>
      </c>
      <c r="D19" s="458">
        <v>0</v>
      </c>
      <c r="E19" s="195">
        <v>0</v>
      </c>
      <c r="F19" s="196">
        <v>2587</v>
      </c>
      <c r="G19" s="196">
        <v>6884</v>
      </c>
      <c r="H19" s="196">
        <v>7678</v>
      </c>
      <c r="I19" s="196">
        <v>8942</v>
      </c>
      <c r="J19" s="196">
        <v>10630</v>
      </c>
      <c r="K19" s="197">
        <v>36721</v>
      </c>
      <c r="L19" s="198">
        <v>36721</v>
      </c>
      <c r="M19" s="192">
        <v>0</v>
      </c>
      <c r="N19" s="196">
        <v>9</v>
      </c>
      <c r="O19" s="193">
        <v>9</v>
      </c>
      <c r="P19" s="195">
        <v>0</v>
      </c>
      <c r="Q19" s="196">
        <v>2</v>
      </c>
      <c r="R19" s="196">
        <v>46</v>
      </c>
      <c r="S19" s="196">
        <v>104</v>
      </c>
      <c r="T19" s="196">
        <v>182</v>
      </c>
      <c r="U19" s="196">
        <v>416</v>
      </c>
      <c r="V19" s="193">
        <v>750</v>
      </c>
      <c r="W19" s="198">
        <v>759</v>
      </c>
      <c r="X19" s="192">
        <v>229</v>
      </c>
      <c r="Y19" s="196">
        <v>777</v>
      </c>
      <c r="Z19" s="193">
        <v>1006</v>
      </c>
      <c r="AA19" s="195">
        <v>0</v>
      </c>
      <c r="AB19" s="196">
        <v>1129</v>
      </c>
      <c r="AC19" s="196">
        <v>2428</v>
      </c>
      <c r="AD19" s="196">
        <v>1470</v>
      </c>
      <c r="AE19" s="196">
        <v>1418</v>
      </c>
      <c r="AF19" s="196">
        <v>1489</v>
      </c>
      <c r="AG19" s="193">
        <v>7934</v>
      </c>
      <c r="AH19" s="198">
        <v>8940</v>
      </c>
      <c r="AI19" s="192">
        <v>43</v>
      </c>
      <c r="AJ19" s="196">
        <v>100</v>
      </c>
      <c r="AK19" s="193">
        <v>143</v>
      </c>
      <c r="AL19" s="195">
        <v>0</v>
      </c>
      <c r="AM19" s="196">
        <v>46</v>
      </c>
      <c r="AN19" s="196">
        <v>344</v>
      </c>
      <c r="AO19" s="196">
        <v>252</v>
      </c>
      <c r="AP19" s="196">
        <v>126</v>
      </c>
      <c r="AQ19" s="196">
        <v>109</v>
      </c>
      <c r="AR19" s="193">
        <v>877</v>
      </c>
      <c r="AS19" s="198">
        <v>1020</v>
      </c>
      <c r="AT19" s="192">
        <v>0</v>
      </c>
      <c r="AU19" s="196">
        <v>0</v>
      </c>
      <c r="AV19" s="193">
        <v>0</v>
      </c>
      <c r="AW19" s="195">
        <v>0</v>
      </c>
      <c r="AX19" s="196">
        <v>3427</v>
      </c>
      <c r="AY19" s="196">
        <v>5516</v>
      </c>
      <c r="AZ19" s="196">
        <v>3716</v>
      </c>
      <c r="BA19" s="196">
        <v>2200</v>
      </c>
      <c r="BB19" s="196">
        <v>950</v>
      </c>
      <c r="BC19" s="197">
        <v>15809</v>
      </c>
      <c r="BD19" s="198">
        <v>15809</v>
      </c>
      <c r="BE19" s="192">
        <v>0</v>
      </c>
      <c r="BF19" s="196">
        <v>0</v>
      </c>
      <c r="BG19" s="193">
        <v>0</v>
      </c>
      <c r="BH19" s="195">
        <v>0</v>
      </c>
      <c r="BI19" s="196">
        <v>641</v>
      </c>
      <c r="BJ19" s="196">
        <v>1368</v>
      </c>
      <c r="BK19" s="196">
        <v>677</v>
      </c>
      <c r="BL19" s="196">
        <v>422</v>
      </c>
      <c r="BM19" s="196">
        <v>162</v>
      </c>
      <c r="BN19" s="193">
        <v>3270</v>
      </c>
      <c r="BO19" s="198">
        <v>3270</v>
      </c>
      <c r="BP19" s="192">
        <v>3</v>
      </c>
      <c r="BQ19" s="196">
        <v>0</v>
      </c>
      <c r="BR19" s="193">
        <v>3</v>
      </c>
      <c r="BS19" s="195">
        <v>0</v>
      </c>
      <c r="BT19" s="196">
        <v>321</v>
      </c>
      <c r="BU19" s="196">
        <v>735</v>
      </c>
      <c r="BV19" s="196">
        <v>1140</v>
      </c>
      <c r="BW19" s="196">
        <v>1083</v>
      </c>
      <c r="BX19" s="196">
        <v>461</v>
      </c>
      <c r="BY19" s="193">
        <v>3740</v>
      </c>
      <c r="BZ19" s="198">
        <v>3743</v>
      </c>
      <c r="CA19" s="192">
        <v>0</v>
      </c>
      <c r="CB19" s="196">
        <v>0</v>
      </c>
      <c r="CC19" s="193">
        <v>0</v>
      </c>
      <c r="CD19" s="195">
        <v>0</v>
      </c>
      <c r="CE19" s="196">
        <v>29</v>
      </c>
      <c r="CF19" s="196">
        <v>69</v>
      </c>
      <c r="CG19" s="196">
        <v>50</v>
      </c>
      <c r="CH19" s="196">
        <v>48</v>
      </c>
      <c r="CI19" s="196">
        <v>74</v>
      </c>
      <c r="CJ19" s="193">
        <v>270</v>
      </c>
      <c r="CK19" s="198">
        <v>270</v>
      </c>
      <c r="CL19" s="192">
        <v>0</v>
      </c>
      <c r="CM19" s="196">
        <v>0</v>
      </c>
      <c r="CN19" s="193">
        <v>0</v>
      </c>
      <c r="CO19" s="195">
        <v>0</v>
      </c>
      <c r="CP19" s="196">
        <v>0</v>
      </c>
      <c r="CQ19" s="196">
        <v>0</v>
      </c>
      <c r="CR19" s="196">
        <v>0</v>
      </c>
      <c r="CS19" s="196">
        <v>0</v>
      </c>
      <c r="CT19" s="196">
        <v>0</v>
      </c>
      <c r="CU19" s="193">
        <v>0</v>
      </c>
      <c r="CV19" s="198">
        <v>0</v>
      </c>
      <c r="CW19" s="192">
        <v>0</v>
      </c>
      <c r="CX19" s="196">
        <v>0</v>
      </c>
      <c r="CY19" s="193">
        <v>0</v>
      </c>
      <c r="CZ19" s="195">
        <v>0</v>
      </c>
      <c r="DA19" s="196">
        <v>0</v>
      </c>
      <c r="DB19" s="196">
        <v>0</v>
      </c>
      <c r="DC19" s="196">
        <v>0</v>
      </c>
      <c r="DD19" s="196">
        <v>0</v>
      </c>
      <c r="DE19" s="196">
        <v>0</v>
      </c>
      <c r="DF19" s="193">
        <v>0</v>
      </c>
      <c r="DG19" s="198">
        <v>0</v>
      </c>
    </row>
    <row r="20" spans="1:111" ht="18.75" customHeight="1" x14ac:dyDescent="0.2">
      <c r="A20" s="177" t="s">
        <v>18</v>
      </c>
      <c r="B20" s="192">
        <v>0</v>
      </c>
      <c r="C20" s="196">
        <v>0</v>
      </c>
      <c r="D20" s="458">
        <v>0</v>
      </c>
      <c r="E20" s="195">
        <v>0</v>
      </c>
      <c r="F20" s="196">
        <v>5679</v>
      </c>
      <c r="G20" s="196">
        <v>7497</v>
      </c>
      <c r="H20" s="196">
        <v>8115</v>
      </c>
      <c r="I20" s="196">
        <v>12188</v>
      </c>
      <c r="J20" s="196">
        <v>9604</v>
      </c>
      <c r="K20" s="197">
        <v>43083</v>
      </c>
      <c r="L20" s="198">
        <v>43083</v>
      </c>
      <c r="M20" s="192">
        <v>0</v>
      </c>
      <c r="N20" s="196">
        <v>4</v>
      </c>
      <c r="O20" s="193">
        <v>4</v>
      </c>
      <c r="P20" s="195">
        <v>0</v>
      </c>
      <c r="Q20" s="196">
        <v>13</v>
      </c>
      <c r="R20" s="196">
        <v>66</v>
      </c>
      <c r="S20" s="196">
        <v>80</v>
      </c>
      <c r="T20" s="196">
        <v>206</v>
      </c>
      <c r="U20" s="196">
        <v>502</v>
      </c>
      <c r="V20" s="193">
        <v>867</v>
      </c>
      <c r="W20" s="198">
        <v>871</v>
      </c>
      <c r="X20" s="192">
        <v>231</v>
      </c>
      <c r="Y20" s="196">
        <v>703</v>
      </c>
      <c r="Z20" s="193">
        <v>934</v>
      </c>
      <c r="AA20" s="195">
        <v>0</v>
      </c>
      <c r="AB20" s="196">
        <v>2571</v>
      </c>
      <c r="AC20" s="196">
        <v>2910</v>
      </c>
      <c r="AD20" s="196">
        <v>2048</v>
      </c>
      <c r="AE20" s="196">
        <v>1910</v>
      </c>
      <c r="AF20" s="196">
        <v>1568</v>
      </c>
      <c r="AG20" s="193">
        <v>11007</v>
      </c>
      <c r="AH20" s="198">
        <v>11941</v>
      </c>
      <c r="AI20" s="192">
        <v>47</v>
      </c>
      <c r="AJ20" s="196">
        <v>98</v>
      </c>
      <c r="AK20" s="193">
        <v>145</v>
      </c>
      <c r="AL20" s="195">
        <v>0</v>
      </c>
      <c r="AM20" s="196">
        <v>499</v>
      </c>
      <c r="AN20" s="196">
        <v>582</v>
      </c>
      <c r="AO20" s="196">
        <v>492</v>
      </c>
      <c r="AP20" s="196">
        <v>341</v>
      </c>
      <c r="AQ20" s="196">
        <v>194</v>
      </c>
      <c r="AR20" s="193">
        <v>2108</v>
      </c>
      <c r="AS20" s="198">
        <v>2253</v>
      </c>
      <c r="AT20" s="192">
        <v>0</v>
      </c>
      <c r="AU20" s="196">
        <v>0</v>
      </c>
      <c r="AV20" s="193">
        <v>0</v>
      </c>
      <c r="AW20" s="195">
        <v>0</v>
      </c>
      <c r="AX20" s="196">
        <v>5279</v>
      </c>
      <c r="AY20" s="196">
        <v>5824</v>
      </c>
      <c r="AZ20" s="196">
        <v>3838</v>
      </c>
      <c r="BA20" s="196">
        <v>2122</v>
      </c>
      <c r="BB20" s="196">
        <v>809</v>
      </c>
      <c r="BC20" s="197">
        <v>17872</v>
      </c>
      <c r="BD20" s="198">
        <v>17872</v>
      </c>
      <c r="BE20" s="192">
        <v>0</v>
      </c>
      <c r="BF20" s="196">
        <v>0</v>
      </c>
      <c r="BG20" s="193">
        <v>0</v>
      </c>
      <c r="BH20" s="195">
        <v>0</v>
      </c>
      <c r="BI20" s="196">
        <v>1313</v>
      </c>
      <c r="BJ20" s="196">
        <v>1312</v>
      </c>
      <c r="BK20" s="196">
        <v>818</v>
      </c>
      <c r="BL20" s="196">
        <v>476</v>
      </c>
      <c r="BM20" s="196">
        <v>128</v>
      </c>
      <c r="BN20" s="193">
        <v>4047</v>
      </c>
      <c r="BO20" s="198">
        <v>4047</v>
      </c>
      <c r="BP20" s="192">
        <v>4</v>
      </c>
      <c r="BQ20" s="196">
        <v>12</v>
      </c>
      <c r="BR20" s="193">
        <v>16</v>
      </c>
      <c r="BS20" s="195">
        <v>0</v>
      </c>
      <c r="BT20" s="196">
        <v>323</v>
      </c>
      <c r="BU20" s="196">
        <v>773</v>
      </c>
      <c r="BV20" s="196">
        <v>1756</v>
      </c>
      <c r="BW20" s="196">
        <v>1518</v>
      </c>
      <c r="BX20" s="196">
        <v>813</v>
      </c>
      <c r="BY20" s="193">
        <v>5183</v>
      </c>
      <c r="BZ20" s="198">
        <v>5199</v>
      </c>
      <c r="CA20" s="192">
        <v>0</v>
      </c>
      <c r="CB20" s="196">
        <v>0</v>
      </c>
      <c r="CC20" s="193">
        <v>0</v>
      </c>
      <c r="CD20" s="195">
        <v>0</v>
      </c>
      <c r="CE20" s="196">
        <v>4</v>
      </c>
      <c r="CF20" s="196">
        <v>3</v>
      </c>
      <c r="CG20" s="196">
        <v>16</v>
      </c>
      <c r="CH20" s="196">
        <v>25</v>
      </c>
      <c r="CI20" s="196">
        <v>26</v>
      </c>
      <c r="CJ20" s="193">
        <v>74</v>
      </c>
      <c r="CK20" s="198">
        <v>74</v>
      </c>
      <c r="CL20" s="192">
        <v>0</v>
      </c>
      <c r="CM20" s="196">
        <v>0</v>
      </c>
      <c r="CN20" s="193">
        <v>0</v>
      </c>
      <c r="CO20" s="195">
        <v>0</v>
      </c>
      <c r="CP20" s="196">
        <v>0</v>
      </c>
      <c r="CQ20" s="196">
        <v>0</v>
      </c>
      <c r="CR20" s="196">
        <v>0</v>
      </c>
      <c r="CS20" s="196">
        <v>0</v>
      </c>
      <c r="CT20" s="196">
        <v>0</v>
      </c>
      <c r="CU20" s="193">
        <v>0</v>
      </c>
      <c r="CV20" s="198">
        <v>0</v>
      </c>
      <c r="CW20" s="192">
        <v>0</v>
      </c>
      <c r="CX20" s="196">
        <v>0</v>
      </c>
      <c r="CY20" s="193">
        <v>0</v>
      </c>
      <c r="CZ20" s="195">
        <v>0</v>
      </c>
      <c r="DA20" s="196">
        <v>0</v>
      </c>
      <c r="DB20" s="196">
        <v>0</v>
      </c>
      <c r="DC20" s="196">
        <v>0</v>
      </c>
      <c r="DD20" s="196">
        <v>0</v>
      </c>
      <c r="DE20" s="196">
        <v>0</v>
      </c>
      <c r="DF20" s="193">
        <v>0</v>
      </c>
      <c r="DG20" s="198">
        <v>0</v>
      </c>
    </row>
    <row r="21" spans="1:111" ht="18.75" customHeight="1" x14ac:dyDescent="0.2">
      <c r="A21" s="177" t="s">
        <v>19</v>
      </c>
      <c r="B21" s="192">
        <v>0</v>
      </c>
      <c r="C21" s="196">
        <v>0</v>
      </c>
      <c r="D21" s="458">
        <v>0</v>
      </c>
      <c r="E21" s="195">
        <v>0</v>
      </c>
      <c r="F21" s="196">
        <v>2136</v>
      </c>
      <c r="G21" s="196">
        <v>2679</v>
      </c>
      <c r="H21" s="196">
        <v>3535</v>
      </c>
      <c r="I21" s="196">
        <v>3486</v>
      </c>
      <c r="J21" s="196">
        <v>2261</v>
      </c>
      <c r="K21" s="197">
        <v>14097</v>
      </c>
      <c r="L21" s="198">
        <v>14097</v>
      </c>
      <c r="M21" s="192">
        <v>0</v>
      </c>
      <c r="N21" s="196">
        <v>6</v>
      </c>
      <c r="O21" s="193">
        <v>6</v>
      </c>
      <c r="P21" s="195">
        <v>0</v>
      </c>
      <c r="Q21" s="196">
        <v>10</v>
      </c>
      <c r="R21" s="196">
        <v>20</v>
      </c>
      <c r="S21" s="196">
        <v>68</v>
      </c>
      <c r="T21" s="196">
        <v>100</v>
      </c>
      <c r="U21" s="196">
        <v>157</v>
      </c>
      <c r="V21" s="193">
        <v>355</v>
      </c>
      <c r="W21" s="198">
        <v>361</v>
      </c>
      <c r="X21" s="192">
        <v>142</v>
      </c>
      <c r="Y21" s="196">
        <v>379</v>
      </c>
      <c r="Z21" s="193">
        <v>521</v>
      </c>
      <c r="AA21" s="195">
        <v>0</v>
      </c>
      <c r="AB21" s="196">
        <v>1211</v>
      </c>
      <c r="AC21" s="196">
        <v>1126</v>
      </c>
      <c r="AD21" s="196">
        <v>823</v>
      </c>
      <c r="AE21" s="196">
        <v>809</v>
      </c>
      <c r="AF21" s="196">
        <v>536</v>
      </c>
      <c r="AG21" s="193">
        <v>4505</v>
      </c>
      <c r="AH21" s="198">
        <v>5026</v>
      </c>
      <c r="AI21" s="192">
        <v>42</v>
      </c>
      <c r="AJ21" s="196">
        <v>111</v>
      </c>
      <c r="AK21" s="193">
        <v>153</v>
      </c>
      <c r="AL21" s="195">
        <v>0</v>
      </c>
      <c r="AM21" s="196">
        <v>246</v>
      </c>
      <c r="AN21" s="196">
        <v>159</v>
      </c>
      <c r="AO21" s="196">
        <v>134</v>
      </c>
      <c r="AP21" s="196">
        <v>101</v>
      </c>
      <c r="AQ21" s="196">
        <v>39</v>
      </c>
      <c r="AR21" s="193">
        <v>679</v>
      </c>
      <c r="AS21" s="198">
        <v>832</v>
      </c>
      <c r="AT21" s="192">
        <v>0</v>
      </c>
      <c r="AU21" s="196">
        <v>0</v>
      </c>
      <c r="AV21" s="193">
        <v>0</v>
      </c>
      <c r="AW21" s="195">
        <v>0</v>
      </c>
      <c r="AX21" s="196">
        <v>2235</v>
      </c>
      <c r="AY21" s="196">
        <v>2484</v>
      </c>
      <c r="AZ21" s="196">
        <v>1367</v>
      </c>
      <c r="BA21" s="196">
        <v>618</v>
      </c>
      <c r="BB21" s="196">
        <v>357</v>
      </c>
      <c r="BC21" s="197">
        <v>7061</v>
      </c>
      <c r="BD21" s="198">
        <v>7061</v>
      </c>
      <c r="BE21" s="192">
        <v>0</v>
      </c>
      <c r="BF21" s="196">
        <v>0</v>
      </c>
      <c r="BG21" s="193">
        <v>0</v>
      </c>
      <c r="BH21" s="195">
        <v>0</v>
      </c>
      <c r="BI21" s="196">
        <v>648</v>
      </c>
      <c r="BJ21" s="196">
        <v>711</v>
      </c>
      <c r="BK21" s="196">
        <v>449</v>
      </c>
      <c r="BL21" s="196">
        <v>282</v>
      </c>
      <c r="BM21" s="196">
        <v>80</v>
      </c>
      <c r="BN21" s="193">
        <v>2170</v>
      </c>
      <c r="BO21" s="198">
        <v>2170</v>
      </c>
      <c r="BP21" s="192">
        <v>0</v>
      </c>
      <c r="BQ21" s="196">
        <v>7</v>
      </c>
      <c r="BR21" s="193">
        <v>7</v>
      </c>
      <c r="BS21" s="195">
        <v>0</v>
      </c>
      <c r="BT21" s="196">
        <v>156</v>
      </c>
      <c r="BU21" s="196">
        <v>450</v>
      </c>
      <c r="BV21" s="196">
        <v>507</v>
      </c>
      <c r="BW21" s="196">
        <v>182</v>
      </c>
      <c r="BX21" s="196">
        <v>162</v>
      </c>
      <c r="BY21" s="193">
        <v>1457</v>
      </c>
      <c r="BZ21" s="198">
        <v>1464</v>
      </c>
      <c r="CA21" s="192">
        <v>0</v>
      </c>
      <c r="CB21" s="196">
        <v>0</v>
      </c>
      <c r="CC21" s="193">
        <v>0</v>
      </c>
      <c r="CD21" s="195">
        <v>0</v>
      </c>
      <c r="CE21" s="196">
        <v>30</v>
      </c>
      <c r="CF21" s="196">
        <v>51</v>
      </c>
      <c r="CG21" s="196">
        <v>32</v>
      </c>
      <c r="CH21" s="196">
        <v>80</v>
      </c>
      <c r="CI21" s="196">
        <v>38</v>
      </c>
      <c r="CJ21" s="193">
        <v>231</v>
      </c>
      <c r="CK21" s="198">
        <v>231</v>
      </c>
      <c r="CL21" s="192">
        <v>0</v>
      </c>
      <c r="CM21" s="196">
        <v>0</v>
      </c>
      <c r="CN21" s="193">
        <v>0</v>
      </c>
      <c r="CO21" s="195">
        <v>0</v>
      </c>
      <c r="CP21" s="196">
        <v>0</v>
      </c>
      <c r="CQ21" s="196">
        <v>0</v>
      </c>
      <c r="CR21" s="196">
        <v>0</v>
      </c>
      <c r="CS21" s="196">
        <v>0</v>
      </c>
      <c r="CT21" s="196">
        <v>0</v>
      </c>
      <c r="CU21" s="193">
        <v>0</v>
      </c>
      <c r="CV21" s="198">
        <v>0</v>
      </c>
      <c r="CW21" s="192">
        <v>0</v>
      </c>
      <c r="CX21" s="196">
        <v>0</v>
      </c>
      <c r="CY21" s="193">
        <v>0</v>
      </c>
      <c r="CZ21" s="195">
        <v>0</v>
      </c>
      <c r="DA21" s="196">
        <v>0</v>
      </c>
      <c r="DB21" s="196">
        <v>0</v>
      </c>
      <c r="DC21" s="196">
        <v>0</v>
      </c>
      <c r="DD21" s="196">
        <v>0</v>
      </c>
      <c r="DE21" s="196">
        <v>0</v>
      </c>
      <c r="DF21" s="193">
        <v>0</v>
      </c>
      <c r="DG21" s="198">
        <v>0</v>
      </c>
    </row>
    <row r="22" spans="1:111" ht="18.75" customHeight="1" x14ac:dyDescent="0.2">
      <c r="A22" s="177" t="s">
        <v>20</v>
      </c>
      <c r="B22" s="192">
        <v>0</v>
      </c>
      <c r="C22" s="196">
        <v>0</v>
      </c>
      <c r="D22" s="458">
        <v>0</v>
      </c>
      <c r="E22" s="195">
        <v>0</v>
      </c>
      <c r="F22" s="196">
        <v>3070</v>
      </c>
      <c r="G22" s="196">
        <v>3614</v>
      </c>
      <c r="H22" s="196">
        <v>3357</v>
      </c>
      <c r="I22" s="196">
        <v>4367</v>
      </c>
      <c r="J22" s="196">
        <v>3270</v>
      </c>
      <c r="K22" s="197">
        <v>17678</v>
      </c>
      <c r="L22" s="198">
        <v>17678</v>
      </c>
      <c r="M22" s="192">
        <v>0</v>
      </c>
      <c r="N22" s="196">
        <v>5</v>
      </c>
      <c r="O22" s="193">
        <v>5</v>
      </c>
      <c r="P22" s="195">
        <v>0</v>
      </c>
      <c r="Q22" s="196">
        <v>4</v>
      </c>
      <c r="R22" s="196">
        <v>36</v>
      </c>
      <c r="S22" s="196">
        <v>37</v>
      </c>
      <c r="T22" s="196">
        <v>144</v>
      </c>
      <c r="U22" s="196">
        <v>222</v>
      </c>
      <c r="V22" s="193">
        <v>443</v>
      </c>
      <c r="W22" s="198">
        <v>448</v>
      </c>
      <c r="X22" s="192">
        <v>210</v>
      </c>
      <c r="Y22" s="196">
        <v>659</v>
      </c>
      <c r="Z22" s="193">
        <v>869</v>
      </c>
      <c r="AA22" s="195">
        <v>0</v>
      </c>
      <c r="AB22" s="196">
        <v>2315</v>
      </c>
      <c r="AC22" s="196">
        <v>1433</v>
      </c>
      <c r="AD22" s="196">
        <v>1142</v>
      </c>
      <c r="AE22" s="196">
        <v>888</v>
      </c>
      <c r="AF22" s="196">
        <v>510</v>
      </c>
      <c r="AG22" s="193">
        <v>6288</v>
      </c>
      <c r="AH22" s="198">
        <v>7157</v>
      </c>
      <c r="AI22" s="192">
        <v>94</v>
      </c>
      <c r="AJ22" s="196">
        <v>324</v>
      </c>
      <c r="AK22" s="193">
        <v>418</v>
      </c>
      <c r="AL22" s="195">
        <v>0</v>
      </c>
      <c r="AM22" s="196">
        <v>535</v>
      </c>
      <c r="AN22" s="196">
        <v>559</v>
      </c>
      <c r="AO22" s="196">
        <v>357</v>
      </c>
      <c r="AP22" s="196">
        <v>397</v>
      </c>
      <c r="AQ22" s="196">
        <v>138</v>
      </c>
      <c r="AR22" s="193">
        <v>1986</v>
      </c>
      <c r="AS22" s="198">
        <v>2404</v>
      </c>
      <c r="AT22" s="192">
        <v>0</v>
      </c>
      <c r="AU22" s="196">
        <v>0</v>
      </c>
      <c r="AV22" s="193">
        <v>0</v>
      </c>
      <c r="AW22" s="195">
        <v>0</v>
      </c>
      <c r="AX22" s="196">
        <v>2886</v>
      </c>
      <c r="AY22" s="196">
        <v>1707</v>
      </c>
      <c r="AZ22" s="196">
        <v>1623</v>
      </c>
      <c r="BA22" s="196">
        <v>693</v>
      </c>
      <c r="BB22" s="196">
        <v>292</v>
      </c>
      <c r="BC22" s="197">
        <v>7201</v>
      </c>
      <c r="BD22" s="198">
        <v>7201</v>
      </c>
      <c r="BE22" s="192">
        <v>0</v>
      </c>
      <c r="BF22" s="196">
        <v>0</v>
      </c>
      <c r="BG22" s="193">
        <v>0</v>
      </c>
      <c r="BH22" s="195">
        <v>0</v>
      </c>
      <c r="BI22" s="196">
        <v>1321</v>
      </c>
      <c r="BJ22" s="196">
        <v>804</v>
      </c>
      <c r="BK22" s="196">
        <v>486</v>
      </c>
      <c r="BL22" s="196">
        <v>352</v>
      </c>
      <c r="BM22" s="196">
        <v>65</v>
      </c>
      <c r="BN22" s="193">
        <v>3028</v>
      </c>
      <c r="BO22" s="198">
        <v>3028</v>
      </c>
      <c r="BP22" s="192">
        <v>6</v>
      </c>
      <c r="BQ22" s="196">
        <v>20</v>
      </c>
      <c r="BR22" s="193">
        <v>26</v>
      </c>
      <c r="BS22" s="195">
        <v>0</v>
      </c>
      <c r="BT22" s="196">
        <v>369</v>
      </c>
      <c r="BU22" s="196">
        <v>573</v>
      </c>
      <c r="BV22" s="196">
        <v>1336</v>
      </c>
      <c r="BW22" s="196">
        <v>668</v>
      </c>
      <c r="BX22" s="196">
        <v>400</v>
      </c>
      <c r="BY22" s="193">
        <v>3346</v>
      </c>
      <c r="BZ22" s="198">
        <v>3372</v>
      </c>
      <c r="CA22" s="192">
        <v>0</v>
      </c>
      <c r="CB22" s="196">
        <v>2</v>
      </c>
      <c r="CC22" s="193">
        <v>2</v>
      </c>
      <c r="CD22" s="195">
        <v>0</v>
      </c>
      <c r="CE22" s="196">
        <v>14</v>
      </c>
      <c r="CF22" s="196">
        <v>40</v>
      </c>
      <c r="CG22" s="196">
        <v>69</v>
      </c>
      <c r="CH22" s="196">
        <v>43</v>
      </c>
      <c r="CI22" s="196">
        <v>25</v>
      </c>
      <c r="CJ22" s="193">
        <v>191</v>
      </c>
      <c r="CK22" s="198">
        <v>193</v>
      </c>
      <c r="CL22" s="192">
        <v>0</v>
      </c>
      <c r="CM22" s="196">
        <v>0</v>
      </c>
      <c r="CN22" s="193">
        <v>0</v>
      </c>
      <c r="CO22" s="195">
        <v>0</v>
      </c>
      <c r="CP22" s="196">
        <v>0</v>
      </c>
      <c r="CQ22" s="196">
        <v>0</v>
      </c>
      <c r="CR22" s="196">
        <v>0</v>
      </c>
      <c r="CS22" s="196">
        <v>0</v>
      </c>
      <c r="CT22" s="196">
        <v>0</v>
      </c>
      <c r="CU22" s="193">
        <v>0</v>
      </c>
      <c r="CV22" s="198">
        <v>0</v>
      </c>
      <c r="CW22" s="192">
        <v>0</v>
      </c>
      <c r="CX22" s="196">
        <v>0</v>
      </c>
      <c r="CY22" s="193">
        <v>0</v>
      </c>
      <c r="CZ22" s="195">
        <v>0</v>
      </c>
      <c r="DA22" s="196">
        <v>0</v>
      </c>
      <c r="DB22" s="196">
        <v>0</v>
      </c>
      <c r="DC22" s="196">
        <v>0</v>
      </c>
      <c r="DD22" s="196">
        <v>0</v>
      </c>
      <c r="DE22" s="196">
        <v>0</v>
      </c>
      <c r="DF22" s="193">
        <v>0</v>
      </c>
      <c r="DG22" s="198">
        <v>0</v>
      </c>
    </row>
    <row r="23" spans="1:111" ht="18.75" customHeight="1" x14ac:dyDescent="0.2">
      <c r="A23" s="177" t="s">
        <v>21</v>
      </c>
      <c r="B23" s="192">
        <v>0</v>
      </c>
      <c r="C23" s="196">
        <v>0</v>
      </c>
      <c r="D23" s="458">
        <v>0</v>
      </c>
      <c r="E23" s="195">
        <v>0</v>
      </c>
      <c r="F23" s="196">
        <v>3145</v>
      </c>
      <c r="G23" s="196">
        <v>5947</v>
      </c>
      <c r="H23" s="196">
        <v>5803</v>
      </c>
      <c r="I23" s="196">
        <v>6301</v>
      </c>
      <c r="J23" s="196">
        <v>4729</v>
      </c>
      <c r="K23" s="197">
        <v>25925</v>
      </c>
      <c r="L23" s="198">
        <v>25925</v>
      </c>
      <c r="M23" s="192">
        <v>0</v>
      </c>
      <c r="N23" s="196">
        <v>0</v>
      </c>
      <c r="O23" s="193">
        <v>0</v>
      </c>
      <c r="P23" s="195">
        <v>0</v>
      </c>
      <c r="Q23" s="196">
        <v>5</v>
      </c>
      <c r="R23" s="196">
        <v>26</v>
      </c>
      <c r="S23" s="196">
        <v>73</v>
      </c>
      <c r="T23" s="196">
        <v>139</v>
      </c>
      <c r="U23" s="196">
        <v>261</v>
      </c>
      <c r="V23" s="193">
        <v>504</v>
      </c>
      <c r="W23" s="198">
        <v>504</v>
      </c>
      <c r="X23" s="192">
        <v>272</v>
      </c>
      <c r="Y23" s="196">
        <v>641</v>
      </c>
      <c r="Z23" s="193">
        <v>913</v>
      </c>
      <c r="AA23" s="195">
        <v>0</v>
      </c>
      <c r="AB23" s="196">
        <v>1685</v>
      </c>
      <c r="AC23" s="196">
        <v>2847</v>
      </c>
      <c r="AD23" s="196">
        <v>1365</v>
      </c>
      <c r="AE23" s="196">
        <v>1281</v>
      </c>
      <c r="AF23" s="196">
        <v>779</v>
      </c>
      <c r="AG23" s="193">
        <v>7957</v>
      </c>
      <c r="AH23" s="198">
        <v>8870</v>
      </c>
      <c r="AI23" s="192">
        <v>107</v>
      </c>
      <c r="AJ23" s="196">
        <v>278</v>
      </c>
      <c r="AK23" s="193">
        <v>385</v>
      </c>
      <c r="AL23" s="195">
        <v>0</v>
      </c>
      <c r="AM23" s="196">
        <v>243</v>
      </c>
      <c r="AN23" s="196">
        <v>401</v>
      </c>
      <c r="AO23" s="196">
        <v>202</v>
      </c>
      <c r="AP23" s="196">
        <v>254</v>
      </c>
      <c r="AQ23" s="196">
        <v>74</v>
      </c>
      <c r="AR23" s="193">
        <v>1174</v>
      </c>
      <c r="AS23" s="198">
        <v>1559</v>
      </c>
      <c r="AT23" s="192">
        <v>0</v>
      </c>
      <c r="AU23" s="196">
        <v>0</v>
      </c>
      <c r="AV23" s="193">
        <v>0</v>
      </c>
      <c r="AW23" s="195">
        <v>0</v>
      </c>
      <c r="AX23" s="196">
        <v>2397</v>
      </c>
      <c r="AY23" s="196">
        <v>3300</v>
      </c>
      <c r="AZ23" s="196">
        <v>1823</v>
      </c>
      <c r="BA23" s="196">
        <v>1194</v>
      </c>
      <c r="BB23" s="196">
        <v>326</v>
      </c>
      <c r="BC23" s="197">
        <v>9040</v>
      </c>
      <c r="BD23" s="198">
        <v>9040</v>
      </c>
      <c r="BE23" s="192">
        <v>0</v>
      </c>
      <c r="BF23" s="196">
        <v>0</v>
      </c>
      <c r="BG23" s="193">
        <v>0</v>
      </c>
      <c r="BH23" s="195">
        <v>0</v>
      </c>
      <c r="BI23" s="196">
        <v>330</v>
      </c>
      <c r="BJ23" s="196">
        <v>494</v>
      </c>
      <c r="BK23" s="196">
        <v>294</v>
      </c>
      <c r="BL23" s="196">
        <v>88</v>
      </c>
      <c r="BM23" s="196">
        <v>97</v>
      </c>
      <c r="BN23" s="193">
        <v>1303</v>
      </c>
      <c r="BO23" s="198">
        <v>1303</v>
      </c>
      <c r="BP23" s="192">
        <v>0</v>
      </c>
      <c r="BQ23" s="196">
        <v>14</v>
      </c>
      <c r="BR23" s="193">
        <v>14</v>
      </c>
      <c r="BS23" s="195">
        <v>0</v>
      </c>
      <c r="BT23" s="196">
        <v>190</v>
      </c>
      <c r="BU23" s="196">
        <v>502</v>
      </c>
      <c r="BV23" s="196">
        <v>993</v>
      </c>
      <c r="BW23" s="196">
        <v>1156</v>
      </c>
      <c r="BX23" s="196">
        <v>580</v>
      </c>
      <c r="BY23" s="193">
        <v>3421</v>
      </c>
      <c r="BZ23" s="198">
        <v>3435</v>
      </c>
      <c r="CA23" s="192">
        <v>0</v>
      </c>
      <c r="CB23" s="196">
        <v>0</v>
      </c>
      <c r="CC23" s="193">
        <v>0</v>
      </c>
      <c r="CD23" s="195">
        <v>0</v>
      </c>
      <c r="CE23" s="196">
        <v>0</v>
      </c>
      <c r="CF23" s="196">
        <v>48</v>
      </c>
      <c r="CG23" s="196">
        <v>22</v>
      </c>
      <c r="CH23" s="196">
        <v>12</v>
      </c>
      <c r="CI23" s="196">
        <v>39</v>
      </c>
      <c r="CJ23" s="193">
        <v>121</v>
      </c>
      <c r="CK23" s="198">
        <v>121</v>
      </c>
      <c r="CL23" s="192">
        <v>0</v>
      </c>
      <c r="CM23" s="196">
        <v>0</v>
      </c>
      <c r="CN23" s="193">
        <v>0</v>
      </c>
      <c r="CO23" s="195">
        <v>0</v>
      </c>
      <c r="CP23" s="196">
        <v>0</v>
      </c>
      <c r="CQ23" s="196">
        <v>0</v>
      </c>
      <c r="CR23" s="196">
        <v>0</v>
      </c>
      <c r="CS23" s="196">
        <v>0</v>
      </c>
      <c r="CT23" s="196">
        <v>0</v>
      </c>
      <c r="CU23" s="193">
        <v>0</v>
      </c>
      <c r="CV23" s="198">
        <v>0</v>
      </c>
      <c r="CW23" s="192">
        <v>0</v>
      </c>
      <c r="CX23" s="196">
        <v>0</v>
      </c>
      <c r="CY23" s="193">
        <v>0</v>
      </c>
      <c r="CZ23" s="195">
        <v>0</v>
      </c>
      <c r="DA23" s="196">
        <v>0</v>
      </c>
      <c r="DB23" s="196">
        <v>0</v>
      </c>
      <c r="DC23" s="196">
        <v>0</v>
      </c>
      <c r="DD23" s="196">
        <v>0</v>
      </c>
      <c r="DE23" s="196">
        <v>0</v>
      </c>
      <c r="DF23" s="193">
        <v>0</v>
      </c>
      <c r="DG23" s="198">
        <v>0</v>
      </c>
    </row>
    <row r="24" spans="1:111" ht="18.75" customHeight="1" x14ac:dyDescent="0.2">
      <c r="A24" s="177" t="s">
        <v>22</v>
      </c>
      <c r="B24" s="192">
        <v>0</v>
      </c>
      <c r="C24" s="196">
        <v>0</v>
      </c>
      <c r="D24" s="458">
        <v>0</v>
      </c>
      <c r="E24" s="195">
        <v>0</v>
      </c>
      <c r="F24" s="196">
        <v>820</v>
      </c>
      <c r="G24" s="196">
        <v>1107</v>
      </c>
      <c r="H24" s="196">
        <v>681</v>
      </c>
      <c r="I24" s="196">
        <v>1439</v>
      </c>
      <c r="J24" s="196">
        <v>1548</v>
      </c>
      <c r="K24" s="197">
        <v>5595</v>
      </c>
      <c r="L24" s="198">
        <v>5595</v>
      </c>
      <c r="M24" s="192">
        <v>0</v>
      </c>
      <c r="N24" s="196">
        <v>0</v>
      </c>
      <c r="O24" s="193">
        <v>0</v>
      </c>
      <c r="P24" s="195">
        <v>0</v>
      </c>
      <c r="Q24" s="196">
        <v>0</v>
      </c>
      <c r="R24" s="196">
        <v>5</v>
      </c>
      <c r="S24" s="196">
        <v>25</v>
      </c>
      <c r="T24" s="196">
        <v>42</v>
      </c>
      <c r="U24" s="196">
        <v>113</v>
      </c>
      <c r="V24" s="193">
        <v>185</v>
      </c>
      <c r="W24" s="198">
        <v>185</v>
      </c>
      <c r="X24" s="192">
        <v>13</v>
      </c>
      <c r="Y24" s="196">
        <v>79</v>
      </c>
      <c r="Z24" s="193">
        <v>92</v>
      </c>
      <c r="AA24" s="195">
        <v>0</v>
      </c>
      <c r="AB24" s="196">
        <v>307</v>
      </c>
      <c r="AC24" s="196">
        <v>614</v>
      </c>
      <c r="AD24" s="196">
        <v>123</v>
      </c>
      <c r="AE24" s="196">
        <v>218</v>
      </c>
      <c r="AF24" s="196">
        <v>341</v>
      </c>
      <c r="AG24" s="193">
        <v>1603</v>
      </c>
      <c r="AH24" s="198">
        <v>1695</v>
      </c>
      <c r="AI24" s="192">
        <v>0</v>
      </c>
      <c r="AJ24" s="196">
        <v>25</v>
      </c>
      <c r="AK24" s="193">
        <v>25</v>
      </c>
      <c r="AL24" s="195">
        <v>0</v>
      </c>
      <c r="AM24" s="196">
        <v>116</v>
      </c>
      <c r="AN24" s="196">
        <v>124</v>
      </c>
      <c r="AO24" s="196">
        <v>129</v>
      </c>
      <c r="AP24" s="196">
        <v>42</v>
      </c>
      <c r="AQ24" s="196">
        <v>67</v>
      </c>
      <c r="AR24" s="193">
        <v>478</v>
      </c>
      <c r="AS24" s="198">
        <v>503</v>
      </c>
      <c r="AT24" s="192">
        <v>0</v>
      </c>
      <c r="AU24" s="196">
        <v>0</v>
      </c>
      <c r="AV24" s="193">
        <v>0</v>
      </c>
      <c r="AW24" s="195">
        <v>0</v>
      </c>
      <c r="AX24" s="196">
        <v>1144</v>
      </c>
      <c r="AY24" s="196">
        <v>1093</v>
      </c>
      <c r="AZ24" s="196">
        <v>438</v>
      </c>
      <c r="BA24" s="196">
        <v>389</v>
      </c>
      <c r="BB24" s="196">
        <v>175</v>
      </c>
      <c r="BC24" s="197">
        <v>3239</v>
      </c>
      <c r="BD24" s="198">
        <v>3239</v>
      </c>
      <c r="BE24" s="192">
        <v>0</v>
      </c>
      <c r="BF24" s="196">
        <v>0</v>
      </c>
      <c r="BG24" s="193">
        <v>0</v>
      </c>
      <c r="BH24" s="195">
        <v>0</v>
      </c>
      <c r="BI24" s="196">
        <v>143</v>
      </c>
      <c r="BJ24" s="196">
        <v>172</v>
      </c>
      <c r="BK24" s="196">
        <v>156</v>
      </c>
      <c r="BL24" s="196">
        <v>101</v>
      </c>
      <c r="BM24" s="196">
        <v>37</v>
      </c>
      <c r="BN24" s="193">
        <v>609</v>
      </c>
      <c r="BO24" s="198">
        <v>609</v>
      </c>
      <c r="BP24" s="192">
        <v>3</v>
      </c>
      <c r="BQ24" s="196">
        <v>8</v>
      </c>
      <c r="BR24" s="193">
        <v>11</v>
      </c>
      <c r="BS24" s="195">
        <v>0</v>
      </c>
      <c r="BT24" s="196">
        <v>102</v>
      </c>
      <c r="BU24" s="196">
        <v>232</v>
      </c>
      <c r="BV24" s="196">
        <v>361</v>
      </c>
      <c r="BW24" s="196">
        <v>168</v>
      </c>
      <c r="BX24" s="196">
        <v>112</v>
      </c>
      <c r="BY24" s="193">
        <v>975</v>
      </c>
      <c r="BZ24" s="198">
        <v>986</v>
      </c>
      <c r="CA24" s="192">
        <v>0</v>
      </c>
      <c r="CB24" s="196">
        <v>0</v>
      </c>
      <c r="CC24" s="193">
        <v>0</v>
      </c>
      <c r="CD24" s="195">
        <v>0</v>
      </c>
      <c r="CE24" s="196">
        <v>13</v>
      </c>
      <c r="CF24" s="196">
        <v>16</v>
      </c>
      <c r="CG24" s="196">
        <v>36</v>
      </c>
      <c r="CH24" s="196">
        <v>10</v>
      </c>
      <c r="CI24" s="196">
        <v>16</v>
      </c>
      <c r="CJ24" s="193">
        <v>91</v>
      </c>
      <c r="CK24" s="198">
        <v>91</v>
      </c>
      <c r="CL24" s="192">
        <v>0</v>
      </c>
      <c r="CM24" s="196">
        <v>0</v>
      </c>
      <c r="CN24" s="193">
        <v>0</v>
      </c>
      <c r="CO24" s="195">
        <v>0</v>
      </c>
      <c r="CP24" s="196">
        <v>0</v>
      </c>
      <c r="CQ24" s="196">
        <v>0</v>
      </c>
      <c r="CR24" s="196">
        <v>0</v>
      </c>
      <c r="CS24" s="196">
        <v>0</v>
      </c>
      <c r="CT24" s="196">
        <v>0</v>
      </c>
      <c r="CU24" s="193">
        <v>0</v>
      </c>
      <c r="CV24" s="198">
        <v>0</v>
      </c>
      <c r="CW24" s="192">
        <v>0</v>
      </c>
      <c r="CX24" s="196">
        <v>0</v>
      </c>
      <c r="CY24" s="193">
        <v>0</v>
      </c>
      <c r="CZ24" s="195">
        <v>0</v>
      </c>
      <c r="DA24" s="196">
        <v>0</v>
      </c>
      <c r="DB24" s="196">
        <v>0</v>
      </c>
      <c r="DC24" s="196">
        <v>0</v>
      </c>
      <c r="DD24" s="196">
        <v>0</v>
      </c>
      <c r="DE24" s="196">
        <v>0</v>
      </c>
      <c r="DF24" s="193">
        <v>0</v>
      </c>
      <c r="DG24" s="198">
        <v>0</v>
      </c>
    </row>
    <row r="25" spans="1:111" ht="18.75" customHeight="1" x14ac:dyDescent="0.2">
      <c r="A25" s="177" t="s">
        <v>23</v>
      </c>
      <c r="B25" s="192">
        <v>0</v>
      </c>
      <c r="C25" s="196">
        <v>0</v>
      </c>
      <c r="D25" s="458">
        <v>0</v>
      </c>
      <c r="E25" s="195">
        <v>0</v>
      </c>
      <c r="F25" s="196">
        <v>1677</v>
      </c>
      <c r="G25" s="196">
        <v>2354</v>
      </c>
      <c r="H25" s="196">
        <v>2728</v>
      </c>
      <c r="I25" s="196">
        <v>2946</v>
      </c>
      <c r="J25" s="196">
        <v>2436</v>
      </c>
      <c r="K25" s="197">
        <v>12141</v>
      </c>
      <c r="L25" s="198">
        <v>12141</v>
      </c>
      <c r="M25" s="192">
        <v>0</v>
      </c>
      <c r="N25" s="196">
        <v>0</v>
      </c>
      <c r="O25" s="193">
        <v>0</v>
      </c>
      <c r="P25" s="195">
        <v>0</v>
      </c>
      <c r="Q25" s="196">
        <v>4</v>
      </c>
      <c r="R25" s="196">
        <v>9</v>
      </c>
      <c r="S25" s="196">
        <v>44</v>
      </c>
      <c r="T25" s="196">
        <v>65</v>
      </c>
      <c r="U25" s="196">
        <v>87</v>
      </c>
      <c r="V25" s="193">
        <v>209</v>
      </c>
      <c r="W25" s="198">
        <v>209</v>
      </c>
      <c r="X25" s="192">
        <v>169</v>
      </c>
      <c r="Y25" s="196">
        <v>411</v>
      </c>
      <c r="Z25" s="193">
        <v>580</v>
      </c>
      <c r="AA25" s="195">
        <v>0</v>
      </c>
      <c r="AB25" s="196">
        <v>1062</v>
      </c>
      <c r="AC25" s="196">
        <v>1498</v>
      </c>
      <c r="AD25" s="196">
        <v>750</v>
      </c>
      <c r="AE25" s="196">
        <v>750</v>
      </c>
      <c r="AF25" s="196">
        <v>607</v>
      </c>
      <c r="AG25" s="193">
        <v>4667</v>
      </c>
      <c r="AH25" s="198">
        <v>5247</v>
      </c>
      <c r="AI25" s="192">
        <v>8</v>
      </c>
      <c r="AJ25" s="196">
        <v>116</v>
      </c>
      <c r="AK25" s="193">
        <v>124</v>
      </c>
      <c r="AL25" s="195">
        <v>0</v>
      </c>
      <c r="AM25" s="196">
        <v>111</v>
      </c>
      <c r="AN25" s="196">
        <v>185</v>
      </c>
      <c r="AO25" s="196">
        <v>151</v>
      </c>
      <c r="AP25" s="196">
        <v>28</v>
      </c>
      <c r="AQ25" s="196">
        <v>54</v>
      </c>
      <c r="AR25" s="193">
        <v>529</v>
      </c>
      <c r="AS25" s="198">
        <v>653</v>
      </c>
      <c r="AT25" s="192">
        <v>0</v>
      </c>
      <c r="AU25" s="196">
        <v>0</v>
      </c>
      <c r="AV25" s="193">
        <v>0</v>
      </c>
      <c r="AW25" s="195">
        <v>0</v>
      </c>
      <c r="AX25" s="196">
        <v>2857</v>
      </c>
      <c r="AY25" s="196">
        <v>2514</v>
      </c>
      <c r="AZ25" s="196">
        <v>1216</v>
      </c>
      <c r="BA25" s="196">
        <v>955</v>
      </c>
      <c r="BB25" s="196">
        <v>558</v>
      </c>
      <c r="BC25" s="197">
        <v>8100</v>
      </c>
      <c r="BD25" s="198">
        <v>8100</v>
      </c>
      <c r="BE25" s="192">
        <v>0</v>
      </c>
      <c r="BF25" s="196">
        <v>0</v>
      </c>
      <c r="BG25" s="193">
        <v>0</v>
      </c>
      <c r="BH25" s="195">
        <v>0</v>
      </c>
      <c r="BI25" s="196">
        <v>295</v>
      </c>
      <c r="BJ25" s="196">
        <v>478</v>
      </c>
      <c r="BK25" s="196">
        <v>219</v>
      </c>
      <c r="BL25" s="196">
        <v>200</v>
      </c>
      <c r="BM25" s="196">
        <v>38</v>
      </c>
      <c r="BN25" s="193">
        <v>1230</v>
      </c>
      <c r="BO25" s="198">
        <v>1230</v>
      </c>
      <c r="BP25" s="192">
        <v>6</v>
      </c>
      <c r="BQ25" s="196">
        <v>17</v>
      </c>
      <c r="BR25" s="193">
        <v>23</v>
      </c>
      <c r="BS25" s="195">
        <v>0</v>
      </c>
      <c r="BT25" s="196">
        <v>176</v>
      </c>
      <c r="BU25" s="196">
        <v>370</v>
      </c>
      <c r="BV25" s="196">
        <v>481</v>
      </c>
      <c r="BW25" s="196">
        <v>518</v>
      </c>
      <c r="BX25" s="196">
        <v>177</v>
      </c>
      <c r="BY25" s="193">
        <v>1722</v>
      </c>
      <c r="BZ25" s="198">
        <v>1745</v>
      </c>
      <c r="CA25" s="192">
        <v>0</v>
      </c>
      <c r="CB25" s="196">
        <v>0</v>
      </c>
      <c r="CC25" s="193">
        <v>0</v>
      </c>
      <c r="CD25" s="195">
        <v>0</v>
      </c>
      <c r="CE25" s="196">
        <v>0</v>
      </c>
      <c r="CF25" s="196">
        <v>21</v>
      </c>
      <c r="CG25" s="196">
        <v>9</v>
      </c>
      <c r="CH25" s="196">
        <v>41</v>
      </c>
      <c r="CI25" s="196">
        <v>39</v>
      </c>
      <c r="CJ25" s="193">
        <v>110</v>
      </c>
      <c r="CK25" s="198">
        <v>110</v>
      </c>
      <c r="CL25" s="192">
        <v>0</v>
      </c>
      <c r="CM25" s="196">
        <v>0</v>
      </c>
      <c r="CN25" s="193">
        <v>0</v>
      </c>
      <c r="CO25" s="195">
        <v>0</v>
      </c>
      <c r="CP25" s="196">
        <v>0</v>
      </c>
      <c r="CQ25" s="196">
        <v>0</v>
      </c>
      <c r="CR25" s="196">
        <v>0</v>
      </c>
      <c r="CS25" s="196">
        <v>0</v>
      </c>
      <c r="CT25" s="196">
        <v>0</v>
      </c>
      <c r="CU25" s="193">
        <v>0</v>
      </c>
      <c r="CV25" s="198">
        <v>0</v>
      </c>
      <c r="CW25" s="192">
        <v>0</v>
      </c>
      <c r="CX25" s="196">
        <v>0</v>
      </c>
      <c r="CY25" s="193">
        <v>0</v>
      </c>
      <c r="CZ25" s="195">
        <v>0</v>
      </c>
      <c r="DA25" s="196">
        <v>0</v>
      </c>
      <c r="DB25" s="196">
        <v>0</v>
      </c>
      <c r="DC25" s="196">
        <v>0</v>
      </c>
      <c r="DD25" s="196">
        <v>0</v>
      </c>
      <c r="DE25" s="196">
        <v>0</v>
      </c>
      <c r="DF25" s="193">
        <v>0</v>
      </c>
      <c r="DG25" s="198">
        <v>0</v>
      </c>
    </row>
    <row r="26" spans="1:111" ht="18.75" customHeight="1" x14ac:dyDescent="0.2">
      <c r="A26" s="177" t="s">
        <v>24</v>
      </c>
      <c r="B26" s="192">
        <v>0</v>
      </c>
      <c r="C26" s="196">
        <v>0</v>
      </c>
      <c r="D26" s="458">
        <v>0</v>
      </c>
      <c r="E26" s="195">
        <v>0</v>
      </c>
      <c r="F26" s="196">
        <v>777</v>
      </c>
      <c r="G26" s="196">
        <v>755</v>
      </c>
      <c r="H26" s="196">
        <v>848</v>
      </c>
      <c r="I26" s="196">
        <v>1580</v>
      </c>
      <c r="J26" s="196">
        <v>1922</v>
      </c>
      <c r="K26" s="197">
        <v>5882</v>
      </c>
      <c r="L26" s="198">
        <v>5882</v>
      </c>
      <c r="M26" s="192">
        <v>0</v>
      </c>
      <c r="N26" s="196">
        <v>0</v>
      </c>
      <c r="O26" s="193">
        <v>0</v>
      </c>
      <c r="P26" s="195">
        <v>0</v>
      </c>
      <c r="Q26" s="196">
        <v>0</v>
      </c>
      <c r="R26" s="196">
        <v>8</v>
      </c>
      <c r="S26" s="196">
        <v>20</v>
      </c>
      <c r="T26" s="196">
        <v>55</v>
      </c>
      <c r="U26" s="196">
        <v>81</v>
      </c>
      <c r="V26" s="193">
        <v>164</v>
      </c>
      <c r="W26" s="198">
        <v>164</v>
      </c>
      <c r="X26" s="192">
        <v>85</v>
      </c>
      <c r="Y26" s="196">
        <v>131</v>
      </c>
      <c r="Z26" s="193">
        <v>216</v>
      </c>
      <c r="AA26" s="195">
        <v>0</v>
      </c>
      <c r="AB26" s="196">
        <v>529</v>
      </c>
      <c r="AC26" s="196">
        <v>493</v>
      </c>
      <c r="AD26" s="196">
        <v>305</v>
      </c>
      <c r="AE26" s="196">
        <v>375</v>
      </c>
      <c r="AF26" s="196">
        <v>302</v>
      </c>
      <c r="AG26" s="193">
        <v>2004</v>
      </c>
      <c r="AH26" s="198">
        <v>2220</v>
      </c>
      <c r="AI26" s="192">
        <v>27</v>
      </c>
      <c r="AJ26" s="196">
        <v>34</v>
      </c>
      <c r="AK26" s="193">
        <v>61</v>
      </c>
      <c r="AL26" s="195">
        <v>0</v>
      </c>
      <c r="AM26" s="196">
        <v>60</v>
      </c>
      <c r="AN26" s="196">
        <v>55</v>
      </c>
      <c r="AO26" s="196">
        <v>34</v>
      </c>
      <c r="AP26" s="196">
        <v>68</v>
      </c>
      <c r="AQ26" s="196">
        <v>103</v>
      </c>
      <c r="AR26" s="193">
        <v>320</v>
      </c>
      <c r="AS26" s="198">
        <v>381</v>
      </c>
      <c r="AT26" s="192">
        <v>0</v>
      </c>
      <c r="AU26" s="196">
        <v>0</v>
      </c>
      <c r="AV26" s="193">
        <v>0</v>
      </c>
      <c r="AW26" s="195">
        <v>0</v>
      </c>
      <c r="AX26" s="196">
        <v>832</v>
      </c>
      <c r="AY26" s="196">
        <v>720</v>
      </c>
      <c r="AZ26" s="196">
        <v>372</v>
      </c>
      <c r="BA26" s="196">
        <v>170</v>
      </c>
      <c r="BB26" s="196">
        <v>57</v>
      </c>
      <c r="BC26" s="197">
        <v>2151</v>
      </c>
      <c r="BD26" s="198">
        <v>2151</v>
      </c>
      <c r="BE26" s="192">
        <v>0</v>
      </c>
      <c r="BF26" s="196">
        <v>0</v>
      </c>
      <c r="BG26" s="193">
        <v>0</v>
      </c>
      <c r="BH26" s="195">
        <v>0</v>
      </c>
      <c r="BI26" s="196">
        <v>370</v>
      </c>
      <c r="BJ26" s="196">
        <v>237</v>
      </c>
      <c r="BK26" s="196">
        <v>156</v>
      </c>
      <c r="BL26" s="196">
        <v>110</v>
      </c>
      <c r="BM26" s="196">
        <v>80</v>
      </c>
      <c r="BN26" s="193">
        <v>953</v>
      </c>
      <c r="BO26" s="198">
        <v>953</v>
      </c>
      <c r="BP26" s="192">
        <v>0</v>
      </c>
      <c r="BQ26" s="196">
        <v>9</v>
      </c>
      <c r="BR26" s="193">
        <v>9</v>
      </c>
      <c r="BS26" s="195">
        <v>0</v>
      </c>
      <c r="BT26" s="196">
        <v>99</v>
      </c>
      <c r="BU26" s="196">
        <v>238</v>
      </c>
      <c r="BV26" s="196">
        <v>339</v>
      </c>
      <c r="BW26" s="196">
        <v>128</v>
      </c>
      <c r="BX26" s="196">
        <v>126</v>
      </c>
      <c r="BY26" s="193">
        <v>930</v>
      </c>
      <c r="BZ26" s="198">
        <v>939</v>
      </c>
      <c r="CA26" s="192">
        <v>0</v>
      </c>
      <c r="CB26" s="196">
        <v>0</v>
      </c>
      <c r="CC26" s="193">
        <v>0</v>
      </c>
      <c r="CD26" s="195">
        <v>0</v>
      </c>
      <c r="CE26" s="196">
        <v>7</v>
      </c>
      <c r="CF26" s="196">
        <v>0</v>
      </c>
      <c r="CG26" s="196">
        <v>5</v>
      </c>
      <c r="CH26" s="196">
        <v>3</v>
      </c>
      <c r="CI26" s="196">
        <v>0</v>
      </c>
      <c r="CJ26" s="193">
        <v>15</v>
      </c>
      <c r="CK26" s="198">
        <v>15</v>
      </c>
      <c r="CL26" s="192">
        <v>0</v>
      </c>
      <c r="CM26" s="196">
        <v>0</v>
      </c>
      <c r="CN26" s="193">
        <v>0</v>
      </c>
      <c r="CO26" s="195">
        <v>0</v>
      </c>
      <c r="CP26" s="196">
        <v>0</v>
      </c>
      <c r="CQ26" s="196">
        <v>0</v>
      </c>
      <c r="CR26" s="196">
        <v>0</v>
      </c>
      <c r="CS26" s="196">
        <v>0</v>
      </c>
      <c r="CT26" s="196">
        <v>0</v>
      </c>
      <c r="CU26" s="193">
        <v>0</v>
      </c>
      <c r="CV26" s="198">
        <v>0</v>
      </c>
      <c r="CW26" s="192">
        <v>0</v>
      </c>
      <c r="CX26" s="196">
        <v>0</v>
      </c>
      <c r="CY26" s="193">
        <v>0</v>
      </c>
      <c r="CZ26" s="195">
        <v>0</v>
      </c>
      <c r="DA26" s="196">
        <v>0</v>
      </c>
      <c r="DB26" s="196">
        <v>0</v>
      </c>
      <c r="DC26" s="196">
        <v>0</v>
      </c>
      <c r="DD26" s="196">
        <v>0</v>
      </c>
      <c r="DE26" s="196">
        <v>0</v>
      </c>
      <c r="DF26" s="193">
        <v>0</v>
      </c>
      <c r="DG26" s="198">
        <v>0</v>
      </c>
    </row>
    <row r="27" spans="1:111" ht="18.75" customHeight="1" x14ac:dyDescent="0.2">
      <c r="A27" s="177" t="s">
        <v>25</v>
      </c>
      <c r="B27" s="192">
        <v>0</v>
      </c>
      <c r="C27" s="196">
        <v>0</v>
      </c>
      <c r="D27" s="458">
        <v>0</v>
      </c>
      <c r="E27" s="195">
        <v>0</v>
      </c>
      <c r="F27" s="196">
        <v>1257</v>
      </c>
      <c r="G27" s="196">
        <v>1268</v>
      </c>
      <c r="H27" s="196">
        <v>1462</v>
      </c>
      <c r="I27" s="196">
        <v>2042</v>
      </c>
      <c r="J27" s="196">
        <v>2277</v>
      </c>
      <c r="K27" s="197">
        <v>8306</v>
      </c>
      <c r="L27" s="198">
        <v>8306</v>
      </c>
      <c r="M27" s="192">
        <v>0</v>
      </c>
      <c r="N27" s="196">
        <v>0</v>
      </c>
      <c r="O27" s="193">
        <v>0</v>
      </c>
      <c r="P27" s="195">
        <v>0</v>
      </c>
      <c r="Q27" s="196">
        <v>11</v>
      </c>
      <c r="R27" s="196">
        <v>22</v>
      </c>
      <c r="S27" s="196">
        <v>17</v>
      </c>
      <c r="T27" s="196">
        <v>79</v>
      </c>
      <c r="U27" s="196">
        <v>140</v>
      </c>
      <c r="V27" s="193">
        <v>269</v>
      </c>
      <c r="W27" s="198">
        <v>269</v>
      </c>
      <c r="X27" s="192">
        <v>71</v>
      </c>
      <c r="Y27" s="196">
        <v>148</v>
      </c>
      <c r="Z27" s="193">
        <v>219</v>
      </c>
      <c r="AA27" s="195">
        <v>0</v>
      </c>
      <c r="AB27" s="196">
        <v>533</v>
      </c>
      <c r="AC27" s="196">
        <v>521</v>
      </c>
      <c r="AD27" s="196">
        <v>308</v>
      </c>
      <c r="AE27" s="196">
        <v>279</v>
      </c>
      <c r="AF27" s="196">
        <v>371</v>
      </c>
      <c r="AG27" s="193">
        <v>2012</v>
      </c>
      <c r="AH27" s="198">
        <v>2231</v>
      </c>
      <c r="AI27" s="192">
        <v>22</v>
      </c>
      <c r="AJ27" s="196">
        <v>46</v>
      </c>
      <c r="AK27" s="193">
        <v>68</v>
      </c>
      <c r="AL27" s="195">
        <v>0</v>
      </c>
      <c r="AM27" s="196">
        <v>34</v>
      </c>
      <c r="AN27" s="196">
        <v>71</v>
      </c>
      <c r="AO27" s="196">
        <v>92</v>
      </c>
      <c r="AP27" s="196">
        <v>22</v>
      </c>
      <c r="AQ27" s="196">
        <v>59</v>
      </c>
      <c r="AR27" s="193">
        <v>278</v>
      </c>
      <c r="AS27" s="198">
        <v>346</v>
      </c>
      <c r="AT27" s="192">
        <v>0</v>
      </c>
      <c r="AU27" s="196">
        <v>0</v>
      </c>
      <c r="AV27" s="193">
        <v>0</v>
      </c>
      <c r="AW27" s="195">
        <v>0</v>
      </c>
      <c r="AX27" s="196">
        <v>1439</v>
      </c>
      <c r="AY27" s="196">
        <v>820</v>
      </c>
      <c r="AZ27" s="196">
        <v>465</v>
      </c>
      <c r="BA27" s="196">
        <v>586</v>
      </c>
      <c r="BB27" s="196">
        <v>67</v>
      </c>
      <c r="BC27" s="197">
        <v>3377</v>
      </c>
      <c r="BD27" s="198">
        <v>3377</v>
      </c>
      <c r="BE27" s="192">
        <v>0</v>
      </c>
      <c r="BF27" s="196">
        <v>0</v>
      </c>
      <c r="BG27" s="193">
        <v>0</v>
      </c>
      <c r="BH27" s="195">
        <v>0</v>
      </c>
      <c r="BI27" s="196">
        <v>276</v>
      </c>
      <c r="BJ27" s="196">
        <v>508</v>
      </c>
      <c r="BK27" s="196">
        <v>216</v>
      </c>
      <c r="BL27" s="196">
        <v>168</v>
      </c>
      <c r="BM27" s="196">
        <v>65</v>
      </c>
      <c r="BN27" s="193">
        <v>1233</v>
      </c>
      <c r="BO27" s="198">
        <v>1233</v>
      </c>
      <c r="BP27" s="192">
        <v>21</v>
      </c>
      <c r="BQ27" s="196">
        <v>21</v>
      </c>
      <c r="BR27" s="193">
        <v>42</v>
      </c>
      <c r="BS27" s="195">
        <v>0</v>
      </c>
      <c r="BT27" s="196">
        <v>99</v>
      </c>
      <c r="BU27" s="196">
        <v>217</v>
      </c>
      <c r="BV27" s="196">
        <v>175</v>
      </c>
      <c r="BW27" s="196">
        <v>128</v>
      </c>
      <c r="BX27" s="196">
        <v>66</v>
      </c>
      <c r="BY27" s="193">
        <v>685</v>
      </c>
      <c r="BZ27" s="198">
        <v>727</v>
      </c>
      <c r="CA27" s="192">
        <v>0</v>
      </c>
      <c r="CB27" s="196">
        <v>0</v>
      </c>
      <c r="CC27" s="193">
        <v>0</v>
      </c>
      <c r="CD27" s="195">
        <v>0</v>
      </c>
      <c r="CE27" s="196">
        <v>6</v>
      </c>
      <c r="CF27" s="196">
        <v>6</v>
      </c>
      <c r="CG27" s="196">
        <v>3</v>
      </c>
      <c r="CH27" s="196">
        <v>42</v>
      </c>
      <c r="CI27" s="196">
        <v>21</v>
      </c>
      <c r="CJ27" s="193">
        <v>78</v>
      </c>
      <c r="CK27" s="198">
        <v>78</v>
      </c>
      <c r="CL27" s="192">
        <v>0</v>
      </c>
      <c r="CM27" s="196">
        <v>0</v>
      </c>
      <c r="CN27" s="193">
        <v>0</v>
      </c>
      <c r="CO27" s="195">
        <v>0</v>
      </c>
      <c r="CP27" s="196">
        <v>0</v>
      </c>
      <c r="CQ27" s="196">
        <v>0</v>
      </c>
      <c r="CR27" s="196">
        <v>0</v>
      </c>
      <c r="CS27" s="196">
        <v>0</v>
      </c>
      <c r="CT27" s="196">
        <v>0</v>
      </c>
      <c r="CU27" s="193">
        <v>0</v>
      </c>
      <c r="CV27" s="198">
        <v>0</v>
      </c>
      <c r="CW27" s="192">
        <v>0</v>
      </c>
      <c r="CX27" s="196">
        <v>0</v>
      </c>
      <c r="CY27" s="193">
        <v>0</v>
      </c>
      <c r="CZ27" s="195">
        <v>0</v>
      </c>
      <c r="DA27" s="196">
        <v>0</v>
      </c>
      <c r="DB27" s="196">
        <v>0</v>
      </c>
      <c r="DC27" s="196">
        <v>0</v>
      </c>
      <c r="DD27" s="196">
        <v>0</v>
      </c>
      <c r="DE27" s="196">
        <v>0</v>
      </c>
      <c r="DF27" s="193">
        <v>0</v>
      </c>
      <c r="DG27" s="198">
        <v>0</v>
      </c>
    </row>
    <row r="28" spans="1:111" ht="18.75" customHeight="1" x14ac:dyDescent="0.2">
      <c r="A28" s="177" t="s">
        <v>26</v>
      </c>
      <c r="B28" s="192">
        <v>0</v>
      </c>
      <c r="C28" s="196">
        <v>0</v>
      </c>
      <c r="D28" s="458">
        <v>0</v>
      </c>
      <c r="E28" s="195">
        <v>0</v>
      </c>
      <c r="F28" s="196">
        <v>646</v>
      </c>
      <c r="G28" s="196">
        <v>1340</v>
      </c>
      <c r="H28" s="196">
        <v>1065</v>
      </c>
      <c r="I28" s="196">
        <v>1319</v>
      </c>
      <c r="J28" s="196">
        <v>2104</v>
      </c>
      <c r="K28" s="197">
        <v>6474</v>
      </c>
      <c r="L28" s="198">
        <v>6474</v>
      </c>
      <c r="M28" s="192">
        <v>0</v>
      </c>
      <c r="N28" s="196">
        <v>0</v>
      </c>
      <c r="O28" s="193">
        <v>0</v>
      </c>
      <c r="P28" s="195">
        <v>0</v>
      </c>
      <c r="Q28" s="196">
        <v>0</v>
      </c>
      <c r="R28" s="196">
        <v>18</v>
      </c>
      <c r="S28" s="196">
        <v>22</v>
      </c>
      <c r="T28" s="196">
        <v>49</v>
      </c>
      <c r="U28" s="196">
        <v>107</v>
      </c>
      <c r="V28" s="193">
        <v>196</v>
      </c>
      <c r="W28" s="198">
        <v>196</v>
      </c>
      <c r="X28" s="192">
        <v>79</v>
      </c>
      <c r="Y28" s="196">
        <v>155</v>
      </c>
      <c r="Z28" s="193">
        <v>234</v>
      </c>
      <c r="AA28" s="195">
        <v>0</v>
      </c>
      <c r="AB28" s="196">
        <v>391</v>
      </c>
      <c r="AC28" s="196">
        <v>428</v>
      </c>
      <c r="AD28" s="196">
        <v>359</v>
      </c>
      <c r="AE28" s="196">
        <v>189</v>
      </c>
      <c r="AF28" s="196">
        <v>428</v>
      </c>
      <c r="AG28" s="193">
        <v>1795</v>
      </c>
      <c r="AH28" s="198">
        <v>2029</v>
      </c>
      <c r="AI28" s="192">
        <v>16</v>
      </c>
      <c r="AJ28" s="196">
        <v>0</v>
      </c>
      <c r="AK28" s="193">
        <v>16</v>
      </c>
      <c r="AL28" s="195">
        <v>0</v>
      </c>
      <c r="AM28" s="196">
        <v>81</v>
      </c>
      <c r="AN28" s="196">
        <v>54</v>
      </c>
      <c r="AO28" s="196">
        <v>35</v>
      </c>
      <c r="AP28" s="196">
        <v>23</v>
      </c>
      <c r="AQ28" s="196">
        <v>44</v>
      </c>
      <c r="AR28" s="193">
        <v>237</v>
      </c>
      <c r="AS28" s="198">
        <v>253</v>
      </c>
      <c r="AT28" s="192">
        <v>0</v>
      </c>
      <c r="AU28" s="196">
        <v>0</v>
      </c>
      <c r="AV28" s="193">
        <v>0</v>
      </c>
      <c r="AW28" s="195">
        <v>0</v>
      </c>
      <c r="AX28" s="196">
        <v>1029</v>
      </c>
      <c r="AY28" s="196">
        <v>769</v>
      </c>
      <c r="AZ28" s="196">
        <v>534</v>
      </c>
      <c r="BA28" s="196">
        <v>281</v>
      </c>
      <c r="BB28" s="196">
        <v>236</v>
      </c>
      <c r="BC28" s="197">
        <v>2849</v>
      </c>
      <c r="BD28" s="198">
        <v>2849</v>
      </c>
      <c r="BE28" s="192">
        <v>0</v>
      </c>
      <c r="BF28" s="196">
        <v>0</v>
      </c>
      <c r="BG28" s="193">
        <v>0</v>
      </c>
      <c r="BH28" s="195">
        <v>0</v>
      </c>
      <c r="BI28" s="196">
        <v>129</v>
      </c>
      <c r="BJ28" s="196">
        <v>180</v>
      </c>
      <c r="BK28" s="196">
        <v>94</v>
      </c>
      <c r="BL28" s="196">
        <v>72</v>
      </c>
      <c r="BM28" s="196">
        <v>34</v>
      </c>
      <c r="BN28" s="193">
        <v>509</v>
      </c>
      <c r="BO28" s="198">
        <v>509</v>
      </c>
      <c r="BP28" s="192">
        <v>0</v>
      </c>
      <c r="BQ28" s="196">
        <v>16</v>
      </c>
      <c r="BR28" s="193">
        <v>16</v>
      </c>
      <c r="BS28" s="195">
        <v>0</v>
      </c>
      <c r="BT28" s="196">
        <v>61</v>
      </c>
      <c r="BU28" s="196">
        <v>106</v>
      </c>
      <c r="BV28" s="196">
        <v>314</v>
      </c>
      <c r="BW28" s="196">
        <v>272</v>
      </c>
      <c r="BX28" s="196">
        <v>79</v>
      </c>
      <c r="BY28" s="193">
        <v>832</v>
      </c>
      <c r="BZ28" s="198">
        <v>848</v>
      </c>
      <c r="CA28" s="192">
        <v>0</v>
      </c>
      <c r="CB28" s="196">
        <v>0</v>
      </c>
      <c r="CC28" s="193">
        <v>0</v>
      </c>
      <c r="CD28" s="195">
        <v>0</v>
      </c>
      <c r="CE28" s="196">
        <v>15</v>
      </c>
      <c r="CF28" s="196">
        <v>13</v>
      </c>
      <c r="CG28" s="196">
        <v>39</v>
      </c>
      <c r="CH28" s="196">
        <v>21</v>
      </c>
      <c r="CI28" s="196">
        <v>7</v>
      </c>
      <c r="CJ28" s="193">
        <v>95</v>
      </c>
      <c r="CK28" s="198">
        <v>95</v>
      </c>
      <c r="CL28" s="192">
        <v>0</v>
      </c>
      <c r="CM28" s="196">
        <v>0</v>
      </c>
      <c r="CN28" s="193">
        <v>0</v>
      </c>
      <c r="CO28" s="195">
        <v>0</v>
      </c>
      <c r="CP28" s="196">
        <v>0</v>
      </c>
      <c r="CQ28" s="196">
        <v>0</v>
      </c>
      <c r="CR28" s="196">
        <v>0</v>
      </c>
      <c r="CS28" s="196">
        <v>0</v>
      </c>
      <c r="CT28" s="196">
        <v>0</v>
      </c>
      <c r="CU28" s="193">
        <v>0</v>
      </c>
      <c r="CV28" s="198">
        <v>0</v>
      </c>
      <c r="CW28" s="192">
        <v>0</v>
      </c>
      <c r="CX28" s="196">
        <v>0</v>
      </c>
      <c r="CY28" s="193">
        <v>0</v>
      </c>
      <c r="CZ28" s="195">
        <v>0</v>
      </c>
      <c r="DA28" s="196">
        <v>0</v>
      </c>
      <c r="DB28" s="196">
        <v>0</v>
      </c>
      <c r="DC28" s="196">
        <v>0</v>
      </c>
      <c r="DD28" s="196">
        <v>0</v>
      </c>
      <c r="DE28" s="196">
        <v>0</v>
      </c>
      <c r="DF28" s="193">
        <v>0</v>
      </c>
      <c r="DG28" s="198">
        <v>0</v>
      </c>
    </row>
    <row r="29" spans="1:111" ht="18.75" customHeight="1" x14ac:dyDescent="0.2">
      <c r="A29" s="177" t="s">
        <v>27</v>
      </c>
      <c r="B29" s="192">
        <v>0</v>
      </c>
      <c r="C29" s="196">
        <v>0</v>
      </c>
      <c r="D29" s="458">
        <v>0</v>
      </c>
      <c r="E29" s="195">
        <v>0</v>
      </c>
      <c r="F29" s="196">
        <v>772</v>
      </c>
      <c r="G29" s="196">
        <v>893</v>
      </c>
      <c r="H29" s="196">
        <v>951</v>
      </c>
      <c r="I29" s="196">
        <v>1310</v>
      </c>
      <c r="J29" s="196">
        <v>1557</v>
      </c>
      <c r="K29" s="197">
        <v>5483</v>
      </c>
      <c r="L29" s="198">
        <v>5483</v>
      </c>
      <c r="M29" s="192">
        <v>0</v>
      </c>
      <c r="N29" s="196">
        <v>0</v>
      </c>
      <c r="O29" s="193">
        <v>0</v>
      </c>
      <c r="P29" s="195">
        <v>0</v>
      </c>
      <c r="Q29" s="196">
        <v>5</v>
      </c>
      <c r="R29" s="196">
        <v>8</v>
      </c>
      <c r="S29" s="196">
        <v>20</v>
      </c>
      <c r="T29" s="196">
        <v>54</v>
      </c>
      <c r="U29" s="196">
        <v>59</v>
      </c>
      <c r="V29" s="193">
        <v>146</v>
      </c>
      <c r="W29" s="198">
        <v>146</v>
      </c>
      <c r="X29" s="192">
        <v>114</v>
      </c>
      <c r="Y29" s="196">
        <v>233</v>
      </c>
      <c r="Z29" s="193">
        <v>347</v>
      </c>
      <c r="AA29" s="195">
        <v>0</v>
      </c>
      <c r="AB29" s="196">
        <v>223</v>
      </c>
      <c r="AC29" s="196">
        <v>272</v>
      </c>
      <c r="AD29" s="196">
        <v>251</v>
      </c>
      <c r="AE29" s="196">
        <v>336</v>
      </c>
      <c r="AF29" s="196">
        <v>280</v>
      </c>
      <c r="AG29" s="193">
        <v>1362</v>
      </c>
      <c r="AH29" s="198">
        <v>1709</v>
      </c>
      <c r="AI29" s="192">
        <v>0</v>
      </c>
      <c r="AJ29" s="196">
        <v>39</v>
      </c>
      <c r="AK29" s="193">
        <v>39</v>
      </c>
      <c r="AL29" s="195">
        <v>0</v>
      </c>
      <c r="AM29" s="196">
        <v>0</v>
      </c>
      <c r="AN29" s="196">
        <v>30</v>
      </c>
      <c r="AO29" s="196">
        <v>36</v>
      </c>
      <c r="AP29" s="196">
        <v>0</v>
      </c>
      <c r="AQ29" s="196">
        <v>22</v>
      </c>
      <c r="AR29" s="193">
        <v>88</v>
      </c>
      <c r="AS29" s="198">
        <v>127</v>
      </c>
      <c r="AT29" s="192">
        <v>0</v>
      </c>
      <c r="AU29" s="196">
        <v>0</v>
      </c>
      <c r="AV29" s="193">
        <v>0</v>
      </c>
      <c r="AW29" s="195">
        <v>0</v>
      </c>
      <c r="AX29" s="196">
        <v>854</v>
      </c>
      <c r="AY29" s="196">
        <v>734</v>
      </c>
      <c r="AZ29" s="196">
        <v>491</v>
      </c>
      <c r="BA29" s="196">
        <v>307</v>
      </c>
      <c r="BB29" s="196">
        <v>166</v>
      </c>
      <c r="BC29" s="197">
        <v>2552</v>
      </c>
      <c r="BD29" s="198">
        <v>2552</v>
      </c>
      <c r="BE29" s="192">
        <v>0</v>
      </c>
      <c r="BF29" s="196">
        <v>0</v>
      </c>
      <c r="BG29" s="193">
        <v>0</v>
      </c>
      <c r="BH29" s="195">
        <v>0</v>
      </c>
      <c r="BI29" s="196">
        <v>146</v>
      </c>
      <c r="BJ29" s="196">
        <v>198</v>
      </c>
      <c r="BK29" s="196">
        <v>107</v>
      </c>
      <c r="BL29" s="196">
        <v>61</v>
      </c>
      <c r="BM29" s="196">
        <v>38</v>
      </c>
      <c r="BN29" s="193">
        <v>550</v>
      </c>
      <c r="BO29" s="198">
        <v>550</v>
      </c>
      <c r="BP29" s="192">
        <v>0</v>
      </c>
      <c r="BQ29" s="196">
        <v>0</v>
      </c>
      <c r="BR29" s="193">
        <v>0</v>
      </c>
      <c r="BS29" s="195">
        <v>0</v>
      </c>
      <c r="BT29" s="196">
        <v>47</v>
      </c>
      <c r="BU29" s="196">
        <v>95</v>
      </c>
      <c r="BV29" s="196">
        <v>139</v>
      </c>
      <c r="BW29" s="196">
        <v>96</v>
      </c>
      <c r="BX29" s="196">
        <v>58</v>
      </c>
      <c r="BY29" s="193">
        <v>435</v>
      </c>
      <c r="BZ29" s="198">
        <v>435</v>
      </c>
      <c r="CA29" s="192">
        <v>0</v>
      </c>
      <c r="CB29" s="196">
        <v>0</v>
      </c>
      <c r="CC29" s="193">
        <v>0</v>
      </c>
      <c r="CD29" s="195">
        <v>0</v>
      </c>
      <c r="CE29" s="196">
        <v>11</v>
      </c>
      <c r="CF29" s="196">
        <v>17</v>
      </c>
      <c r="CG29" s="196">
        <v>17</v>
      </c>
      <c r="CH29" s="196">
        <v>15</v>
      </c>
      <c r="CI29" s="196">
        <v>20</v>
      </c>
      <c r="CJ29" s="193">
        <v>80</v>
      </c>
      <c r="CK29" s="198">
        <v>80</v>
      </c>
      <c r="CL29" s="192">
        <v>0</v>
      </c>
      <c r="CM29" s="196">
        <v>0</v>
      </c>
      <c r="CN29" s="193">
        <v>0</v>
      </c>
      <c r="CO29" s="195">
        <v>0</v>
      </c>
      <c r="CP29" s="196">
        <v>0</v>
      </c>
      <c r="CQ29" s="196">
        <v>0</v>
      </c>
      <c r="CR29" s="196">
        <v>0</v>
      </c>
      <c r="CS29" s="196">
        <v>0</v>
      </c>
      <c r="CT29" s="196">
        <v>0</v>
      </c>
      <c r="CU29" s="193">
        <v>0</v>
      </c>
      <c r="CV29" s="198">
        <v>0</v>
      </c>
      <c r="CW29" s="192">
        <v>0</v>
      </c>
      <c r="CX29" s="196">
        <v>0</v>
      </c>
      <c r="CY29" s="193">
        <v>0</v>
      </c>
      <c r="CZ29" s="195">
        <v>0</v>
      </c>
      <c r="DA29" s="196">
        <v>0</v>
      </c>
      <c r="DB29" s="196">
        <v>0</v>
      </c>
      <c r="DC29" s="196">
        <v>0</v>
      </c>
      <c r="DD29" s="196">
        <v>0</v>
      </c>
      <c r="DE29" s="196">
        <v>0</v>
      </c>
      <c r="DF29" s="193">
        <v>0</v>
      </c>
      <c r="DG29" s="198">
        <v>0</v>
      </c>
    </row>
    <row r="30" spans="1:111" ht="18.75" customHeight="1" x14ac:dyDescent="0.2">
      <c r="A30" s="177" t="s">
        <v>28</v>
      </c>
      <c r="B30" s="192">
        <v>0</v>
      </c>
      <c r="C30" s="196">
        <v>0</v>
      </c>
      <c r="D30" s="458">
        <v>0</v>
      </c>
      <c r="E30" s="195">
        <v>0</v>
      </c>
      <c r="F30" s="196">
        <v>117</v>
      </c>
      <c r="G30" s="196">
        <v>174</v>
      </c>
      <c r="H30" s="196">
        <v>115</v>
      </c>
      <c r="I30" s="196">
        <v>257</v>
      </c>
      <c r="J30" s="196">
        <v>352</v>
      </c>
      <c r="K30" s="197">
        <v>1015</v>
      </c>
      <c r="L30" s="198">
        <v>1015</v>
      </c>
      <c r="M30" s="192">
        <v>0</v>
      </c>
      <c r="N30" s="196">
        <v>0</v>
      </c>
      <c r="O30" s="193">
        <v>0</v>
      </c>
      <c r="P30" s="195">
        <v>0</v>
      </c>
      <c r="Q30" s="196">
        <v>0</v>
      </c>
      <c r="R30" s="196">
        <v>0</v>
      </c>
      <c r="S30" s="196">
        <v>5</v>
      </c>
      <c r="T30" s="196">
        <v>8</v>
      </c>
      <c r="U30" s="196">
        <v>29</v>
      </c>
      <c r="V30" s="193">
        <v>42</v>
      </c>
      <c r="W30" s="198">
        <v>42</v>
      </c>
      <c r="X30" s="192">
        <v>5</v>
      </c>
      <c r="Y30" s="196">
        <v>6</v>
      </c>
      <c r="Z30" s="193">
        <v>11</v>
      </c>
      <c r="AA30" s="195">
        <v>0</v>
      </c>
      <c r="AB30" s="196">
        <v>27</v>
      </c>
      <c r="AC30" s="196">
        <v>97</v>
      </c>
      <c r="AD30" s="196">
        <v>12</v>
      </c>
      <c r="AE30" s="196">
        <v>30</v>
      </c>
      <c r="AF30" s="196">
        <v>108</v>
      </c>
      <c r="AG30" s="193">
        <v>274</v>
      </c>
      <c r="AH30" s="198">
        <v>285</v>
      </c>
      <c r="AI30" s="192">
        <v>0</v>
      </c>
      <c r="AJ30" s="196">
        <v>0</v>
      </c>
      <c r="AK30" s="193">
        <v>0</v>
      </c>
      <c r="AL30" s="195">
        <v>0</v>
      </c>
      <c r="AM30" s="196">
        <v>49</v>
      </c>
      <c r="AN30" s="196">
        <v>0</v>
      </c>
      <c r="AO30" s="196">
        <v>0</v>
      </c>
      <c r="AP30" s="196">
        <v>12</v>
      </c>
      <c r="AQ30" s="196">
        <v>48</v>
      </c>
      <c r="AR30" s="193">
        <v>109</v>
      </c>
      <c r="AS30" s="198">
        <v>109</v>
      </c>
      <c r="AT30" s="192">
        <v>0</v>
      </c>
      <c r="AU30" s="196">
        <v>0</v>
      </c>
      <c r="AV30" s="193">
        <v>0</v>
      </c>
      <c r="AW30" s="195">
        <v>0</v>
      </c>
      <c r="AX30" s="196">
        <v>316</v>
      </c>
      <c r="AY30" s="196">
        <v>325</v>
      </c>
      <c r="AZ30" s="196">
        <v>126</v>
      </c>
      <c r="BA30" s="196">
        <v>133</v>
      </c>
      <c r="BB30" s="196">
        <v>91</v>
      </c>
      <c r="BC30" s="197">
        <v>991</v>
      </c>
      <c r="BD30" s="198">
        <v>991</v>
      </c>
      <c r="BE30" s="192">
        <v>0</v>
      </c>
      <c r="BF30" s="196">
        <v>0</v>
      </c>
      <c r="BG30" s="193">
        <v>0</v>
      </c>
      <c r="BH30" s="195">
        <v>0</v>
      </c>
      <c r="BI30" s="196">
        <v>34</v>
      </c>
      <c r="BJ30" s="196">
        <v>88</v>
      </c>
      <c r="BK30" s="196">
        <v>42</v>
      </c>
      <c r="BL30" s="196">
        <v>56</v>
      </c>
      <c r="BM30" s="196">
        <v>43</v>
      </c>
      <c r="BN30" s="193">
        <v>263</v>
      </c>
      <c r="BO30" s="198">
        <v>263</v>
      </c>
      <c r="BP30" s="192">
        <v>0</v>
      </c>
      <c r="BQ30" s="196">
        <v>4</v>
      </c>
      <c r="BR30" s="193">
        <v>4</v>
      </c>
      <c r="BS30" s="195">
        <v>0</v>
      </c>
      <c r="BT30" s="196">
        <v>16</v>
      </c>
      <c r="BU30" s="196">
        <v>54</v>
      </c>
      <c r="BV30" s="196">
        <v>94</v>
      </c>
      <c r="BW30" s="196">
        <v>35</v>
      </c>
      <c r="BX30" s="196">
        <v>16</v>
      </c>
      <c r="BY30" s="193">
        <v>215</v>
      </c>
      <c r="BZ30" s="198">
        <v>219</v>
      </c>
      <c r="CA30" s="192">
        <v>0</v>
      </c>
      <c r="CB30" s="196">
        <v>0</v>
      </c>
      <c r="CC30" s="193">
        <v>0</v>
      </c>
      <c r="CD30" s="195">
        <v>0</v>
      </c>
      <c r="CE30" s="196">
        <v>7</v>
      </c>
      <c r="CF30" s="196">
        <v>4</v>
      </c>
      <c r="CG30" s="196">
        <v>10</v>
      </c>
      <c r="CH30" s="196">
        <v>12</v>
      </c>
      <c r="CI30" s="196">
        <v>3</v>
      </c>
      <c r="CJ30" s="193">
        <v>36</v>
      </c>
      <c r="CK30" s="198">
        <v>36</v>
      </c>
      <c r="CL30" s="192">
        <v>0</v>
      </c>
      <c r="CM30" s="196">
        <v>0</v>
      </c>
      <c r="CN30" s="193">
        <v>0</v>
      </c>
      <c r="CO30" s="195">
        <v>0</v>
      </c>
      <c r="CP30" s="196">
        <v>0</v>
      </c>
      <c r="CQ30" s="196">
        <v>0</v>
      </c>
      <c r="CR30" s="196">
        <v>0</v>
      </c>
      <c r="CS30" s="196">
        <v>0</v>
      </c>
      <c r="CT30" s="196">
        <v>0</v>
      </c>
      <c r="CU30" s="193">
        <v>0</v>
      </c>
      <c r="CV30" s="198">
        <v>0</v>
      </c>
      <c r="CW30" s="192">
        <v>0</v>
      </c>
      <c r="CX30" s="196">
        <v>0</v>
      </c>
      <c r="CY30" s="193">
        <v>0</v>
      </c>
      <c r="CZ30" s="195">
        <v>0</v>
      </c>
      <c r="DA30" s="196">
        <v>0</v>
      </c>
      <c r="DB30" s="196">
        <v>0</v>
      </c>
      <c r="DC30" s="196">
        <v>0</v>
      </c>
      <c r="DD30" s="196">
        <v>0</v>
      </c>
      <c r="DE30" s="196">
        <v>0</v>
      </c>
      <c r="DF30" s="193">
        <v>0</v>
      </c>
      <c r="DG30" s="198">
        <v>0</v>
      </c>
    </row>
    <row r="31" spans="1:111" ht="18.75" customHeight="1" x14ac:dyDescent="0.2">
      <c r="A31" s="177" t="s">
        <v>29</v>
      </c>
      <c r="B31" s="192">
        <v>0</v>
      </c>
      <c r="C31" s="196">
        <v>0</v>
      </c>
      <c r="D31" s="458">
        <v>0</v>
      </c>
      <c r="E31" s="195">
        <v>0</v>
      </c>
      <c r="F31" s="196">
        <v>261</v>
      </c>
      <c r="G31" s="196">
        <v>400</v>
      </c>
      <c r="H31" s="196">
        <v>291</v>
      </c>
      <c r="I31" s="196">
        <v>476</v>
      </c>
      <c r="J31" s="196">
        <v>554</v>
      </c>
      <c r="K31" s="197">
        <v>1982</v>
      </c>
      <c r="L31" s="198">
        <v>1982</v>
      </c>
      <c r="M31" s="192">
        <v>0</v>
      </c>
      <c r="N31" s="196">
        <v>0</v>
      </c>
      <c r="O31" s="193">
        <v>0</v>
      </c>
      <c r="P31" s="195">
        <v>0</v>
      </c>
      <c r="Q31" s="196">
        <v>5</v>
      </c>
      <c r="R31" s="196">
        <v>4</v>
      </c>
      <c r="S31" s="196">
        <v>3</v>
      </c>
      <c r="T31" s="196">
        <v>12</v>
      </c>
      <c r="U31" s="196">
        <v>27</v>
      </c>
      <c r="V31" s="193">
        <v>51</v>
      </c>
      <c r="W31" s="198">
        <v>51</v>
      </c>
      <c r="X31" s="192">
        <v>10</v>
      </c>
      <c r="Y31" s="196">
        <v>31</v>
      </c>
      <c r="Z31" s="193">
        <v>41</v>
      </c>
      <c r="AA31" s="195">
        <v>0</v>
      </c>
      <c r="AB31" s="196">
        <v>152</v>
      </c>
      <c r="AC31" s="196">
        <v>127</v>
      </c>
      <c r="AD31" s="196">
        <v>115</v>
      </c>
      <c r="AE31" s="196">
        <v>65</v>
      </c>
      <c r="AF31" s="196">
        <v>90</v>
      </c>
      <c r="AG31" s="193">
        <v>549</v>
      </c>
      <c r="AH31" s="198">
        <v>590</v>
      </c>
      <c r="AI31" s="192">
        <v>0</v>
      </c>
      <c r="AJ31" s="196">
        <v>15</v>
      </c>
      <c r="AK31" s="193">
        <v>15</v>
      </c>
      <c r="AL31" s="195">
        <v>0</v>
      </c>
      <c r="AM31" s="196">
        <v>51</v>
      </c>
      <c r="AN31" s="196">
        <v>55</v>
      </c>
      <c r="AO31" s="196">
        <v>0</v>
      </c>
      <c r="AP31" s="196">
        <v>42</v>
      </c>
      <c r="AQ31" s="196">
        <v>21</v>
      </c>
      <c r="AR31" s="193">
        <v>169</v>
      </c>
      <c r="AS31" s="198">
        <v>184</v>
      </c>
      <c r="AT31" s="192">
        <v>0</v>
      </c>
      <c r="AU31" s="196">
        <v>0</v>
      </c>
      <c r="AV31" s="193">
        <v>0</v>
      </c>
      <c r="AW31" s="195">
        <v>0</v>
      </c>
      <c r="AX31" s="196">
        <v>343</v>
      </c>
      <c r="AY31" s="196">
        <v>353</v>
      </c>
      <c r="AZ31" s="196">
        <v>299</v>
      </c>
      <c r="BA31" s="196">
        <v>211</v>
      </c>
      <c r="BB31" s="196">
        <v>55</v>
      </c>
      <c r="BC31" s="197">
        <v>1261</v>
      </c>
      <c r="BD31" s="198">
        <v>1261</v>
      </c>
      <c r="BE31" s="192">
        <v>0</v>
      </c>
      <c r="BF31" s="196">
        <v>0</v>
      </c>
      <c r="BG31" s="193">
        <v>0</v>
      </c>
      <c r="BH31" s="195">
        <v>0</v>
      </c>
      <c r="BI31" s="196">
        <v>137</v>
      </c>
      <c r="BJ31" s="196">
        <v>97</v>
      </c>
      <c r="BK31" s="196">
        <v>91</v>
      </c>
      <c r="BL31" s="196">
        <v>35</v>
      </c>
      <c r="BM31" s="196">
        <v>43</v>
      </c>
      <c r="BN31" s="193">
        <v>403</v>
      </c>
      <c r="BO31" s="198">
        <v>403</v>
      </c>
      <c r="BP31" s="192">
        <v>0</v>
      </c>
      <c r="BQ31" s="196">
        <v>0</v>
      </c>
      <c r="BR31" s="193">
        <v>0</v>
      </c>
      <c r="BS31" s="195">
        <v>0</v>
      </c>
      <c r="BT31" s="196">
        <v>26</v>
      </c>
      <c r="BU31" s="196">
        <v>100</v>
      </c>
      <c r="BV31" s="196">
        <v>121</v>
      </c>
      <c r="BW31" s="196">
        <v>88</v>
      </c>
      <c r="BX31" s="196">
        <v>101</v>
      </c>
      <c r="BY31" s="193">
        <v>436</v>
      </c>
      <c r="BZ31" s="198">
        <v>436</v>
      </c>
      <c r="CA31" s="192">
        <v>0</v>
      </c>
      <c r="CB31" s="196">
        <v>2</v>
      </c>
      <c r="CC31" s="193">
        <v>2</v>
      </c>
      <c r="CD31" s="195">
        <v>0</v>
      </c>
      <c r="CE31" s="196">
        <v>3</v>
      </c>
      <c r="CF31" s="196">
        <v>14</v>
      </c>
      <c r="CG31" s="196">
        <v>5</v>
      </c>
      <c r="CH31" s="196">
        <v>28</v>
      </c>
      <c r="CI31" s="196">
        <v>6</v>
      </c>
      <c r="CJ31" s="193">
        <v>56</v>
      </c>
      <c r="CK31" s="198">
        <v>58</v>
      </c>
      <c r="CL31" s="192">
        <v>0</v>
      </c>
      <c r="CM31" s="196">
        <v>0</v>
      </c>
      <c r="CN31" s="193">
        <v>0</v>
      </c>
      <c r="CO31" s="195">
        <v>0</v>
      </c>
      <c r="CP31" s="196">
        <v>0</v>
      </c>
      <c r="CQ31" s="196">
        <v>0</v>
      </c>
      <c r="CR31" s="196">
        <v>0</v>
      </c>
      <c r="CS31" s="196">
        <v>0</v>
      </c>
      <c r="CT31" s="196">
        <v>0</v>
      </c>
      <c r="CU31" s="193">
        <v>0</v>
      </c>
      <c r="CV31" s="198">
        <v>0</v>
      </c>
      <c r="CW31" s="192">
        <v>0</v>
      </c>
      <c r="CX31" s="196">
        <v>0</v>
      </c>
      <c r="CY31" s="193">
        <v>0</v>
      </c>
      <c r="CZ31" s="195">
        <v>0</v>
      </c>
      <c r="DA31" s="196">
        <v>0</v>
      </c>
      <c r="DB31" s="196">
        <v>0</v>
      </c>
      <c r="DC31" s="196">
        <v>0</v>
      </c>
      <c r="DD31" s="196">
        <v>0</v>
      </c>
      <c r="DE31" s="196">
        <v>0</v>
      </c>
      <c r="DF31" s="193">
        <v>0</v>
      </c>
      <c r="DG31" s="198">
        <v>0</v>
      </c>
    </row>
    <row r="32" spans="1:111" ht="18.75" customHeight="1" x14ac:dyDescent="0.2">
      <c r="A32" s="177" t="s">
        <v>30</v>
      </c>
      <c r="B32" s="192">
        <v>0</v>
      </c>
      <c r="C32" s="196">
        <v>0</v>
      </c>
      <c r="D32" s="458">
        <v>0</v>
      </c>
      <c r="E32" s="195">
        <v>0</v>
      </c>
      <c r="F32" s="196">
        <v>133</v>
      </c>
      <c r="G32" s="196">
        <v>408</v>
      </c>
      <c r="H32" s="196">
        <v>749</v>
      </c>
      <c r="I32" s="196">
        <v>527</v>
      </c>
      <c r="J32" s="196">
        <v>665</v>
      </c>
      <c r="K32" s="197">
        <v>2482</v>
      </c>
      <c r="L32" s="198">
        <v>2482</v>
      </c>
      <c r="M32" s="192">
        <v>0</v>
      </c>
      <c r="N32" s="196">
        <v>0</v>
      </c>
      <c r="O32" s="193">
        <v>0</v>
      </c>
      <c r="P32" s="195">
        <v>0</v>
      </c>
      <c r="Q32" s="196">
        <v>0</v>
      </c>
      <c r="R32" s="196">
        <v>4</v>
      </c>
      <c r="S32" s="196">
        <v>4</v>
      </c>
      <c r="T32" s="196">
        <v>28</v>
      </c>
      <c r="U32" s="196">
        <v>31</v>
      </c>
      <c r="V32" s="193">
        <v>67</v>
      </c>
      <c r="W32" s="198">
        <v>67</v>
      </c>
      <c r="X32" s="192">
        <v>43</v>
      </c>
      <c r="Y32" s="196">
        <v>43</v>
      </c>
      <c r="Z32" s="193">
        <v>86</v>
      </c>
      <c r="AA32" s="195">
        <v>0</v>
      </c>
      <c r="AB32" s="196">
        <v>132</v>
      </c>
      <c r="AC32" s="196">
        <v>163</v>
      </c>
      <c r="AD32" s="196">
        <v>75</v>
      </c>
      <c r="AE32" s="196">
        <v>65</v>
      </c>
      <c r="AF32" s="196">
        <v>34</v>
      </c>
      <c r="AG32" s="193">
        <v>469</v>
      </c>
      <c r="AH32" s="198">
        <v>555</v>
      </c>
      <c r="AI32" s="192">
        <v>0</v>
      </c>
      <c r="AJ32" s="196">
        <v>12</v>
      </c>
      <c r="AK32" s="193">
        <v>12</v>
      </c>
      <c r="AL32" s="195">
        <v>0</v>
      </c>
      <c r="AM32" s="196">
        <v>12</v>
      </c>
      <c r="AN32" s="196">
        <v>14</v>
      </c>
      <c r="AO32" s="196">
        <v>6</v>
      </c>
      <c r="AP32" s="196">
        <v>18</v>
      </c>
      <c r="AQ32" s="196">
        <v>0</v>
      </c>
      <c r="AR32" s="193">
        <v>50</v>
      </c>
      <c r="AS32" s="198">
        <v>62</v>
      </c>
      <c r="AT32" s="192">
        <v>0</v>
      </c>
      <c r="AU32" s="196">
        <v>0</v>
      </c>
      <c r="AV32" s="193">
        <v>0</v>
      </c>
      <c r="AW32" s="195">
        <v>0</v>
      </c>
      <c r="AX32" s="196">
        <v>332</v>
      </c>
      <c r="AY32" s="196">
        <v>199</v>
      </c>
      <c r="AZ32" s="196">
        <v>281</v>
      </c>
      <c r="BA32" s="196">
        <v>88</v>
      </c>
      <c r="BB32" s="196">
        <v>11</v>
      </c>
      <c r="BC32" s="197">
        <v>911</v>
      </c>
      <c r="BD32" s="198">
        <v>911</v>
      </c>
      <c r="BE32" s="192">
        <v>0</v>
      </c>
      <c r="BF32" s="196">
        <v>0</v>
      </c>
      <c r="BG32" s="193">
        <v>0</v>
      </c>
      <c r="BH32" s="195">
        <v>0</v>
      </c>
      <c r="BI32" s="196">
        <v>62</v>
      </c>
      <c r="BJ32" s="196">
        <v>82</v>
      </c>
      <c r="BK32" s="196">
        <v>22</v>
      </c>
      <c r="BL32" s="196">
        <v>62</v>
      </c>
      <c r="BM32" s="196">
        <v>0</v>
      </c>
      <c r="BN32" s="193">
        <v>228</v>
      </c>
      <c r="BO32" s="198">
        <v>228</v>
      </c>
      <c r="BP32" s="192">
        <v>0</v>
      </c>
      <c r="BQ32" s="196">
        <v>0</v>
      </c>
      <c r="BR32" s="193">
        <v>0</v>
      </c>
      <c r="BS32" s="195">
        <v>0</v>
      </c>
      <c r="BT32" s="196">
        <v>27</v>
      </c>
      <c r="BU32" s="196">
        <v>59</v>
      </c>
      <c r="BV32" s="196">
        <v>122</v>
      </c>
      <c r="BW32" s="196">
        <v>96</v>
      </c>
      <c r="BX32" s="196">
        <v>54</v>
      </c>
      <c r="BY32" s="193">
        <v>358</v>
      </c>
      <c r="BZ32" s="198">
        <v>358</v>
      </c>
      <c r="CA32" s="192">
        <v>0</v>
      </c>
      <c r="CB32" s="196">
        <v>0</v>
      </c>
      <c r="CC32" s="193">
        <v>0</v>
      </c>
      <c r="CD32" s="195">
        <v>0</v>
      </c>
      <c r="CE32" s="196">
        <v>7</v>
      </c>
      <c r="CF32" s="196">
        <v>8</v>
      </c>
      <c r="CG32" s="196">
        <v>32</v>
      </c>
      <c r="CH32" s="196">
        <v>5</v>
      </c>
      <c r="CI32" s="196">
        <v>14</v>
      </c>
      <c r="CJ32" s="193">
        <v>66</v>
      </c>
      <c r="CK32" s="198">
        <v>66</v>
      </c>
      <c r="CL32" s="192">
        <v>0</v>
      </c>
      <c r="CM32" s="196">
        <v>0</v>
      </c>
      <c r="CN32" s="193">
        <v>0</v>
      </c>
      <c r="CO32" s="195">
        <v>0</v>
      </c>
      <c r="CP32" s="196">
        <v>0</v>
      </c>
      <c r="CQ32" s="196">
        <v>0</v>
      </c>
      <c r="CR32" s="196">
        <v>0</v>
      </c>
      <c r="CS32" s="196">
        <v>0</v>
      </c>
      <c r="CT32" s="196">
        <v>0</v>
      </c>
      <c r="CU32" s="193">
        <v>0</v>
      </c>
      <c r="CV32" s="198">
        <v>0</v>
      </c>
      <c r="CW32" s="192">
        <v>0</v>
      </c>
      <c r="CX32" s="196">
        <v>0</v>
      </c>
      <c r="CY32" s="193">
        <v>0</v>
      </c>
      <c r="CZ32" s="195">
        <v>0</v>
      </c>
      <c r="DA32" s="196">
        <v>0</v>
      </c>
      <c r="DB32" s="196">
        <v>0</v>
      </c>
      <c r="DC32" s="196">
        <v>0</v>
      </c>
      <c r="DD32" s="196">
        <v>0</v>
      </c>
      <c r="DE32" s="196">
        <v>0</v>
      </c>
      <c r="DF32" s="193">
        <v>0</v>
      </c>
      <c r="DG32" s="198">
        <v>0</v>
      </c>
    </row>
    <row r="33" spans="1:111" ht="18.75" customHeight="1" x14ac:dyDescent="0.2">
      <c r="A33" s="177" t="s">
        <v>31</v>
      </c>
      <c r="B33" s="192">
        <v>0</v>
      </c>
      <c r="C33" s="196">
        <v>0</v>
      </c>
      <c r="D33" s="458">
        <v>0</v>
      </c>
      <c r="E33" s="195">
        <v>0</v>
      </c>
      <c r="F33" s="196">
        <v>211</v>
      </c>
      <c r="G33" s="196">
        <v>201</v>
      </c>
      <c r="H33" s="196">
        <v>235</v>
      </c>
      <c r="I33" s="196">
        <v>94</v>
      </c>
      <c r="J33" s="196">
        <v>327</v>
      </c>
      <c r="K33" s="197">
        <v>1068</v>
      </c>
      <c r="L33" s="198">
        <v>1068</v>
      </c>
      <c r="M33" s="192">
        <v>0</v>
      </c>
      <c r="N33" s="196">
        <v>0</v>
      </c>
      <c r="O33" s="193">
        <v>0</v>
      </c>
      <c r="P33" s="195">
        <v>0</v>
      </c>
      <c r="Q33" s="196">
        <v>0</v>
      </c>
      <c r="R33" s="196">
        <v>10</v>
      </c>
      <c r="S33" s="196">
        <v>23</v>
      </c>
      <c r="T33" s="196">
        <v>31</v>
      </c>
      <c r="U33" s="196">
        <v>34</v>
      </c>
      <c r="V33" s="193">
        <v>98</v>
      </c>
      <c r="W33" s="198">
        <v>98</v>
      </c>
      <c r="X33" s="192">
        <v>7</v>
      </c>
      <c r="Y33" s="196">
        <v>10</v>
      </c>
      <c r="Z33" s="193">
        <v>17</v>
      </c>
      <c r="AA33" s="195">
        <v>0</v>
      </c>
      <c r="AB33" s="196">
        <v>72</v>
      </c>
      <c r="AC33" s="196">
        <v>93</v>
      </c>
      <c r="AD33" s="196">
        <v>128</v>
      </c>
      <c r="AE33" s="196">
        <v>82</v>
      </c>
      <c r="AF33" s="196">
        <v>122</v>
      </c>
      <c r="AG33" s="193">
        <v>497</v>
      </c>
      <c r="AH33" s="198">
        <v>514</v>
      </c>
      <c r="AI33" s="192">
        <v>6</v>
      </c>
      <c r="AJ33" s="196">
        <v>15</v>
      </c>
      <c r="AK33" s="193">
        <v>21</v>
      </c>
      <c r="AL33" s="195">
        <v>0</v>
      </c>
      <c r="AM33" s="196">
        <v>12</v>
      </c>
      <c r="AN33" s="196">
        <v>45</v>
      </c>
      <c r="AO33" s="196">
        <v>1</v>
      </c>
      <c r="AP33" s="196">
        <v>38</v>
      </c>
      <c r="AQ33" s="196">
        <v>51</v>
      </c>
      <c r="AR33" s="193">
        <v>147</v>
      </c>
      <c r="AS33" s="198">
        <v>168</v>
      </c>
      <c r="AT33" s="192">
        <v>0</v>
      </c>
      <c r="AU33" s="196">
        <v>0</v>
      </c>
      <c r="AV33" s="193">
        <v>0</v>
      </c>
      <c r="AW33" s="195">
        <v>0</v>
      </c>
      <c r="AX33" s="196">
        <v>331</v>
      </c>
      <c r="AY33" s="196">
        <v>530</v>
      </c>
      <c r="AZ33" s="196">
        <v>218</v>
      </c>
      <c r="BA33" s="196">
        <v>79</v>
      </c>
      <c r="BB33" s="196">
        <v>64</v>
      </c>
      <c r="BC33" s="197">
        <v>1222</v>
      </c>
      <c r="BD33" s="198">
        <v>1222</v>
      </c>
      <c r="BE33" s="192">
        <v>0</v>
      </c>
      <c r="BF33" s="196">
        <v>0</v>
      </c>
      <c r="BG33" s="193">
        <v>0</v>
      </c>
      <c r="BH33" s="195">
        <v>0</v>
      </c>
      <c r="BI33" s="196">
        <v>7</v>
      </c>
      <c r="BJ33" s="196">
        <v>78</v>
      </c>
      <c r="BK33" s="196">
        <v>38</v>
      </c>
      <c r="BL33" s="196">
        <v>18</v>
      </c>
      <c r="BM33" s="196">
        <v>16</v>
      </c>
      <c r="BN33" s="193">
        <v>157</v>
      </c>
      <c r="BO33" s="198">
        <v>157</v>
      </c>
      <c r="BP33" s="192">
        <v>0</v>
      </c>
      <c r="BQ33" s="196">
        <v>0</v>
      </c>
      <c r="BR33" s="193">
        <v>0</v>
      </c>
      <c r="BS33" s="195">
        <v>0</v>
      </c>
      <c r="BT33" s="196">
        <v>29</v>
      </c>
      <c r="BU33" s="196">
        <v>99</v>
      </c>
      <c r="BV33" s="196">
        <v>153</v>
      </c>
      <c r="BW33" s="196">
        <v>158</v>
      </c>
      <c r="BX33" s="196">
        <v>44</v>
      </c>
      <c r="BY33" s="193">
        <v>483</v>
      </c>
      <c r="BZ33" s="198">
        <v>483</v>
      </c>
      <c r="CA33" s="192">
        <v>0</v>
      </c>
      <c r="CB33" s="196">
        <v>0</v>
      </c>
      <c r="CC33" s="193">
        <v>0</v>
      </c>
      <c r="CD33" s="195">
        <v>0</v>
      </c>
      <c r="CE33" s="196">
        <v>0</v>
      </c>
      <c r="CF33" s="196">
        <v>20</v>
      </c>
      <c r="CG33" s="196">
        <v>1</v>
      </c>
      <c r="CH33" s="196">
        <v>12</v>
      </c>
      <c r="CI33" s="196">
        <v>5</v>
      </c>
      <c r="CJ33" s="193">
        <v>38</v>
      </c>
      <c r="CK33" s="198">
        <v>38</v>
      </c>
      <c r="CL33" s="192">
        <v>0</v>
      </c>
      <c r="CM33" s="196">
        <v>0</v>
      </c>
      <c r="CN33" s="193">
        <v>0</v>
      </c>
      <c r="CO33" s="195">
        <v>0</v>
      </c>
      <c r="CP33" s="196">
        <v>0</v>
      </c>
      <c r="CQ33" s="196">
        <v>0</v>
      </c>
      <c r="CR33" s="196">
        <v>0</v>
      </c>
      <c r="CS33" s="196">
        <v>0</v>
      </c>
      <c r="CT33" s="196">
        <v>0</v>
      </c>
      <c r="CU33" s="193">
        <v>0</v>
      </c>
      <c r="CV33" s="198">
        <v>0</v>
      </c>
      <c r="CW33" s="192">
        <v>0</v>
      </c>
      <c r="CX33" s="196">
        <v>0</v>
      </c>
      <c r="CY33" s="193">
        <v>0</v>
      </c>
      <c r="CZ33" s="195">
        <v>0</v>
      </c>
      <c r="DA33" s="196">
        <v>0</v>
      </c>
      <c r="DB33" s="196">
        <v>0</v>
      </c>
      <c r="DC33" s="196">
        <v>0</v>
      </c>
      <c r="DD33" s="196">
        <v>0</v>
      </c>
      <c r="DE33" s="196">
        <v>0</v>
      </c>
      <c r="DF33" s="193">
        <v>0</v>
      </c>
      <c r="DG33" s="198">
        <v>0</v>
      </c>
    </row>
    <row r="34" spans="1:111" ht="18.75" customHeight="1" x14ac:dyDescent="0.2">
      <c r="A34" s="177" t="s">
        <v>32</v>
      </c>
      <c r="B34" s="192">
        <v>0</v>
      </c>
      <c r="C34" s="196">
        <v>0</v>
      </c>
      <c r="D34" s="458">
        <v>0</v>
      </c>
      <c r="E34" s="195">
        <v>0</v>
      </c>
      <c r="F34" s="196">
        <v>400</v>
      </c>
      <c r="G34" s="196">
        <v>352</v>
      </c>
      <c r="H34" s="196">
        <v>585</v>
      </c>
      <c r="I34" s="196">
        <v>555</v>
      </c>
      <c r="J34" s="196">
        <v>492</v>
      </c>
      <c r="K34" s="197">
        <v>2384</v>
      </c>
      <c r="L34" s="198">
        <v>2384</v>
      </c>
      <c r="M34" s="192">
        <v>0</v>
      </c>
      <c r="N34" s="196">
        <v>0</v>
      </c>
      <c r="O34" s="193">
        <v>0</v>
      </c>
      <c r="P34" s="195">
        <v>0</v>
      </c>
      <c r="Q34" s="196">
        <v>0</v>
      </c>
      <c r="R34" s="196">
        <v>0</v>
      </c>
      <c r="S34" s="196">
        <v>4</v>
      </c>
      <c r="T34" s="196">
        <v>10</v>
      </c>
      <c r="U34" s="196">
        <v>48</v>
      </c>
      <c r="V34" s="193">
        <v>62</v>
      </c>
      <c r="W34" s="198">
        <v>62</v>
      </c>
      <c r="X34" s="192">
        <v>32</v>
      </c>
      <c r="Y34" s="196">
        <v>34</v>
      </c>
      <c r="Z34" s="193">
        <v>66</v>
      </c>
      <c r="AA34" s="195">
        <v>0</v>
      </c>
      <c r="AB34" s="196">
        <v>206</v>
      </c>
      <c r="AC34" s="196">
        <v>245</v>
      </c>
      <c r="AD34" s="196">
        <v>154</v>
      </c>
      <c r="AE34" s="196">
        <v>131</v>
      </c>
      <c r="AF34" s="196">
        <v>68</v>
      </c>
      <c r="AG34" s="193">
        <v>804</v>
      </c>
      <c r="AH34" s="198">
        <v>870</v>
      </c>
      <c r="AI34" s="192">
        <v>3</v>
      </c>
      <c r="AJ34" s="196">
        <v>15</v>
      </c>
      <c r="AK34" s="193">
        <v>18</v>
      </c>
      <c r="AL34" s="195">
        <v>0</v>
      </c>
      <c r="AM34" s="196">
        <v>108</v>
      </c>
      <c r="AN34" s="196">
        <v>3</v>
      </c>
      <c r="AO34" s="196">
        <v>27</v>
      </c>
      <c r="AP34" s="196">
        <v>15</v>
      </c>
      <c r="AQ34" s="196">
        <v>30</v>
      </c>
      <c r="AR34" s="193">
        <v>183</v>
      </c>
      <c r="AS34" s="198">
        <v>201</v>
      </c>
      <c r="AT34" s="192">
        <v>0</v>
      </c>
      <c r="AU34" s="196">
        <v>0</v>
      </c>
      <c r="AV34" s="193">
        <v>0</v>
      </c>
      <c r="AW34" s="195">
        <v>0</v>
      </c>
      <c r="AX34" s="196">
        <v>450</v>
      </c>
      <c r="AY34" s="196">
        <v>539</v>
      </c>
      <c r="AZ34" s="196">
        <v>239</v>
      </c>
      <c r="BA34" s="196">
        <v>261</v>
      </c>
      <c r="BB34" s="196">
        <v>26</v>
      </c>
      <c r="BC34" s="197">
        <v>1515</v>
      </c>
      <c r="BD34" s="198">
        <v>1515</v>
      </c>
      <c r="BE34" s="192">
        <v>0</v>
      </c>
      <c r="BF34" s="196">
        <v>0</v>
      </c>
      <c r="BG34" s="193">
        <v>0</v>
      </c>
      <c r="BH34" s="195">
        <v>0</v>
      </c>
      <c r="BI34" s="196">
        <v>87</v>
      </c>
      <c r="BJ34" s="196">
        <v>105</v>
      </c>
      <c r="BK34" s="196">
        <v>36</v>
      </c>
      <c r="BL34" s="196">
        <v>26</v>
      </c>
      <c r="BM34" s="196">
        <v>23</v>
      </c>
      <c r="BN34" s="193">
        <v>277</v>
      </c>
      <c r="BO34" s="198">
        <v>277</v>
      </c>
      <c r="BP34" s="192">
        <v>6</v>
      </c>
      <c r="BQ34" s="196">
        <v>0</v>
      </c>
      <c r="BR34" s="193">
        <v>6</v>
      </c>
      <c r="BS34" s="195">
        <v>0</v>
      </c>
      <c r="BT34" s="196">
        <v>22</v>
      </c>
      <c r="BU34" s="196">
        <v>79</v>
      </c>
      <c r="BV34" s="196">
        <v>59</v>
      </c>
      <c r="BW34" s="196">
        <v>37</v>
      </c>
      <c r="BX34" s="196">
        <v>6</v>
      </c>
      <c r="BY34" s="193">
        <v>203</v>
      </c>
      <c r="BZ34" s="198">
        <v>209</v>
      </c>
      <c r="CA34" s="192">
        <v>0</v>
      </c>
      <c r="CB34" s="196">
        <v>0</v>
      </c>
      <c r="CC34" s="193">
        <v>0</v>
      </c>
      <c r="CD34" s="195">
        <v>0</v>
      </c>
      <c r="CE34" s="196">
        <v>0</v>
      </c>
      <c r="CF34" s="196">
        <v>37</v>
      </c>
      <c r="CG34" s="196">
        <v>5</v>
      </c>
      <c r="CH34" s="196">
        <v>29</v>
      </c>
      <c r="CI34" s="196">
        <v>36</v>
      </c>
      <c r="CJ34" s="193">
        <v>107</v>
      </c>
      <c r="CK34" s="198">
        <v>107</v>
      </c>
      <c r="CL34" s="192">
        <v>0</v>
      </c>
      <c r="CM34" s="196">
        <v>0</v>
      </c>
      <c r="CN34" s="193">
        <v>0</v>
      </c>
      <c r="CO34" s="195">
        <v>0</v>
      </c>
      <c r="CP34" s="196">
        <v>0</v>
      </c>
      <c r="CQ34" s="196">
        <v>0</v>
      </c>
      <c r="CR34" s="196">
        <v>0</v>
      </c>
      <c r="CS34" s="196">
        <v>0</v>
      </c>
      <c r="CT34" s="196">
        <v>0</v>
      </c>
      <c r="CU34" s="193">
        <v>0</v>
      </c>
      <c r="CV34" s="198">
        <v>0</v>
      </c>
      <c r="CW34" s="192">
        <v>0</v>
      </c>
      <c r="CX34" s="196">
        <v>0</v>
      </c>
      <c r="CY34" s="193">
        <v>0</v>
      </c>
      <c r="CZ34" s="195">
        <v>0</v>
      </c>
      <c r="DA34" s="196">
        <v>0</v>
      </c>
      <c r="DB34" s="196">
        <v>0</v>
      </c>
      <c r="DC34" s="196">
        <v>0</v>
      </c>
      <c r="DD34" s="196">
        <v>0</v>
      </c>
      <c r="DE34" s="196">
        <v>0</v>
      </c>
      <c r="DF34" s="193">
        <v>0</v>
      </c>
      <c r="DG34" s="198">
        <v>0</v>
      </c>
    </row>
    <row r="35" spans="1:111" ht="18.75" customHeight="1" x14ac:dyDescent="0.2">
      <c r="A35" s="177" t="s">
        <v>33</v>
      </c>
      <c r="B35" s="192">
        <v>0</v>
      </c>
      <c r="C35" s="196">
        <v>0</v>
      </c>
      <c r="D35" s="458">
        <v>0</v>
      </c>
      <c r="E35" s="195">
        <v>0</v>
      </c>
      <c r="F35" s="196">
        <v>371</v>
      </c>
      <c r="G35" s="196">
        <v>381</v>
      </c>
      <c r="H35" s="196">
        <v>254</v>
      </c>
      <c r="I35" s="196">
        <v>411</v>
      </c>
      <c r="J35" s="196">
        <v>487</v>
      </c>
      <c r="K35" s="197">
        <v>1904</v>
      </c>
      <c r="L35" s="198">
        <v>1904</v>
      </c>
      <c r="M35" s="192">
        <v>0</v>
      </c>
      <c r="N35" s="196">
        <v>0</v>
      </c>
      <c r="O35" s="193">
        <v>0</v>
      </c>
      <c r="P35" s="195">
        <v>0</v>
      </c>
      <c r="Q35" s="196">
        <v>0</v>
      </c>
      <c r="R35" s="196">
        <v>5</v>
      </c>
      <c r="S35" s="196">
        <v>8</v>
      </c>
      <c r="T35" s="196">
        <v>13</v>
      </c>
      <c r="U35" s="196">
        <v>22</v>
      </c>
      <c r="V35" s="193">
        <v>48</v>
      </c>
      <c r="W35" s="198">
        <v>48</v>
      </c>
      <c r="X35" s="192">
        <v>7</v>
      </c>
      <c r="Y35" s="196">
        <v>4</v>
      </c>
      <c r="Z35" s="193">
        <v>11</v>
      </c>
      <c r="AA35" s="195">
        <v>0</v>
      </c>
      <c r="AB35" s="196">
        <v>79</v>
      </c>
      <c r="AC35" s="196">
        <v>85</v>
      </c>
      <c r="AD35" s="196">
        <v>76</v>
      </c>
      <c r="AE35" s="196">
        <v>54</v>
      </c>
      <c r="AF35" s="196">
        <v>64</v>
      </c>
      <c r="AG35" s="193">
        <v>358</v>
      </c>
      <c r="AH35" s="198">
        <v>369</v>
      </c>
      <c r="AI35" s="192">
        <v>73</v>
      </c>
      <c r="AJ35" s="196">
        <v>296</v>
      </c>
      <c r="AK35" s="193">
        <v>369</v>
      </c>
      <c r="AL35" s="195">
        <v>0</v>
      </c>
      <c r="AM35" s="196">
        <v>342</v>
      </c>
      <c r="AN35" s="196">
        <v>148</v>
      </c>
      <c r="AO35" s="196">
        <v>73</v>
      </c>
      <c r="AP35" s="196">
        <v>73</v>
      </c>
      <c r="AQ35" s="196">
        <v>33</v>
      </c>
      <c r="AR35" s="193">
        <v>669</v>
      </c>
      <c r="AS35" s="198">
        <v>1038</v>
      </c>
      <c r="AT35" s="192">
        <v>0</v>
      </c>
      <c r="AU35" s="196">
        <v>0</v>
      </c>
      <c r="AV35" s="193">
        <v>0</v>
      </c>
      <c r="AW35" s="195">
        <v>0</v>
      </c>
      <c r="AX35" s="196">
        <v>101</v>
      </c>
      <c r="AY35" s="196">
        <v>29</v>
      </c>
      <c r="AZ35" s="196">
        <v>52</v>
      </c>
      <c r="BA35" s="196">
        <v>71</v>
      </c>
      <c r="BB35" s="196">
        <v>18</v>
      </c>
      <c r="BC35" s="197">
        <v>271</v>
      </c>
      <c r="BD35" s="198">
        <v>271</v>
      </c>
      <c r="BE35" s="192">
        <v>0</v>
      </c>
      <c r="BF35" s="196">
        <v>0</v>
      </c>
      <c r="BG35" s="193">
        <v>0</v>
      </c>
      <c r="BH35" s="195">
        <v>0</v>
      </c>
      <c r="BI35" s="196">
        <v>105</v>
      </c>
      <c r="BJ35" s="196">
        <v>154</v>
      </c>
      <c r="BK35" s="196">
        <v>57</v>
      </c>
      <c r="BL35" s="196">
        <v>4</v>
      </c>
      <c r="BM35" s="196">
        <v>18</v>
      </c>
      <c r="BN35" s="193">
        <v>338</v>
      </c>
      <c r="BO35" s="198">
        <v>338</v>
      </c>
      <c r="BP35" s="192">
        <v>3</v>
      </c>
      <c r="BQ35" s="196">
        <v>0</v>
      </c>
      <c r="BR35" s="193">
        <v>3</v>
      </c>
      <c r="BS35" s="195">
        <v>0</v>
      </c>
      <c r="BT35" s="196">
        <v>36</v>
      </c>
      <c r="BU35" s="196">
        <v>9</v>
      </c>
      <c r="BV35" s="196">
        <v>15</v>
      </c>
      <c r="BW35" s="196">
        <v>94</v>
      </c>
      <c r="BX35" s="196">
        <v>8</v>
      </c>
      <c r="BY35" s="193">
        <v>162</v>
      </c>
      <c r="BZ35" s="198">
        <v>165</v>
      </c>
      <c r="CA35" s="192">
        <v>0</v>
      </c>
      <c r="CB35" s="196">
        <v>0</v>
      </c>
      <c r="CC35" s="193">
        <v>0</v>
      </c>
      <c r="CD35" s="195">
        <v>0</v>
      </c>
      <c r="CE35" s="196">
        <v>32</v>
      </c>
      <c r="CF35" s="196">
        <v>14</v>
      </c>
      <c r="CG35" s="196">
        <v>21</v>
      </c>
      <c r="CH35" s="196">
        <v>0</v>
      </c>
      <c r="CI35" s="196">
        <v>0</v>
      </c>
      <c r="CJ35" s="193">
        <v>67</v>
      </c>
      <c r="CK35" s="198">
        <v>67</v>
      </c>
      <c r="CL35" s="192">
        <v>0</v>
      </c>
      <c r="CM35" s="196">
        <v>0</v>
      </c>
      <c r="CN35" s="193">
        <v>0</v>
      </c>
      <c r="CO35" s="195">
        <v>0</v>
      </c>
      <c r="CP35" s="196">
        <v>0</v>
      </c>
      <c r="CQ35" s="196">
        <v>0</v>
      </c>
      <c r="CR35" s="196">
        <v>0</v>
      </c>
      <c r="CS35" s="196">
        <v>0</v>
      </c>
      <c r="CT35" s="196">
        <v>0</v>
      </c>
      <c r="CU35" s="193">
        <v>0</v>
      </c>
      <c r="CV35" s="198">
        <v>0</v>
      </c>
      <c r="CW35" s="192">
        <v>0</v>
      </c>
      <c r="CX35" s="196">
        <v>0</v>
      </c>
      <c r="CY35" s="193">
        <v>0</v>
      </c>
      <c r="CZ35" s="195">
        <v>0</v>
      </c>
      <c r="DA35" s="196">
        <v>6</v>
      </c>
      <c r="DB35" s="196">
        <v>0</v>
      </c>
      <c r="DC35" s="196">
        <v>0</v>
      </c>
      <c r="DD35" s="196">
        <v>0</v>
      </c>
      <c r="DE35" s="196">
        <v>0</v>
      </c>
      <c r="DF35" s="193">
        <v>6</v>
      </c>
      <c r="DG35" s="198">
        <v>6</v>
      </c>
    </row>
    <row r="36" spans="1:111" ht="18.75" customHeight="1" x14ac:dyDescent="0.2">
      <c r="A36" s="177" t="s">
        <v>34</v>
      </c>
      <c r="B36" s="192">
        <v>0</v>
      </c>
      <c r="C36" s="196">
        <v>0</v>
      </c>
      <c r="D36" s="458">
        <v>0</v>
      </c>
      <c r="E36" s="195">
        <v>0</v>
      </c>
      <c r="F36" s="196">
        <v>201</v>
      </c>
      <c r="G36" s="196">
        <v>116</v>
      </c>
      <c r="H36" s="196">
        <v>133</v>
      </c>
      <c r="I36" s="196">
        <v>191</v>
      </c>
      <c r="J36" s="196">
        <v>264</v>
      </c>
      <c r="K36" s="197">
        <v>905</v>
      </c>
      <c r="L36" s="198">
        <v>905</v>
      </c>
      <c r="M36" s="192">
        <v>0</v>
      </c>
      <c r="N36" s="196">
        <v>0</v>
      </c>
      <c r="O36" s="193">
        <v>0</v>
      </c>
      <c r="P36" s="195">
        <v>0</v>
      </c>
      <c r="Q36" s="196">
        <v>0</v>
      </c>
      <c r="R36" s="196">
        <v>0</v>
      </c>
      <c r="S36" s="196">
        <v>0</v>
      </c>
      <c r="T36" s="196">
        <v>4</v>
      </c>
      <c r="U36" s="196">
        <v>36</v>
      </c>
      <c r="V36" s="193">
        <v>40</v>
      </c>
      <c r="W36" s="198">
        <v>40</v>
      </c>
      <c r="X36" s="192">
        <v>14</v>
      </c>
      <c r="Y36" s="196">
        <v>19</v>
      </c>
      <c r="Z36" s="193">
        <v>33</v>
      </c>
      <c r="AA36" s="195">
        <v>0</v>
      </c>
      <c r="AB36" s="196">
        <v>51</v>
      </c>
      <c r="AC36" s="196">
        <v>51</v>
      </c>
      <c r="AD36" s="196">
        <v>19</v>
      </c>
      <c r="AE36" s="196">
        <v>0</v>
      </c>
      <c r="AF36" s="196">
        <v>40</v>
      </c>
      <c r="AG36" s="193">
        <v>161</v>
      </c>
      <c r="AH36" s="198">
        <v>194</v>
      </c>
      <c r="AI36" s="192">
        <v>0</v>
      </c>
      <c r="AJ36" s="196">
        <v>18</v>
      </c>
      <c r="AK36" s="193">
        <v>18</v>
      </c>
      <c r="AL36" s="195">
        <v>0</v>
      </c>
      <c r="AM36" s="196">
        <v>108</v>
      </c>
      <c r="AN36" s="196">
        <v>59</v>
      </c>
      <c r="AO36" s="196">
        <v>6</v>
      </c>
      <c r="AP36" s="196">
        <v>15</v>
      </c>
      <c r="AQ36" s="196">
        <v>70</v>
      </c>
      <c r="AR36" s="193">
        <v>258</v>
      </c>
      <c r="AS36" s="198">
        <v>276</v>
      </c>
      <c r="AT36" s="192">
        <v>0</v>
      </c>
      <c r="AU36" s="196">
        <v>0</v>
      </c>
      <c r="AV36" s="193">
        <v>0</v>
      </c>
      <c r="AW36" s="195">
        <v>0</v>
      </c>
      <c r="AX36" s="196">
        <v>300</v>
      </c>
      <c r="AY36" s="196">
        <v>276</v>
      </c>
      <c r="AZ36" s="196">
        <v>172</v>
      </c>
      <c r="BA36" s="196">
        <v>163</v>
      </c>
      <c r="BB36" s="196">
        <v>15</v>
      </c>
      <c r="BC36" s="197">
        <v>926</v>
      </c>
      <c r="BD36" s="198">
        <v>926</v>
      </c>
      <c r="BE36" s="192">
        <v>0</v>
      </c>
      <c r="BF36" s="196">
        <v>0</v>
      </c>
      <c r="BG36" s="193">
        <v>0</v>
      </c>
      <c r="BH36" s="195">
        <v>0</v>
      </c>
      <c r="BI36" s="196">
        <v>85</v>
      </c>
      <c r="BJ36" s="196">
        <v>27</v>
      </c>
      <c r="BK36" s="196">
        <v>25</v>
      </c>
      <c r="BL36" s="196">
        <v>24</v>
      </c>
      <c r="BM36" s="196">
        <v>2</v>
      </c>
      <c r="BN36" s="193">
        <v>163</v>
      </c>
      <c r="BO36" s="198">
        <v>163</v>
      </c>
      <c r="BP36" s="192">
        <v>0</v>
      </c>
      <c r="BQ36" s="196">
        <v>0</v>
      </c>
      <c r="BR36" s="193">
        <v>0</v>
      </c>
      <c r="BS36" s="195">
        <v>0</v>
      </c>
      <c r="BT36" s="196">
        <v>15</v>
      </c>
      <c r="BU36" s="196">
        <v>0</v>
      </c>
      <c r="BV36" s="196">
        <v>27</v>
      </c>
      <c r="BW36" s="196">
        <v>11</v>
      </c>
      <c r="BX36" s="196">
        <v>0</v>
      </c>
      <c r="BY36" s="193">
        <v>53</v>
      </c>
      <c r="BZ36" s="198">
        <v>53</v>
      </c>
      <c r="CA36" s="192">
        <v>0</v>
      </c>
      <c r="CB36" s="196">
        <v>0</v>
      </c>
      <c r="CC36" s="193">
        <v>0</v>
      </c>
      <c r="CD36" s="195">
        <v>0</v>
      </c>
      <c r="CE36" s="196">
        <v>0</v>
      </c>
      <c r="CF36" s="196">
        <v>0</v>
      </c>
      <c r="CG36" s="196">
        <v>0</v>
      </c>
      <c r="CH36" s="196">
        <v>0</v>
      </c>
      <c r="CI36" s="196">
        <v>0</v>
      </c>
      <c r="CJ36" s="193">
        <v>0</v>
      </c>
      <c r="CK36" s="198">
        <v>0</v>
      </c>
      <c r="CL36" s="192">
        <v>0</v>
      </c>
      <c r="CM36" s="196">
        <v>0</v>
      </c>
      <c r="CN36" s="193">
        <v>0</v>
      </c>
      <c r="CO36" s="195">
        <v>0</v>
      </c>
      <c r="CP36" s="196">
        <v>0</v>
      </c>
      <c r="CQ36" s="196">
        <v>0</v>
      </c>
      <c r="CR36" s="196">
        <v>0</v>
      </c>
      <c r="CS36" s="196">
        <v>0</v>
      </c>
      <c r="CT36" s="196">
        <v>0</v>
      </c>
      <c r="CU36" s="193">
        <v>0</v>
      </c>
      <c r="CV36" s="198">
        <v>0</v>
      </c>
      <c r="CW36" s="192">
        <v>0</v>
      </c>
      <c r="CX36" s="196">
        <v>0</v>
      </c>
      <c r="CY36" s="193">
        <v>0</v>
      </c>
      <c r="CZ36" s="195">
        <v>0</v>
      </c>
      <c r="DA36" s="196">
        <v>0</v>
      </c>
      <c r="DB36" s="196">
        <v>0</v>
      </c>
      <c r="DC36" s="196">
        <v>0</v>
      </c>
      <c r="DD36" s="196">
        <v>0</v>
      </c>
      <c r="DE36" s="196">
        <v>0</v>
      </c>
      <c r="DF36" s="193">
        <v>0</v>
      </c>
      <c r="DG36" s="198">
        <v>0</v>
      </c>
    </row>
    <row r="37" spans="1:111" ht="18.75" customHeight="1" x14ac:dyDescent="0.2">
      <c r="A37" s="177" t="s">
        <v>35</v>
      </c>
      <c r="B37" s="192">
        <v>0</v>
      </c>
      <c r="C37" s="196">
        <v>0</v>
      </c>
      <c r="D37" s="458">
        <v>0</v>
      </c>
      <c r="E37" s="195">
        <v>0</v>
      </c>
      <c r="F37" s="196">
        <v>1043</v>
      </c>
      <c r="G37" s="196">
        <v>1420</v>
      </c>
      <c r="H37" s="196">
        <v>1296</v>
      </c>
      <c r="I37" s="196">
        <v>1597</v>
      </c>
      <c r="J37" s="196">
        <v>1068</v>
      </c>
      <c r="K37" s="197">
        <v>6424</v>
      </c>
      <c r="L37" s="198">
        <v>6424</v>
      </c>
      <c r="M37" s="192">
        <v>0</v>
      </c>
      <c r="N37" s="196">
        <v>0</v>
      </c>
      <c r="O37" s="193">
        <v>0</v>
      </c>
      <c r="P37" s="195">
        <v>0</v>
      </c>
      <c r="Q37" s="196">
        <v>0</v>
      </c>
      <c r="R37" s="196">
        <v>23</v>
      </c>
      <c r="S37" s="196">
        <v>26</v>
      </c>
      <c r="T37" s="196">
        <v>44</v>
      </c>
      <c r="U37" s="196">
        <v>78</v>
      </c>
      <c r="V37" s="193">
        <v>171</v>
      </c>
      <c r="W37" s="198">
        <v>171</v>
      </c>
      <c r="X37" s="192">
        <v>9</v>
      </c>
      <c r="Y37" s="196">
        <v>38</v>
      </c>
      <c r="Z37" s="193">
        <v>47</v>
      </c>
      <c r="AA37" s="195">
        <v>0</v>
      </c>
      <c r="AB37" s="196">
        <v>289</v>
      </c>
      <c r="AC37" s="196">
        <v>255</v>
      </c>
      <c r="AD37" s="196">
        <v>121</v>
      </c>
      <c r="AE37" s="196">
        <v>151</v>
      </c>
      <c r="AF37" s="196">
        <v>43</v>
      </c>
      <c r="AG37" s="193">
        <v>859</v>
      </c>
      <c r="AH37" s="198">
        <v>906</v>
      </c>
      <c r="AI37" s="192">
        <v>22</v>
      </c>
      <c r="AJ37" s="196">
        <v>31</v>
      </c>
      <c r="AK37" s="193">
        <v>53</v>
      </c>
      <c r="AL37" s="195">
        <v>0</v>
      </c>
      <c r="AM37" s="196">
        <v>209</v>
      </c>
      <c r="AN37" s="196">
        <v>172</v>
      </c>
      <c r="AO37" s="196">
        <v>78</v>
      </c>
      <c r="AP37" s="196">
        <v>92</v>
      </c>
      <c r="AQ37" s="196">
        <v>44</v>
      </c>
      <c r="AR37" s="193">
        <v>595</v>
      </c>
      <c r="AS37" s="198">
        <v>648</v>
      </c>
      <c r="AT37" s="192">
        <v>0</v>
      </c>
      <c r="AU37" s="196">
        <v>0</v>
      </c>
      <c r="AV37" s="193">
        <v>0</v>
      </c>
      <c r="AW37" s="195">
        <v>0</v>
      </c>
      <c r="AX37" s="196">
        <v>1292</v>
      </c>
      <c r="AY37" s="196">
        <v>1009</v>
      </c>
      <c r="AZ37" s="196">
        <v>627</v>
      </c>
      <c r="BA37" s="196">
        <v>307</v>
      </c>
      <c r="BB37" s="196">
        <v>188</v>
      </c>
      <c r="BC37" s="197">
        <v>3423</v>
      </c>
      <c r="BD37" s="198">
        <v>3423</v>
      </c>
      <c r="BE37" s="192">
        <v>0</v>
      </c>
      <c r="BF37" s="196">
        <v>0</v>
      </c>
      <c r="BG37" s="193">
        <v>0</v>
      </c>
      <c r="BH37" s="195">
        <v>0</v>
      </c>
      <c r="BI37" s="196">
        <v>419</v>
      </c>
      <c r="BJ37" s="196">
        <v>225</v>
      </c>
      <c r="BK37" s="196">
        <v>141</v>
      </c>
      <c r="BL37" s="196">
        <v>135</v>
      </c>
      <c r="BM37" s="196">
        <v>8</v>
      </c>
      <c r="BN37" s="193">
        <v>928</v>
      </c>
      <c r="BO37" s="198">
        <v>928</v>
      </c>
      <c r="BP37" s="192">
        <v>0</v>
      </c>
      <c r="BQ37" s="196">
        <v>0</v>
      </c>
      <c r="BR37" s="193">
        <v>0</v>
      </c>
      <c r="BS37" s="195">
        <v>0</v>
      </c>
      <c r="BT37" s="196">
        <v>71</v>
      </c>
      <c r="BU37" s="196">
        <v>182</v>
      </c>
      <c r="BV37" s="196">
        <v>135</v>
      </c>
      <c r="BW37" s="196">
        <v>73</v>
      </c>
      <c r="BX37" s="196">
        <v>28</v>
      </c>
      <c r="BY37" s="193">
        <v>489</v>
      </c>
      <c r="BZ37" s="198">
        <v>489</v>
      </c>
      <c r="CA37" s="192">
        <v>0</v>
      </c>
      <c r="CB37" s="196">
        <v>0</v>
      </c>
      <c r="CC37" s="193">
        <v>0</v>
      </c>
      <c r="CD37" s="195">
        <v>0</v>
      </c>
      <c r="CE37" s="196">
        <v>14</v>
      </c>
      <c r="CF37" s="196">
        <v>3</v>
      </c>
      <c r="CG37" s="196">
        <v>8</v>
      </c>
      <c r="CH37" s="196">
        <v>24</v>
      </c>
      <c r="CI37" s="196">
        <v>0</v>
      </c>
      <c r="CJ37" s="193">
        <v>49</v>
      </c>
      <c r="CK37" s="198">
        <v>49</v>
      </c>
      <c r="CL37" s="192">
        <v>0</v>
      </c>
      <c r="CM37" s="196">
        <v>0</v>
      </c>
      <c r="CN37" s="193">
        <v>0</v>
      </c>
      <c r="CO37" s="195">
        <v>0</v>
      </c>
      <c r="CP37" s="196">
        <v>0</v>
      </c>
      <c r="CQ37" s="196">
        <v>0</v>
      </c>
      <c r="CR37" s="196">
        <v>0</v>
      </c>
      <c r="CS37" s="196">
        <v>0</v>
      </c>
      <c r="CT37" s="196">
        <v>0</v>
      </c>
      <c r="CU37" s="193">
        <v>0</v>
      </c>
      <c r="CV37" s="198">
        <v>0</v>
      </c>
      <c r="CW37" s="192">
        <v>0</v>
      </c>
      <c r="CX37" s="196">
        <v>0</v>
      </c>
      <c r="CY37" s="193">
        <v>0</v>
      </c>
      <c r="CZ37" s="195">
        <v>0</v>
      </c>
      <c r="DA37" s="196">
        <v>0</v>
      </c>
      <c r="DB37" s="196">
        <v>0</v>
      </c>
      <c r="DC37" s="196">
        <v>0</v>
      </c>
      <c r="DD37" s="196">
        <v>0</v>
      </c>
      <c r="DE37" s="196">
        <v>0</v>
      </c>
      <c r="DF37" s="193">
        <v>0</v>
      </c>
      <c r="DG37" s="198">
        <v>0</v>
      </c>
    </row>
    <row r="38" spans="1:111" ht="18.75" customHeight="1" x14ac:dyDescent="0.2">
      <c r="A38" s="177" t="s">
        <v>36</v>
      </c>
      <c r="B38" s="192">
        <v>0</v>
      </c>
      <c r="C38" s="196">
        <v>0</v>
      </c>
      <c r="D38" s="458">
        <v>0</v>
      </c>
      <c r="E38" s="195">
        <v>0</v>
      </c>
      <c r="F38" s="196">
        <v>705</v>
      </c>
      <c r="G38" s="196">
        <v>1348</v>
      </c>
      <c r="H38" s="196">
        <v>1540</v>
      </c>
      <c r="I38" s="196">
        <v>2151</v>
      </c>
      <c r="J38" s="196">
        <v>1117</v>
      </c>
      <c r="K38" s="197">
        <v>6861</v>
      </c>
      <c r="L38" s="198">
        <v>6861</v>
      </c>
      <c r="M38" s="192">
        <v>0</v>
      </c>
      <c r="N38" s="196">
        <v>0</v>
      </c>
      <c r="O38" s="193">
        <v>0</v>
      </c>
      <c r="P38" s="195">
        <v>0</v>
      </c>
      <c r="Q38" s="196">
        <v>18</v>
      </c>
      <c r="R38" s="196">
        <v>32</v>
      </c>
      <c r="S38" s="196">
        <v>23</v>
      </c>
      <c r="T38" s="196">
        <v>59</v>
      </c>
      <c r="U38" s="196">
        <v>60</v>
      </c>
      <c r="V38" s="193">
        <v>192</v>
      </c>
      <c r="W38" s="198">
        <v>192</v>
      </c>
      <c r="X38" s="192">
        <v>115</v>
      </c>
      <c r="Y38" s="196">
        <v>153</v>
      </c>
      <c r="Z38" s="193">
        <v>268</v>
      </c>
      <c r="AA38" s="195">
        <v>0</v>
      </c>
      <c r="AB38" s="196">
        <v>469</v>
      </c>
      <c r="AC38" s="196">
        <v>663</v>
      </c>
      <c r="AD38" s="196">
        <v>356</v>
      </c>
      <c r="AE38" s="196">
        <v>434</v>
      </c>
      <c r="AF38" s="196">
        <v>366</v>
      </c>
      <c r="AG38" s="193">
        <v>2288</v>
      </c>
      <c r="AH38" s="198">
        <v>2556</v>
      </c>
      <c r="AI38" s="192">
        <v>24</v>
      </c>
      <c r="AJ38" s="196">
        <v>0</v>
      </c>
      <c r="AK38" s="193">
        <v>24</v>
      </c>
      <c r="AL38" s="195">
        <v>0</v>
      </c>
      <c r="AM38" s="196">
        <v>0</v>
      </c>
      <c r="AN38" s="196">
        <v>11</v>
      </c>
      <c r="AO38" s="196">
        <v>6</v>
      </c>
      <c r="AP38" s="196">
        <v>46</v>
      </c>
      <c r="AQ38" s="196">
        <v>21</v>
      </c>
      <c r="AR38" s="193">
        <v>84</v>
      </c>
      <c r="AS38" s="198">
        <v>108</v>
      </c>
      <c r="AT38" s="192">
        <v>0</v>
      </c>
      <c r="AU38" s="196">
        <v>0</v>
      </c>
      <c r="AV38" s="193">
        <v>0</v>
      </c>
      <c r="AW38" s="195">
        <v>0</v>
      </c>
      <c r="AX38" s="196">
        <v>785</v>
      </c>
      <c r="AY38" s="196">
        <v>992</v>
      </c>
      <c r="AZ38" s="196">
        <v>648</v>
      </c>
      <c r="BA38" s="196">
        <v>350</v>
      </c>
      <c r="BB38" s="196">
        <v>160</v>
      </c>
      <c r="BC38" s="197">
        <v>2935</v>
      </c>
      <c r="BD38" s="198">
        <v>2935</v>
      </c>
      <c r="BE38" s="192">
        <v>0</v>
      </c>
      <c r="BF38" s="196">
        <v>0</v>
      </c>
      <c r="BG38" s="193">
        <v>0</v>
      </c>
      <c r="BH38" s="195">
        <v>0</v>
      </c>
      <c r="BI38" s="196">
        <v>198</v>
      </c>
      <c r="BJ38" s="196">
        <v>210</v>
      </c>
      <c r="BK38" s="196">
        <v>146</v>
      </c>
      <c r="BL38" s="196">
        <v>51</v>
      </c>
      <c r="BM38" s="196">
        <v>3</v>
      </c>
      <c r="BN38" s="193">
        <v>608</v>
      </c>
      <c r="BO38" s="198">
        <v>608</v>
      </c>
      <c r="BP38" s="192">
        <v>0</v>
      </c>
      <c r="BQ38" s="196">
        <v>0</v>
      </c>
      <c r="BR38" s="193">
        <v>0</v>
      </c>
      <c r="BS38" s="195">
        <v>0</v>
      </c>
      <c r="BT38" s="196">
        <v>105</v>
      </c>
      <c r="BU38" s="196">
        <v>70</v>
      </c>
      <c r="BV38" s="196">
        <v>305</v>
      </c>
      <c r="BW38" s="196">
        <v>160</v>
      </c>
      <c r="BX38" s="196">
        <v>84</v>
      </c>
      <c r="BY38" s="193">
        <v>724</v>
      </c>
      <c r="BZ38" s="198">
        <v>724</v>
      </c>
      <c r="CA38" s="192">
        <v>0</v>
      </c>
      <c r="CB38" s="196">
        <v>0</v>
      </c>
      <c r="CC38" s="193">
        <v>0</v>
      </c>
      <c r="CD38" s="195">
        <v>0</v>
      </c>
      <c r="CE38" s="196">
        <v>0</v>
      </c>
      <c r="CF38" s="196">
        <v>7</v>
      </c>
      <c r="CG38" s="196">
        <v>3</v>
      </c>
      <c r="CH38" s="196">
        <v>0</v>
      </c>
      <c r="CI38" s="196">
        <v>0</v>
      </c>
      <c r="CJ38" s="193">
        <v>10</v>
      </c>
      <c r="CK38" s="198">
        <v>10</v>
      </c>
      <c r="CL38" s="192">
        <v>0</v>
      </c>
      <c r="CM38" s="196">
        <v>0</v>
      </c>
      <c r="CN38" s="193">
        <v>0</v>
      </c>
      <c r="CO38" s="195">
        <v>0</v>
      </c>
      <c r="CP38" s="196">
        <v>0</v>
      </c>
      <c r="CQ38" s="196">
        <v>0</v>
      </c>
      <c r="CR38" s="196">
        <v>0</v>
      </c>
      <c r="CS38" s="196">
        <v>0</v>
      </c>
      <c r="CT38" s="196">
        <v>0</v>
      </c>
      <c r="CU38" s="193">
        <v>0</v>
      </c>
      <c r="CV38" s="198">
        <v>0</v>
      </c>
      <c r="CW38" s="192">
        <v>0</v>
      </c>
      <c r="CX38" s="196">
        <v>0</v>
      </c>
      <c r="CY38" s="193">
        <v>0</v>
      </c>
      <c r="CZ38" s="195">
        <v>0</v>
      </c>
      <c r="DA38" s="196">
        <v>0</v>
      </c>
      <c r="DB38" s="196">
        <v>0</v>
      </c>
      <c r="DC38" s="196">
        <v>0</v>
      </c>
      <c r="DD38" s="196">
        <v>0</v>
      </c>
      <c r="DE38" s="196">
        <v>0</v>
      </c>
      <c r="DF38" s="193">
        <v>0</v>
      </c>
      <c r="DG38" s="198">
        <v>0</v>
      </c>
    </row>
    <row r="39" spans="1:111" ht="18.75" customHeight="1" thickBot="1" x14ac:dyDescent="0.25">
      <c r="A39" s="178" t="s">
        <v>37</v>
      </c>
      <c r="B39" s="199">
        <v>0</v>
      </c>
      <c r="C39" s="203">
        <v>0</v>
      </c>
      <c r="D39" s="459">
        <v>0</v>
      </c>
      <c r="E39" s="202">
        <v>0</v>
      </c>
      <c r="F39" s="203">
        <v>40</v>
      </c>
      <c r="G39" s="203">
        <v>52</v>
      </c>
      <c r="H39" s="203">
        <v>31</v>
      </c>
      <c r="I39" s="203">
        <v>17</v>
      </c>
      <c r="J39" s="203">
        <v>165</v>
      </c>
      <c r="K39" s="204">
        <v>305</v>
      </c>
      <c r="L39" s="205">
        <v>305</v>
      </c>
      <c r="M39" s="199">
        <v>0</v>
      </c>
      <c r="N39" s="203">
        <v>0</v>
      </c>
      <c r="O39" s="200">
        <v>0</v>
      </c>
      <c r="P39" s="202">
        <v>0</v>
      </c>
      <c r="Q39" s="203">
        <v>0</v>
      </c>
      <c r="R39" s="203">
        <v>0</v>
      </c>
      <c r="S39" s="203">
        <v>0</v>
      </c>
      <c r="T39" s="203">
        <v>4</v>
      </c>
      <c r="U39" s="203">
        <v>0</v>
      </c>
      <c r="V39" s="200">
        <v>4</v>
      </c>
      <c r="W39" s="205">
        <v>4</v>
      </c>
      <c r="X39" s="199">
        <v>0</v>
      </c>
      <c r="Y39" s="203">
        <v>10</v>
      </c>
      <c r="Z39" s="200">
        <v>10</v>
      </c>
      <c r="AA39" s="202">
        <v>0</v>
      </c>
      <c r="AB39" s="203">
        <v>20</v>
      </c>
      <c r="AC39" s="203">
        <v>43</v>
      </c>
      <c r="AD39" s="203">
        <v>25</v>
      </c>
      <c r="AE39" s="203">
        <v>25</v>
      </c>
      <c r="AF39" s="203">
        <v>13</v>
      </c>
      <c r="AG39" s="200">
        <v>126</v>
      </c>
      <c r="AH39" s="205">
        <v>136</v>
      </c>
      <c r="AI39" s="199">
        <v>0</v>
      </c>
      <c r="AJ39" s="203">
        <v>0</v>
      </c>
      <c r="AK39" s="200">
        <v>0</v>
      </c>
      <c r="AL39" s="202">
        <v>0</v>
      </c>
      <c r="AM39" s="203">
        <v>21</v>
      </c>
      <c r="AN39" s="203">
        <v>8</v>
      </c>
      <c r="AO39" s="203">
        <v>30</v>
      </c>
      <c r="AP39" s="203">
        <v>12</v>
      </c>
      <c r="AQ39" s="203">
        <v>0</v>
      </c>
      <c r="AR39" s="200">
        <v>71</v>
      </c>
      <c r="AS39" s="205">
        <v>71</v>
      </c>
      <c r="AT39" s="199">
        <v>0</v>
      </c>
      <c r="AU39" s="203">
        <v>0</v>
      </c>
      <c r="AV39" s="200">
        <v>0</v>
      </c>
      <c r="AW39" s="202">
        <v>0</v>
      </c>
      <c r="AX39" s="203">
        <v>56</v>
      </c>
      <c r="AY39" s="203">
        <v>32</v>
      </c>
      <c r="AZ39" s="203">
        <v>46</v>
      </c>
      <c r="BA39" s="203">
        <v>11</v>
      </c>
      <c r="BB39" s="203">
        <v>15</v>
      </c>
      <c r="BC39" s="204">
        <v>160</v>
      </c>
      <c r="BD39" s="205">
        <v>160</v>
      </c>
      <c r="BE39" s="199">
        <v>0</v>
      </c>
      <c r="BF39" s="203">
        <v>0</v>
      </c>
      <c r="BG39" s="200">
        <v>0</v>
      </c>
      <c r="BH39" s="202">
        <v>0</v>
      </c>
      <c r="BI39" s="203">
        <v>47</v>
      </c>
      <c r="BJ39" s="203">
        <v>44</v>
      </c>
      <c r="BK39" s="203">
        <v>24</v>
      </c>
      <c r="BL39" s="203">
        <v>34</v>
      </c>
      <c r="BM39" s="203">
        <v>0</v>
      </c>
      <c r="BN39" s="200">
        <v>149</v>
      </c>
      <c r="BO39" s="205">
        <v>149</v>
      </c>
      <c r="BP39" s="199">
        <v>0</v>
      </c>
      <c r="BQ39" s="203">
        <v>0</v>
      </c>
      <c r="BR39" s="200">
        <v>0</v>
      </c>
      <c r="BS39" s="202">
        <v>0</v>
      </c>
      <c r="BT39" s="203">
        <v>6</v>
      </c>
      <c r="BU39" s="203">
        <v>3</v>
      </c>
      <c r="BV39" s="203">
        <v>20</v>
      </c>
      <c r="BW39" s="203">
        <v>0</v>
      </c>
      <c r="BX39" s="203">
        <v>8</v>
      </c>
      <c r="BY39" s="200">
        <v>37</v>
      </c>
      <c r="BZ39" s="205">
        <v>37</v>
      </c>
      <c r="CA39" s="199">
        <v>0</v>
      </c>
      <c r="CB39" s="203">
        <v>0</v>
      </c>
      <c r="CC39" s="200">
        <v>0</v>
      </c>
      <c r="CD39" s="202">
        <v>0</v>
      </c>
      <c r="CE39" s="203">
        <v>0</v>
      </c>
      <c r="CF39" s="203">
        <v>0</v>
      </c>
      <c r="CG39" s="203">
        <v>5</v>
      </c>
      <c r="CH39" s="203">
        <v>14</v>
      </c>
      <c r="CI39" s="203">
        <v>0</v>
      </c>
      <c r="CJ39" s="200">
        <v>19</v>
      </c>
      <c r="CK39" s="205">
        <v>19</v>
      </c>
      <c r="CL39" s="199">
        <v>0</v>
      </c>
      <c r="CM39" s="203">
        <v>0</v>
      </c>
      <c r="CN39" s="200">
        <v>0</v>
      </c>
      <c r="CO39" s="202">
        <v>0</v>
      </c>
      <c r="CP39" s="203">
        <v>0</v>
      </c>
      <c r="CQ39" s="203">
        <v>0</v>
      </c>
      <c r="CR39" s="203">
        <v>0</v>
      </c>
      <c r="CS39" s="203">
        <v>0</v>
      </c>
      <c r="CT39" s="203">
        <v>0</v>
      </c>
      <c r="CU39" s="200">
        <v>0</v>
      </c>
      <c r="CV39" s="205">
        <v>0</v>
      </c>
      <c r="CW39" s="199">
        <v>0</v>
      </c>
      <c r="CX39" s="203">
        <v>0</v>
      </c>
      <c r="CY39" s="200">
        <v>0</v>
      </c>
      <c r="CZ39" s="202">
        <v>0</v>
      </c>
      <c r="DA39" s="203">
        <v>0</v>
      </c>
      <c r="DB39" s="203">
        <v>0</v>
      </c>
      <c r="DC39" s="203">
        <v>0</v>
      </c>
      <c r="DD39" s="203">
        <v>0</v>
      </c>
      <c r="DE39" s="203">
        <v>0</v>
      </c>
      <c r="DF39" s="200">
        <v>0</v>
      </c>
      <c r="DG39" s="205">
        <v>0</v>
      </c>
    </row>
    <row r="40" spans="1:111" ht="27" customHeight="1" x14ac:dyDescent="0.2">
      <c r="B40" s="171" t="s">
        <v>127</v>
      </c>
    </row>
  </sheetData>
  <mergeCells count="43">
    <mergeCell ref="I1:J1"/>
    <mergeCell ref="L1:M1"/>
    <mergeCell ref="CA3:CK3"/>
    <mergeCell ref="CL3:CV3"/>
    <mergeCell ref="M3:W3"/>
    <mergeCell ref="X3:AH3"/>
    <mergeCell ref="AI3:AS3"/>
    <mergeCell ref="AT3:BD3"/>
    <mergeCell ref="BE3:BO3"/>
    <mergeCell ref="BP3:BZ3"/>
    <mergeCell ref="CV4:CV5"/>
    <mergeCell ref="BE4:BG4"/>
    <mergeCell ref="BH4:BN4"/>
    <mergeCell ref="BO4:BO5"/>
    <mergeCell ref="BP4:BR4"/>
    <mergeCell ref="BS4:BY4"/>
    <mergeCell ref="BZ4:BZ5"/>
    <mergeCell ref="CA4:CC4"/>
    <mergeCell ref="CD4:CJ4"/>
    <mergeCell ref="CK4:CK5"/>
    <mergeCell ref="CL4:CN4"/>
    <mergeCell ref="CO4:CU4"/>
    <mergeCell ref="AI4:AK4"/>
    <mergeCell ref="AL4:AR4"/>
    <mergeCell ref="AS4:AS5"/>
    <mergeCell ref="AT4:AV4"/>
    <mergeCell ref="AW4:BC4"/>
    <mergeCell ref="CW3:DG3"/>
    <mergeCell ref="CW4:CY4"/>
    <mergeCell ref="CZ4:DF4"/>
    <mergeCell ref="DG4:DG5"/>
    <mergeCell ref="A3:A5"/>
    <mergeCell ref="B3:L3"/>
    <mergeCell ref="B4:D4"/>
    <mergeCell ref="E4:K4"/>
    <mergeCell ref="L4:L5"/>
    <mergeCell ref="BD4:BD5"/>
    <mergeCell ref="M4:O4"/>
    <mergeCell ref="P4:V4"/>
    <mergeCell ref="W4:W5"/>
    <mergeCell ref="X4:Z4"/>
    <mergeCell ref="AA4:AG4"/>
    <mergeCell ref="AH4:AH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2-05-12T01:53:31Z</cp:lastPrinted>
  <dcterms:created xsi:type="dcterms:W3CDTF">2008-02-08T04:23:07Z</dcterms:created>
  <dcterms:modified xsi:type="dcterms:W3CDTF">2022-06-22T08:02:10Z</dcterms:modified>
</cp:coreProperties>
</file>